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customProperty2.bin" ContentType="application/vnd.openxmlformats-officedocument.spreadsheetml.customProperty"/>
  <Override PartName="/xl/customProperty3.bin" ContentType="application/vnd.openxmlformats-officedocument.spreadsheetml.customProperty"/>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customProperty7.bin" ContentType="application/vnd.openxmlformats-officedocument.spreadsheetml.customProperty"/>
  <Override PartName="/xl/customProperty8.bin" ContentType="application/vnd.openxmlformats-officedocument.spreadsheetml.customProperty"/>
  <Override PartName="/xl/customProperty9.bin" ContentType="application/vnd.openxmlformats-officedocument.spreadsheetml.customProperty"/>
  <Override PartName="/xl/customProperty10.bin" ContentType="application/vnd.openxmlformats-officedocument.spreadsheetml.customProperty"/>
  <Override PartName="/xl/customProperty11.bin" ContentType="application/vnd.openxmlformats-officedocument.spreadsheetml.customProperty"/>
  <Override PartName="/xl/customProperty12.bin" ContentType="application/vnd.openxmlformats-officedocument.spreadsheetml.customProperty"/>
  <Override PartName="/xl/customProperty13.bin" ContentType="application/vnd.openxmlformats-officedocument.spreadsheetml.customProperty"/>
  <Override PartName="/xl/customProperty14.bin" ContentType="application/vnd.openxmlformats-officedocument.spreadsheetml.customProperty"/>
  <Override PartName="/xl/customProperty15.bin" ContentType="application/vnd.openxmlformats-officedocument.spreadsheetml.customProperty"/>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style1.xml" ContentType="application/vnd.ms-office.chartstyle+xml"/>
  <Override PartName="/xl/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P:\Tools\StatEditors\StatLinksFormatter\data\DEV-2020-184-EN - Latin American Economic Outlook 2020\"/>
    </mc:Choice>
  </mc:AlternateContent>
  <bookViews>
    <workbookView xWindow="0" yWindow="0" windowWidth="20490" windowHeight="7160"/>
  </bookViews>
  <sheets>
    <sheet name="Figure 1.5"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s>
  <definedNames>
    <definedName name="\a">#REF!</definedName>
    <definedName name="_____GDP97">[1]Table!$C$5</definedName>
    <definedName name="_____GDP98">[1]Table!$C$6</definedName>
    <definedName name="___GDP97">[1]Table!$C$5</definedName>
    <definedName name="___GDP98">[1]Table!$C$6</definedName>
    <definedName name="__GDP97">[2]Table!$C$5</definedName>
    <definedName name="__GDP98">[2]Table!$C$6</definedName>
    <definedName name="_200001__M">'[3]Haver mom'!$A$2</definedName>
    <definedName name="_Actividades_NUM">[4]Listas_CCAO!$AJ$11:$AK$110</definedName>
    <definedName name="_Ciudades">[4]Listas!$P$11:$P$399</definedName>
    <definedName name="_Días">[4]Listas!$BH$11:$BH$41</definedName>
    <definedName name="_DLX1.INC">#REF!</definedName>
    <definedName name="_DLX1.USE">'[5]Haver-Monthly'!$B$2:$BQ$4</definedName>
    <definedName name="_DLX10.INC">#REF!</definedName>
    <definedName name="_DLX11.INC">#REF!</definedName>
    <definedName name="_DLX12.INC">#REF!</definedName>
    <definedName name="_DLX13.INC">#REF!</definedName>
    <definedName name="_DLX14.INC">[6]Egypt!$A$1:$BD$2</definedName>
    <definedName name="_DLX15.INC">#REF!</definedName>
    <definedName name="_DLX16.INC">#REF!</definedName>
    <definedName name="_DLX17.INC">[6]Iran!$A$1:$BD$2</definedName>
    <definedName name="_DLX18.INC">#REF!</definedName>
    <definedName name="_DLX19.INC">#REF!</definedName>
    <definedName name="_DLX2.INC">#REF!</definedName>
    <definedName name="_DLX2.USE">'[7]Char 1'!$C$3:$N$8</definedName>
    <definedName name="_DLX20.INC">#REF!</definedName>
    <definedName name="_DLX21.INC">#REF!</definedName>
    <definedName name="_DLX22.INC">#REF!</definedName>
    <definedName name="_DLX23.INC">#REF!</definedName>
    <definedName name="_DLX24.INC">[6]Nigeria!$A$1:$BD$2</definedName>
    <definedName name="_DLX25.INC">#REF!</definedName>
    <definedName name="_DLX26.INC">[6]Pakistan!$A$1:$BD$2</definedName>
    <definedName name="_DLX27.INC">[6]Poland!$A$1:$BD$2</definedName>
    <definedName name="_DLX28.INC">#REF!</definedName>
    <definedName name="_DLX29.INC">#REF!</definedName>
    <definedName name="_DLX3.INC">#REF!</definedName>
    <definedName name="_DLX30.INC">[6]Russia!$A$1:$BC$2</definedName>
    <definedName name="_DLX31.INC">[6]Russia!#REF!</definedName>
    <definedName name="_DLX32.INC">#REF!</definedName>
    <definedName name="_DLX33.INC">'[6]South Africa'!$A$1:$BD$2</definedName>
    <definedName name="_DLX34.INC">'[6]South Africa'!#REF!</definedName>
    <definedName name="_DLX35.INC">#REF!</definedName>
    <definedName name="_DLX36.INC">#REF!</definedName>
    <definedName name="_DLX37.INC">[6]Thailand!$A$1:$BD$2</definedName>
    <definedName name="_DLX38.INC">#REF!</definedName>
    <definedName name="_DLX39.INC">[6]Turkey!$A$1:$BD$2</definedName>
    <definedName name="_DLX4.INC">#REF!</definedName>
    <definedName name="_DLX40.INC">#REF!</definedName>
    <definedName name="_DLX41.INC">#REF!</definedName>
    <definedName name="_DLX42.INC">#REF!</definedName>
    <definedName name="_DLX43.INC">#REF!</definedName>
    <definedName name="_DLX44.INC">[6]Vietnam!$A$1:$BD$2</definedName>
    <definedName name="_DLX45.INC">#REF!</definedName>
    <definedName name="_DLX46.INC">#REF!</definedName>
    <definedName name="_DLX47.INC">#REF!</definedName>
    <definedName name="_DLX48.INC">#REF!</definedName>
    <definedName name="_DLX49.INC">#REF!</definedName>
    <definedName name="_DLX5.INC">#REF!</definedName>
    <definedName name="_DLX50.INC">#REF!</definedName>
    <definedName name="_DLX51.INC">#REF!</definedName>
    <definedName name="_DLX52.INC">[6]Argebtina!$A$1:$BD$2</definedName>
    <definedName name="_DLX53.INC">[6]Brazil!$A$1:$BD$2</definedName>
    <definedName name="_DLX54.INC">#REF!</definedName>
    <definedName name="_DLX55.INC">#REF!</definedName>
    <definedName name="_DLX56.INC">[6]China!$A$1:$BD$2</definedName>
    <definedName name="_DLX57.INC">[6]Colombia!$A$1:$BD$2</definedName>
    <definedName name="_DLX58.INC">[6]India!$A$1:$BD$2</definedName>
    <definedName name="_DLX59.INC">[6]Indonesia!$A$1:$BD$2</definedName>
    <definedName name="_DLX6.INC">#REF!</definedName>
    <definedName name="_DLX60.INC">[6]Korea!$A$1:$BD$2</definedName>
    <definedName name="_DLX61.INC">[6]Malaysia!$A$1:$BD$2</definedName>
    <definedName name="_DLX62.INC">[6]Mexico!$A$1:$BD$2</definedName>
    <definedName name="_DLX63.INC">[6]Peru!$A$1:$BD$2</definedName>
    <definedName name="_DLX64.INC">[6]Peru!#REF!</definedName>
    <definedName name="_DLX65.INC">[6]Philippines!$A$1:$BD$2</definedName>
    <definedName name="_DLX66.INC">[6]Taiwan!$A$1:$AV$2</definedName>
    <definedName name="_DLX67.INC">[6]Taiwan!$AW$1:$BC$2</definedName>
    <definedName name="_DLX68.INC">#REF!</definedName>
    <definedName name="_DLX69.INC">#REF!</definedName>
    <definedName name="_DLX7.INC">#REF!</definedName>
    <definedName name="_DLX70.INC">[6]Canada!$BM$1:$CI$2</definedName>
    <definedName name="_DLX71.INC">[6]France!$BM$1:$CI$2</definedName>
    <definedName name="_DLX72.INC">[6]Germany!$BM$1:$CI$2</definedName>
    <definedName name="_DLX73.INC">[6]Italy!$BM$1:$CI$2</definedName>
    <definedName name="_DLX74.INC">[6]Japan!$BM$1:$CI$2</definedName>
    <definedName name="_DLX75.INC">[6]UK!$BM$1:$CI$2</definedName>
    <definedName name="_DLX76.INC">[6]US!$BM$1:$CI$2</definedName>
    <definedName name="_DLX77.INC">[6]Austria!$A$1:$CJ$2</definedName>
    <definedName name="_DLX78.INC">[6]Belgium!$A$1:$CJ$2</definedName>
    <definedName name="_DLX79.INC">[6]Denmark!$A$1:$CJ$2</definedName>
    <definedName name="_DLX8.INC">#REF!</definedName>
    <definedName name="_DLX80.INC">[6]Finland!$A$1:$CJ$2</definedName>
    <definedName name="_DLX81.INC">[6]Greece!$A$1:$CJ$2</definedName>
    <definedName name="_DLX82.INC">[6]Ireland!$A$1:$CJ$2</definedName>
    <definedName name="_DLX83.INC">[6]Luxembour!$A$1:$CJ$2</definedName>
    <definedName name="_DLX84.INC">[6]Netherlands!$A$1:$CJ$2</definedName>
    <definedName name="_DLX85.INC">[6]Portugal!$A$1:$CJ$2</definedName>
    <definedName name="_DLX86.INC">[6]Portugal!$CK$1:$CK$2</definedName>
    <definedName name="_DLX87.INC">[6]Spain!$A$1:$CJ$2</definedName>
    <definedName name="_DLX88.INC">[6]Sweden!$A$1:$CI$2</definedName>
    <definedName name="_DLX89.INC">[8]Gppt!#REF!</definedName>
    <definedName name="_DLX9.INC">#REF!</definedName>
    <definedName name="_DLX90.INC">[8]Gppt!$D$1:$E$1</definedName>
    <definedName name="_DLX91.INC">'[9]CEIC Data'!$CF$1:$CJ$6</definedName>
    <definedName name="_DLX92.INC">[10]Chart16_capital_inflow!$U$1:$W$4</definedName>
    <definedName name="_DLX93.INC">[10]Sheet2!$A$1:$C$4</definedName>
    <definedName name="_DLX94.INC">'[10]GDP Quarterly'!$A$1:$C$4</definedName>
    <definedName name="_DLX95.INC">[11]RAI!$BF$1:$BH$4</definedName>
    <definedName name="_DLX96.INC">'[11]Fiscal budget'!$P$1:$Q$8</definedName>
    <definedName name="_DLX97.INC">[12]g13!#REF!</definedName>
    <definedName name="_GDP97">[1]Table!$C$5</definedName>
    <definedName name="_GDP98">[1]Table!$C$6</definedName>
    <definedName name="_MacroProcesos_NUM">[4]Listas_CCAO!$V$11:$W$60</definedName>
    <definedName name="_Meses_Plantilla">[4]INICIO!$D$7:$D$19</definedName>
    <definedName name="_ObjetivosCorporativos_NUM">[4]Listas_CCAO!$AQ$11:$AR$60</definedName>
    <definedName name="_Programas_NUM">[4]Listas_CCAO!$BT$11:$BU$30</definedName>
    <definedName name="a">#REF!</definedName>
    <definedName name="abc">[2]Table!$A$1:$B$13</definedName>
    <definedName name="asset_quality">[2]Table!$AB$45:$AI$64</definedName>
    <definedName name="asset_quality2">[2]Table!$AB$67:$AI$86</definedName>
    <definedName name="AUSTRALIA" localSheetId="0">#REF!</definedName>
    <definedName name="AUSTRALIA">#REF!</definedName>
    <definedName name="australia1" localSheetId="0">#REF!</definedName>
    <definedName name="australia1">#REF!</definedName>
    <definedName name="AUSTRIA" localSheetId="0">#REF!</definedName>
    <definedName name="AUSTRIA">#REF!</definedName>
    <definedName name="average2.1series">OFFSET([13]Calculations!$B$62,0,[13]Calculations!$B$49,1,[13]Calculations!$B$50)</definedName>
    <definedName name="average3.1calc">OFFSET([13]Calculations!$B$67,0,[13]Calculations!$B$49,1,[13]Calculations!$B$50)</definedName>
    <definedName name="average3.1series">OFFSET([13]Calculations!$B$68,0,[13]Calculations!$B$49,1,[13]Calculations!$B$50)</definedName>
    <definedName name="average4.1calculation">OFFSET([13]Calculations!$B$73,0,[13]Calculations!$B$49,1,[13]Calculations!$B$50)</definedName>
    <definedName name="average4.1series">OFFSET([13]Calculations!$B$74,0,[13]Calculations!$B$49,1,[13]Calculations!$B$50)</definedName>
    <definedName name="bad_debt">[2]Table!$AB$90:$AI$110</definedName>
    <definedName name="bankruptcy">[2]Table!$A$111:$H$130</definedName>
    <definedName name="base">'[14]OECD countries'!$A$1:$R$589</definedName>
    <definedName name="Basel">[15]Parameters!$C$32:$C$33</definedName>
    <definedName name="BASELINE">'[16]Table 1-2'!$D$8:$K$94</definedName>
    <definedName name="basenew">'[14]New countries'!$A$1:$K$253</definedName>
    <definedName name="BELGIUM" localSheetId="0">#REF!</definedName>
    <definedName name="BELGIUM">#REF!</definedName>
    <definedName name="buy_rent_gap">[2]Table!$AK$67:$AR$86</definedName>
    <definedName name="cab">[2]Table!$A$67:$H$86</definedName>
    <definedName name="CANADA" localSheetId="0">#REF!</definedName>
    <definedName name="CANADA">#REF!</definedName>
    <definedName name="car">[2]Table!$A$108:$H$128</definedName>
    <definedName name="change">'[17]2 Pct'!#REF!</definedName>
    <definedName name="Chart1">[2]Table!$A$1:$I$22</definedName>
    <definedName name="Chart2">[2]Table!$K$1:$S$22</definedName>
    <definedName name="Chart3">[2]Table!$A$24:$I$45</definedName>
    <definedName name="Chart4">[2]Table!$K$24:$S$45</definedName>
    <definedName name="CHILE" localSheetId="0">#REF!</definedName>
    <definedName name="CHILE">#REF!</definedName>
    <definedName name="Countries">[18]Charts!$B$7:$B$54</definedName>
    <definedName name="CountriesList1">'[19]Countries list'!$J$3:$J$150</definedName>
    <definedName name="CountryList">'[19]Countries list'!$C$3:$C$71</definedName>
    <definedName name="CountrySelection">OFFSET([20]Calculations!$H$84,1,0,COUNT([20]Calculations!$G$85:$G$118))</definedName>
    <definedName name="cpi">[2]Table!$J$1:$Q$20</definedName>
    <definedName name="CUR3MTH">6</definedName>
    <definedName name="CURCYTD">9</definedName>
    <definedName name="CURMTH">1</definedName>
    <definedName name="CURMYTD">12</definedName>
    <definedName name="CURWEEK">1</definedName>
    <definedName name="CYTDVOL">11</definedName>
    <definedName name="data">[2]Table!$B$8:$E$236</definedName>
    <definedName name="data_all" localSheetId="0">#REF!</definedName>
    <definedName name="data_all">#REF!</definedName>
    <definedName name="Data1Range1">OFFSET([20]Calculations!$B$124,0,[20]Calculations!$C$67,1,[20]Calculations!$C$68)</definedName>
    <definedName name="Data1Range2">OFFSET([20]Calculations!$B$125,0,[20]Calculations!$C$67,1,[20]Calculations!$C$68)</definedName>
    <definedName name="Data1Range3">OFFSET([20]Calculations!$B$127,0,[20]Calculations!$C$67,1,[20]Calculations!$C$68)</definedName>
    <definedName name="Data1Range4">OFFSET([20]Calculations!$B$126,0,[20]Calculations!$C$67,1,[20]Calculations!$C$68)</definedName>
    <definedName name="Data2Range1">OFFSET([20]Calculations!$B$130,0,[20]Calculations!$C$67,1,[20]Calculations!$C$68)</definedName>
    <definedName name="Data2Range2">OFFSET([20]Calculations!$B$131,0,[20]Calculations!$C$67,1,[20]Calculations!$C$68)</definedName>
    <definedName name="Data2Range3">OFFSET([20]Calculations!$B$133,0,[20]Calculations!$C$67,1,[20]Calculations!$C$68)</definedName>
    <definedName name="Data2Range4">OFFSET([20]Calculations!$B$132,0,[20]Calculations!$C$67,1,[20]Calculations!$C$68)</definedName>
    <definedName name="Data3Range1">OFFSET([20]Calculations!$B$136,0,[20]Calculations!$C$67,1,[20]Calculations!$C$68)</definedName>
    <definedName name="Data3Range2">OFFSET([20]Calculations!$B$137,0,[20]Calculations!$C$67,1,[20]Calculations!$C$68)</definedName>
    <definedName name="Data3Range3">OFFSET([20]Calculations!$B$139,0,[20]Calculations!$C$67,1,[20]Calculations!$C$68)</definedName>
    <definedName name="Data3Range4">OFFSET([20]Calculations!$B$138,0,[20]Calculations!$C$67,1,[20]Calculations!$C$68)</definedName>
    <definedName name="Data4Range1">OFFSET([20]Calculations!$B$146,0,[20]Calculations!$B$67,1,[20]Calculations!$B$68)</definedName>
    <definedName name="Data4Range2">OFFSET([20]Calculations!$B$151,0,[20]Calculations!$B$67,1,[20]Calculations!$B$68)</definedName>
    <definedName name="Data4Range3">OFFSET([20]Calculations!$B$156,0,[20]Calculations!$B$67,1,[20]Calculations!$B$68)</definedName>
    <definedName name="DataArea" localSheetId="0">#REF!</definedName>
    <definedName name="DataArea">#REF!</definedName>
    <definedName name="_xlnm.Database">[21]database!$A$1:$P$34958</definedName>
    <definedName name="DataSelection">OFFSET([20]Calculations!$I$84,1,0,COUNT([20]Calculations!$G$85:$G$118))</definedName>
    <definedName name="Date">OFFSET([22]Australia!$A$18,0,0,COUNTA([22]Australia!$A:$A)-1)</definedName>
    <definedName name="Date_QOQ">OFFSET(#REF!,0,0,COUNTA([23]Australia!#REF!)-11)</definedName>
    <definedName name="Date2">OFFSET([24]M2!$A$564,0,0,COUNTA([24]Australia!$A:$A)-11)</definedName>
    <definedName name="DateQoQ">OFFSET([25]Singapore!$A$2,0,0,COUNTA([25]Singapore!$A:$A)-1)</definedName>
    <definedName name="DateQoQ2">OFFSET([25]Japan!$A$2,0,0,COUNTA([25]Singapore!$A:$A)-1)</definedName>
    <definedName name="DATES">[26]CN_workings!$A$4:$A$131</definedName>
    <definedName name="deposits">[2]Table!$J$87:$Q$106</definedName>
    <definedName name="DES">[26]CN_workings!$B$1:$G$1</definedName>
    <definedName name="DIF_BAL_SUCEX">#REF!</definedName>
    <definedName name="DIF_BALANCE">#REF!</definedName>
    <definedName name="DIF_CAPT">#REF!</definedName>
    <definedName name="DIF_CCT">'[27]Cartera de Crédito'!#REF!</definedName>
    <definedName name="DIF_INST_DERIV">'[27]Reporto y Derivados'!#REF!</definedName>
    <definedName name="DIF_INST_FIN">'[27]Instrumentos Financieros'!#REF!</definedName>
    <definedName name="DIF_PROVS">'[27]Calificación de la Cartera'!#REF!</definedName>
    <definedName name="DIF_RESUL_SUCEX">#REF!</definedName>
    <definedName name="DIF_RESULT">#REF!</definedName>
    <definedName name="DIF_SENICREB">'[27]C_Crédito por Actividad Eco.'!#REF!</definedName>
    <definedName name="DLX_USE10">#REF!</definedName>
    <definedName name="DLX_USE3">#REF!</definedName>
    <definedName name="DLX1.INC">[28]Haver!$A$2:$B$2</definedName>
    <definedName name="DLX1.USE">'[29]Total 2003'!#REF!</definedName>
    <definedName name="DLX2.INC">#REF!</definedName>
    <definedName name="DLX2.USE">#REF!</definedName>
    <definedName name="DLX3.USE">'[29]Total 2004'!#REF!</definedName>
    <definedName name="DLX4.USE">#REF!</definedName>
    <definedName name="eeeee" localSheetId="0">#REF!</definedName>
    <definedName name="eeeee">#REF!</definedName>
    <definedName name="ep_summ">[21]EP_calc!$A$9:$AS$137</definedName>
    <definedName name="epl_all" localSheetId="0">#REF!</definedName>
    <definedName name="epl_all">#REF!</definedName>
    <definedName name="equity">[2]Table!$A$153:$H$172</definedName>
    <definedName name="FAI_M">[30]CN_Profit!$O$3</definedName>
    <definedName name="FAI_M_growth">[30]CN_Profit!$T$3</definedName>
    <definedName name="FDI_M">#REF!</definedName>
    <definedName name="fer" localSheetId="0">#REF!</definedName>
    <definedName name="fer">#REF!</definedName>
    <definedName name="fernando" localSheetId="0">#REF!</definedName>
    <definedName name="fernando">#REF!</definedName>
    <definedName name="fiscal">[2]Table!$AT$1:$BA$22</definedName>
    <definedName name="forward_rate">[2]Table!$J$45:$Q$64</definedName>
    <definedName name="GDP">[2]Table!$G$5</definedName>
    <definedName name="gdp_pmi">[2]Table!$J$111:$Q$130</definedName>
    <definedName name="GDP99Q1">[2]Table!$C$7</definedName>
    <definedName name="gmail" localSheetId="0">#REF!</definedName>
    <definedName name="gmail">#REF!</definedName>
    <definedName name="htr" localSheetId="0">#REF!</definedName>
    <definedName name="htr">#REF!</definedName>
    <definedName name="IDS">#REF!</definedName>
    <definedName name="IMSS">'[31]I02-0065'!#REF!</definedName>
    <definedName name="Indicators">[32]charts!$A$57:$A$86</definedName>
    <definedName name="Indicatorsplus">[18]Charts!$B$57:$B$74</definedName>
    <definedName name="Inflation">[2]Table!$A$23:$H$42</definedName>
    <definedName name="interest">[2]Table!$A$45:$H$64</definedName>
    <definedName name="interest_rate">[2]Table!$J$23:$Q$42</definedName>
    <definedName name="labour">[2]Table!$A$89:$H$108</definedName>
    <definedName name="LastOpenedWorkSheet">[33]REQUEST_TABLE!$AA$1500</definedName>
    <definedName name="LastRefreshed">[33]REQUEST_TABLE!$M$4</definedName>
    <definedName name="loan_to_deposit">[2]Table!$S$45:$Z$64</definedName>
    <definedName name="loans">[2]Table!$A$194:$H$212</definedName>
    <definedName name="look_cd3">'[21]lookup score'!$A$122:$B$128</definedName>
    <definedName name="look_epl1b">'[21]lookup score'!$A$5:$B$11</definedName>
    <definedName name="look_epl2a1">'[21]lookup score'!$A$14:$B$20</definedName>
    <definedName name="look_epl2a2">'[21]lookup score'!$A$23:$B$29</definedName>
    <definedName name="look_epl2a3">'[21]lookup score'!$A$32:$B$38</definedName>
    <definedName name="look_epl2b1">'[21]lookup score'!$A$41:$B$47</definedName>
    <definedName name="look_epl2b2">'[21]lookup score'!$A$50:$B$56</definedName>
    <definedName name="look_epl2b3">'[21]lookup score'!$A$59:$B$65</definedName>
    <definedName name="look_epl3b">'[21]lookup score'!$A$68:$B$74</definedName>
    <definedName name="look_epl3c">'[21]lookup score'!$A$77:$B$83</definedName>
    <definedName name="look_epl3e">'[21]lookup score'!$A$86:$B$92</definedName>
    <definedName name="look_ft2">'[21]lookup score'!$A$95:$B$101</definedName>
    <definedName name="look_ft3">'[21]lookup score'!$A$104:$B$110</definedName>
    <definedName name="look_twa3">'[21]lookup score'!$A$113:$B$119</definedName>
    <definedName name="look_wgt" localSheetId="0">'[21]lookup score'!#REF!</definedName>
    <definedName name="look_wgt">'[21]lookup score'!#REF!</definedName>
    <definedName name="MAN_NOTE">[34]Manufacturer!#REF!</definedName>
    <definedName name="mci">[2]Table!$J$23:$Q$42</definedName>
    <definedName name="money">[2]Table!$A$66:$H$84</definedName>
    <definedName name="msdata">[2]Table!$B$8:$V$289</definedName>
    <definedName name="msdata1">[2]Table!$B$8:$BA$289</definedName>
    <definedName name="MYTDVOL">14</definedName>
    <definedName name="nim">[2]Table!$AB$23:$AI$42</definedName>
    <definedName name="nmBlankCell">[35]GDP!#REF!</definedName>
    <definedName name="nmBlankRow">[35]GDP!$53:$53</definedName>
    <definedName name="nmColumnHeader">[35]GDP!$A$1:$A$1</definedName>
    <definedName name="nmData">[35]GDP!$B$2:$B$53</definedName>
    <definedName name="nmIndexTable">[35]GDP!$54:$54</definedName>
    <definedName name="nmRowHeader">[35]GDP!#REF!</definedName>
    <definedName name="npl">[2]Table!$A$130:$H$150</definedName>
    <definedName name="OBS">[26]CN_workings!$B$4:$G$131</definedName>
    <definedName name="OFFBUD">#REF!</definedName>
    <definedName name="Outcomes">[18]Charts!$B$76:$B$81</definedName>
    <definedName name="pmi">[2]Table!$A$45:$H$64</definedName>
    <definedName name="PMR" localSheetId="0">[18]Charts!#REF!</definedName>
    <definedName name="PMR">[18]Charts!#REF!</definedName>
    <definedName name="PMRnew">[18]Charts!$B$83:$B$112</definedName>
    <definedName name="PRIMTH">2</definedName>
    <definedName name="PRIMTH_CHG">4</definedName>
    <definedName name="_xlnm.Print_Area">'[16]Table 1-3'!$C$3:$Q$61</definedName>
    <definedName name="Print_Area_MI">[2]Table!$A$2:$J$51</definedName>
    <definedName name="Print_Area2">'[36]Growth rates'!$B$3:$M$61</definedName>
    <definedName name="print_area3">#REF!</definedName>
    <definedName name="_xlnm.Print_Titles">#N/A</definedName>
    <definedName name="PRIVOL">4</definedName>
    <definedName name="PRIWEEK">2</definedName>
    <definedName name="property">[2]Table!$A$174:$H$192</definedName>
    <definedName name="property_trans">[2]Table!$AK$45:$AR$64</definedName>
    <definedName name="RawData_Comp_NC">'[20]Data Values'!$A$40:$AI$54</definedName>
    <definedName name="RawData_Comp_USD">'[20]Data Values'!$A$6:$AI$20</definedName>
    <definedName name="RawData_ODP_NC">'[20]Data Values'!$B$125:$AI$139</definedName>
    <definedName name="RawData_ODP_USD">'[20]Data Values'!$B$108:$AI$122</definedName>
    <definedName name="RawData_PTW_NC">'[20]Data Values'!$B$91:$AI$105</definedName>
    <definedName name="RawData_PTW_USD">'[20]Data Values'!$B$74:$AI$88</definedName>
    <definedName name="RawData_SI_NC">'[20]Data Values'!$B$159:$AI$173</definedName>
    <definedName name="RawData_SI_USD">'[20]Data Values'!$B$142:$AI$156</definedName>
    <definedName name="RawData_TDP_NC">'[20]Data Values'!$B$57:$AI$71</definedName>
    <definedName name="RawData_TDP_USD">'[20]Data Values'!$B$40:$AI$54</definedName>
    <definedName name="reserves">[2]Table!$J$45:$Q$64</definedName>
    <definedName name="retail">[2]Table!$J$67:$Q$86</definedName>
    <definedName name="sectoral">[2]Table!$AB$45:$AI$64</definedName>
    <definedName name="series">[13]Calculations!$A$2:$A$9</definedName>
    <definedName name="Series1.1">OFFSET([13]Calculations!$B$54,0,[13]Calculations!$B$49,1,[13]Calculations!$B$50)</definedName>
    <definedName name="Series1.2">OFFSET([13]Calculations!$B$55,0,[13]Calculations!$B$49,1,[13]Calculations!$B$50)</definedName>
    <definedName name="Series1.3">OFFSET([13]Calculations!$B$56,0,[13]Calculations!$B$49,1,[13]Calculations!$B$50)</definedName>
    <definedName name="Series2.1">OFFSET([13]Calculations!$B$60,0,[13]Calculations!$B$49,1,[13]Calculations!$B$50)</definedName>
    <definedName name="Series3.1">OFFSET([13]Calculations!$B$66,0,[13]Calculations!$B$49,1,[13]Calculations!$B$50)</definedName>
    <definedName name="Series4.1">OFFSET([13]Calculations!$B$72,0,[13]Calculations!$B$49,1,[13]Calculations!$B$50)</definedName>
    <definedName name="StartPosition">[33]REQUEST_TABLE!$B$6</definedName>
    <definedName name="SUMMARY_NOTE">[37]Summary!#REF!</definedName>
    <definedName name="t" localSheetId="0">#REF!</definedName>
    <definedName name="t">#REF!</definedName>
    <definedName name="Table1">[2]Table!$A$2:$L$49</definedName>
    <definedName name="Table2">[2]Table!$B$1:$Q$30</definedName>
    <definedName name="TABLE3">#REF!</definedName>
    <definedName name="tables">#REF!</definedName>
    <definedName name="test_rank" localSheetId="0">#REF!,#REF!</definedName>
    <definedName name="test_rank">#REF!,#REF!</definedName>
    <definedName name="textToday">[33]REQUEST_TABLE!$G$3</definedName>
    <definedName name="trade">[2]Table!$A$23:$H$42</definedName>
    <definedName name="trade2">[2]Table!$J$133:$Q$152</definedName>
    <definedName name="TRIVOL">8</definedName>
    <definedName name="TWA_level2" localSheetId="0">#REF!</definedName>
    <definedName name="TWA_level2">#REF!</definedName>
    <definedName name="UNITS">[26]CN_workings!$B$3:$G$3</definedName>
    <definedName name="UNR_AU">OFFSET([38]Australia!$A$2,0,0,COUNTA([38]Australia!$A:$A)-11)</definedName>
    <definedName name="valeur_indic_1999_rev" localSheetId="0">#REF!</definedName>
    <definedName name="valeur_indic_1999_rev">#REF!</definedName>
    <definedName name="VALID_FORMATS">[33]REQUEST_TABLE!$AE$7:$AF$12</definedName>
    <definedName name="Year">[19]Menu!$D$4</definedName>
    <definedName name="YearRange">OFFSET([20]Calculations!$B$123,0,[20]Calculations!$B$67,1,[20]Calculations!$B$68)</definedName>
    <definedName name="YearRange1">OFFSET([20]Calculations!$B$123,0,[20]Calculations!$C$67,1,[20]Calculations!$C$68)</definedName>
    <definedName name="Years">[20]Calculations!$G$2:$G$15</definedName>
    <definedName name="Years1">OFFSET([13]Calculations!$B$53,0,[13]Calculations!$B$49,1,[13]Calculations!$B$50)</definedName>
    <definedName name="YesNoBasel2">[39]Parameters!#REF!</definedName>
    <definedName name="YoY">OFFSET([22]Australia!$B$10,0,0,COUNTA([22]Australia!$B:$B)-1)</definedName>
    <definedName name="YoY_AU">OFFSET([22]Australia!$B$10,0,0,COUNTA([22]Australia!$B:$B)-1)</definedName>
    <definedName name="YoY_HK">OFFSET('[22]Hong Kong'!$B$2,0,0,COUNTA('[22]Hong Kong'!$B:$B)-1)</definedName>
    <definedName name="YoY_ID">OFFSET([22]Australia!$B$10,0,0,COUNTA([22]Australia!$B:$B)-1)</definedName>
    <definedName name="YoY_IN">OFFSET([22]India!$B$2,0,0,COUNTA([22]India!$B:$B)-1)</definedName>
    <definedName name="YoY_JP">OFFSET([22]Japan!$B$14,0,0,COUNTA([22]Japan!$B:$B)-1)</definedName>
    <definedName name="YoY_KO">OFFSET([22]Korea!$B$14,0,0,COUNTA([22]Korea!$B:$B)-1)</definedName>
    <definedName name="YoY_MY">OFFSET([22]Malaysia!#REF!,0,0,COUNTA([22]Malaysia!$B:$B)-1)</definedName>
    <definedName name="YoY_PH">OFFSET([22]Philippines!$B$2,0,0,COUNTA([22]Philippines!$B:$B)-1)</definedName>
    <definedName name="YoY_SG">OFFSET([22]Singapore!$B$2,0,0,COUNTA([22]Singapore!$B:$B)-1)</definedName>
    <definedName name="YoY_TH">OFFSET([22]Thailand!$B$2,0,0,COUNTA([22]Thailand!$B:$B)-1)</definedName>
    <definedName name="YoY_TW">OFFSET([22]Taiwan!$B$2,0,0,COUNTA([22]Taiwan!$B:$B)-1)</definedName>
    <definedName name="YoYL_AU">OFFSET([24]Australia!$D$2,0,0,COUNTA([24]Australia!$A:$A)-11)</definedName>
    <definedName name="YoYM2_AU">OFFSET([24]Australia!$B1048573,0,0,COUNTA([24]Australia!$A:$A)-11)</definedName>
    <definedName name="YRA3MTH">7</definedName>
    <definedName name="YRACYTD">10</definedName>
    <definedName name="YRAMTH">3</definedName>
    <definedName name="YRAMTH_CHG">5</definedName>
    <definedName name="YRAMYTD">13</definedName>
    <definedName name="YRAVOL">5</definedName>
    <definedName name="YRAWEEK">3</definedName>
  </definedNames>
  <calcPr calcId="162913"/>
</workbook>
</file>

<file path=xl/sharedStrings.xml><?xml version="1.0" encoding="utf-8"?>
<sst xmlns="http://schemas.openxmlformats.org/spreadsheetml/2006/main" count="28" uniqueCount="28">
  <si>
    <t xml:space="preserve">Figure 1.5. External accounts deficits and financial conditions for LAC countries  </t>
  </si>
  <si>
    <t>Sources: Based on official data, IMF and Bloomberg.</t>
  </si>
  <si>
    <t>Panel A. External accounts for selected Latin American and Caribbean countries (% of GDP)</t>
  </si>
  <si>
    <t>Country</t>
  </si>
  <si>
    <t>ARG</t>
  </si>
  <si>
    <t>BRB</t>
  </si>
  <si>
    <t>BOL</t>
  </si>
  <si>
    <t>BRA</t>
  </si>
  <si>
    <t>CHL</t>
  </si>
  <si>
    <t>COL</t>
  </si>
  <si>
    <t>DOM</t>
  </si>
  <si>
    <t>ECU</t>
  </si>
  <si>
    <t>MEX</t>
  </si>
  <si>
    <t>PAN</t>
  </si>
  <si>
    <t>PER</t>
  </si>
  <si>
    <t>PRY</t>
  </si>
  <si>
    <t>TTO</t>
  </si>
  <si>
    <t>URY</t>
  </si>
  <si>
    <t>VEN</t>
  </si>
  <si>
    <t>Panel B.  LAC Emerging Markets Bond Index (EMBI) spreads and CBOE Volatility Index (VIX)</t>
  </si>
  <si>
    <t>VIX (RHS)</t>
  </si>
  <si>
    <t>EMBI + Latam</t>
  </si>
  <si>
    <t>Inward FDI flows (Avg. 2015-19)</t>
  </si>
  <si>
    <t>Latin American Economic Outlook 2020 - © OECD 2020</t>
  </si>
  <si>
    <t>Chapter 1</t>
  </si>
  <si>
    <t xml:space="preserve">Figure 1.5. Current account deficits and Foreign Direct Investment (FDI) in selected LAC countries </t>
  </si>
  <si>
    <t>Version 1 - Last updated: 09-Sep-2020</t>
  </si>
  <si>
    <t>Disclaimer: http://oe.cd/disclaim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
  </numFmts>
  <fonts count="8" x14ac:knownFonts="1">
    <font>
      <sz val="11"/>
      <color theme="1"/>
      <name val="Calibri"/>
      <family val="2"/>
      <scheme val="minor"/>
    </font>
    <font>
      <sz val="11"/>
      <color theme="1"/>
      <name val="Calibri"/>
      <family val="2"/>
      <scheme val="minor"/>
    </font>
    <font>
      <sz val="11"/>
      <color rgb="FF000000"/>
      <name val="Arial Narrow"/>
      <family val="2"/>
    </font>
    <font>
      <sz val="10"/>
      <color theme="1"/>
      <name val="Calibri"/>
      <family val="2"/>
      <scheme val="minor"/>
    </font>
    <font>
      <sz val="9"/>
      <color theme="1"/>
      <name val="Calibri"/>
      <family val="2"/>
      <scheme val="minor"/>
    </font>
    <font>
      <sz val="12"/>
      <color rgb="FF000000"/>
      <name val="Arial Narrow"/>
      <family val="2"/>
    </font>
    <font>
      <sz val="10"/>
      <color rgb="FF010000"/>
      <name val="Arial"/>
      <family val="2"/>
    </font>
    <font>
      <u/>
      <sz val="11"/>
      <color theme="10"/>
      <name val="Calibri"/>
      <family val="2"/>
      <scheme val="minor"/>
    </font>
  </fonts>
  <fills count="4">
    <fill>
      <patternFill patternType="none"/>
    </fill>
    <fill>
      <patternFill patternType="gray125"/>
    </fill>
    <fill>
      <patternFill patternType="solid">
        <fgColor theme="9" tint="0.79998168889431442"/>
        <bgColor indexed="64"/>
      </patternFill>
    </fill>
    <fill>
      <patternFill patternType="solid">
        <fgColor indexed="9"/>
        <bgColor indexed="64"/>
      </patternFill>
    </fill>
  </fills>
  <borders count="1">
    <border>
      <left/>
      <right/>
      <top/>
      <bottom/>
      <diagonal/>
    </border>
  </borders>
  <cellStyleXfs count="3">
    <xf numFmtId="0" fontId="0" fillId="0" borderId="0"/>
    <xf numFmtId="9" fontId="1" fillId="0" borderId="0" applyFont="0" applyFill="0" applyBorder="0" applyAlignment="0" applyProtection="0"/>
    <xf numFmtId="0" fontId="7" fillId="0" borderId="0" applyNumberFormat="0" applyFill="0" applyBorder="0" applyAlignment="0" applyProtection="0"/>
  </cellStyleXfs>
  <cellXfs count="15">
    <xf numFmtId="0" fontId="0" fillId="0" borderId="0" xfId="0"/>
    <xf numFmtId="0" fontId="2" fillId="0" borderId="0" xfId="0" applyFont="1"/>
    <xf numFmtId="0" fontId="3" fillId="0" borderId="0" xfId="0" applyFont="1"/>
    <xf numFmtId="0" fontId="4" fillId="0" borderId="0" xfId="0" applyFont="1"/>
    <xf numFmtId="9" fontId="0" fillId="0" borderId="0" xfId="0" applyNumberFormat="1"/>
    <xf numFmtId="14" fontId="4" fillId="0" borderId="0" xfId="0" applyNumberFormat="1" applyFont="1"/>
    <xf numFmtId="164" fontId="0" fillId="0" borderId="0" xfId="1" applyNumberFormat="1" applyFont="1"/>
    <xf numFmtId="14" fontId="3" fillId="0" borderId="0" xfId="0" applyNumberFormat="1" applyFont="1"/>
    <xf numFmtId="2" fontId="0" fillId="0" borderId="0" xfId="1" applyNumberFormat="1" applyFont="1"/>
    <xf numFmtId="0" fontId="0" fillId="2" borderId="0" xfId="0" applyFill="1"/>
    <xf numFmtId="14" fontId="0" fillId="0" borderId="0" xfId="0" applyNumberFormat="1"/>
    <xf numFmtId="0" fontId="2" fillId="0" borderId="0" xfId="0" applyFont="1" applyFill="1"/>
    <xf numFmtId="0" fontId="5" fillId="0" borderId="0" xfId="0" applyFont="1" applyFill="1"/>
    <xf numFmtId="0" fontId="6" fillId="3" borderId="0" xfId="0" applyFont="1" applyFill="1" applyAlignment="1"/>
    <xf numFmtId="0" fontId="7" fillId="3" borderId="0" xfId="2" applyFill="1" applyAlignment="1"/>
  </cellXfs>
  <cellStyles count="3">
    <cellStyle name="Hyperlink" xfId="2" builtinId="8"/>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sharedStrings" Target="sharedStrings.xml"/></Relationships>
</file>

<file path=xl/charts/_rels/chart2.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800" b="1" i="0">
                <a:solidFill>
                  <a:srgbClr val="000000"/>
                </a:solidFill>
                <a:latin typeface="Arial Narrow" panose="020B0606020202030204" pitchFamily="34" charset="0"/>
              </a:defRPr>
            </a:pPr>
            <a:r>
              <a:rPr lang="en-GB" sz="800" b="1" i="0">
                <a:solidFill>
                  <a:srgbClr val="000000"/>
                </a:solidFill>
                <a:latin typeface="Arial Narrow" panose="020B0606020202030204" pitchFamily="34" charset="0"/>
              </a:rPr>
              <a:t>Panel A. External accounts for selected Latin American and Caribbean countries (% of GDP)</a:t>
            </a:r>
          </a:p>
        </c:rich>
      </c:tx>
      <c:layout>
        <c:manualLayout>
          <c:xMode val="edge"/>
          <c:yMode val="edge"/>
          <c:x val="0.18510545267489709"/>
          <c:y val="2.0158730158730157E-2"/>
        </c:manualLayout>
      </c:layout>
      <c:overlay val="0"/>
    </c:title>
    <c:autoTitleDeleted val="0"/>
    <c:plotArea>
      <c:layout>
        <c:manualLayout>
          <c:layoutTarget val="inner"/>
          <c:xMode val="edge"/>
          <c:yMode val="edge"/>
          <c:x val="5.4447016925314652E-2"/>
          <c:y val="0.26865753968253969"/>
          <c:w val="0.90807613168724277"/>
          <c:h val="0.65838412698412696"/>
        </c:manualLayout>
      </c:layout>
      <c:barChart>
        <c:barDir val="col"/>
        <c:grouping val="clustered"/>
        <c:varyColors val="0"/>
        <c:ser>
          <c:idx val="0"/>
          <c:order val="0"/>
          <c:tx>
            <c:strRef>
              <c:f>'Figure 1.5'!$B$35</c:f>
              <c:strCache>
                <c:ptCount val="1"/>
                <c:pt idx="0">
                  <c:v>2017</c:v>
                </c:pt>
              </c:strCache>
            </c:strRef>
          </c:tx>
          <c:spPr>
            <a:solidFill>
              <a:srgbClr val="F47920"/>
            </a:solidFill>
            <a:ln>
              <a:noFill/>
            </a:ln>
          </c:spPr>
          <c:invertIfNegative val="0"/>
          <c:cat>
            <c:strRef>
              <c:f>'Figure 1.5'!$A$36:$A$50</c:f>
              <c:strCache>
                <c:ptCount val="15"/>
                <c:pt idx="0">
                  <c:v>ARG</c:v>
                </c:pt>
                <c:pt idx="1">
                  <c:v>BRB</c:v>
                </c:pt>
                <c:pt idx="2">
                  <c:v>BOL</c:v>
                </c:pt>
                <c:pt idx="3">
                  <c:v>BRA</c:v>
                </c:pt>
                <c:pt idx="4">
                  <c:v>CHL</c:v>
                </c:pt>
                <c:pt idx="5">
                  <c:v>COL</c:v>
                </c:pt>
                <c:pt idx="6">
                  <c:v>DOM</c:v>
                </c:pt>
                <c:pt idx="7">
                  <c:v>ECU</c:v>
                </c:pt>
                <c:pt idx="8">
                  <c:v>MEX</c:v>
                </c:pt>
                <c:pt idx="9">
                  <c:v>PAN</c:v>
                </c:pt>
                <c:pt idx="10">
                  <c:v>PER</c:v>
                </c:pt>
                <c:pt idx="11">
                  <c:v>PRY</c:v>
                </c:pt>
                <c:pt idx="12">
                  <c:v>TTO</c:v>
                </c:pt>
                <c:pt idx="13">
                  <c:v>URY</c:v>
                </c:pt>
                <c:pt idx="14">
                  <c:v>VEN</c:v>
                </c:pt>
              </c:strCache>
            </c:strRef>
          </c:cat>
          <c:val>
            <c:numRef>
              <c:f>'Figure 1.5'!$B$36:$B$50</c:f>
              <c:numCache>
                <c:formatCode>0.00</c:formatCode>
                <c:ptCount val="15"/>
                <c:pt idx="0">
                  <c:v>4.915</c:v>
                </c:pt>
                <c:pt idx="1">
                  <c:v>3.7879999999999998</c:v>
                </c:pt>
                <c:pt idx="2">
                  <c:v>4.952</c:v>
                </c:pt>
                <c:pt idx="3">
                  <c:v>0.35199999999999998</c:v>
                </c:pt>
                <c:pt idx="4">
                  <c:v>2.1469999999999998</c:v>
                </c:pt>
                <c:pt idx="5">
                  <c:v>3.2650000000000001</c:v>
                </c:pt>
                <c:pt idx="6">
                  <c:v>0.16600000000000001</c:v>
                </c:pt>
                <c:pt idx="7">
                  <c:v>0.47</c:v>
                </c:pt>
                <c:pt idx="8">
                  <c:v>1.738</c:v>
                </c:pt>
                <c:pt idx="9">
                  <c:v>7.9329999999999998</c:v>
                </c:pt>
                <c:pt idx="10">
                  <c:v>1.2450000000000001</c:v>
                </c:pt>
                <c:pt idx="11">
                  <c:v>-3.0920000000000001</c:v>
                </c:pt>
                <c:pt idx="12">
                  <c:v>-4.9779999999999998</c:v>
                </c:pt>
                <c:pt idx="13">
                  <c:v>-0.78100000000000003</c:v>
                </c:pt>
                <c:pt idx="14">
                  <c:v>-6.0529999999999999</c:v>
                </c:pt>
              </c:numCache>
            </c:numRef>
          </c:val>
          <c:extLst>
            <c:ext xmlns:c16="http://schemas.microsoft.com/office/drawing/2014/chart" uri="{C3380CC4-5D6E-409C-BE32-E72D297353CC}">
              <c16:uniqueId val="{00000000-BFB1-49A3-990E-7FF67A07E1CB}"/>
            </c:ext>
          </c:extLst>
        </c:ser>
        <c:ser>
          <c:idx val="2"/>
          <c:order val="1"/>
          <c:tx>
            <c:strRef>
              <c:f>'Figure 1.5'!$C$35</c:f>
              <c:strCache>
                <c:ptCount val="1"/>
                <c:pt idx="0">
                  <c:v>2018</c:v>
                </c:pt>
              </c:strCache>
            </c:strRef>
          </c:tx>
          <c:spPr>
            <a:solidFill>
              <a:srgbClr val="000000"/>
            </a:solidFill>
            <a:ln>
              <a:noFill/>
            </a:ln>
          </c:spPr>
          <c:invertIfNegative val="0"/>
          <c:cat>
            <c:strRef>
              <c:f>'Figure 1.5'!$A$36:$A$50</c:f>
              <c:strCache>
                <c:ptCount val="15"/>
                <c:pt idx="0">
                  <c:v>ARG</c:v>
                </c:pt>
                <c:pt idx="1">
                  <c:v>BRB</c:v>
                </c:pt>
                <c:pt idx="2">
                  <c:v>BOL</c:v>
                </c:pt>
                <c:pt idx="3">
                  <c:v>BRA</c:v>
                </c:pt>
                <c:pt idx="4">
                  <c:v>CHL</c:v>
                </c:pt>
                <c:pt idx="5">
                  <c:v>COL</c:v>
                </c:pt>
                <c:pt idx="6">
                  <c:v>DOM</c:v>
                </c:pt>
                <c:pt idx="7">
                  <c:v>ECU</c:v>
                </c:pt>
                <c:pt idx="8">
                  <c:v>MEX</c:v>
                </c:pt>
                <c:pt idx="9">
                  <c:v>PAN</c:v>
                </c:pt>
                <c:pt idx="10">
                  <c:v>PER</c:v>
                </c:pt>
                <c:pt idx="11">
                  <c:v>PRY</c:v>
                </c:pt>
                <c:pt idx="12">
                  <c:v>TTO</c:v>
                </c:pt>
                <c:pt idx="13">
                  <c:v>URY</c:v>
                </c:pt>
                <c:pt idx="14">
                  <c:v>VEN</c:v>
                </c:pt>
              </c:strCache>
            </c:strRef>
          </c:cat>
          <c:val>
            <c:numRef>
              <c:f>'Figure 1.5'!$C$36:$C$50</c:f>
              <c:numCache>
                <c:formatCode>0.00</c:formatCode>
                <c:ptCount val="15"/>
                <c:pt idx="0">
                  <c:v>5.29</c:v>
                </c:pt>
                <c:pt idx="1">
                  <c:v>3.7429999999999999</c:v>
                </c:pt>
                <c:pt idx="2">
                  <c:v>4.9169999999999998</c:v>
                </c:pt>
                <c:pt idx="3">
                  <c:v>0.77700000000000002</c:v>
                </c:pt>
                <c:pt idx="4">
                  <c:v>3.081</c:v>
                </c:pt>
                <c:pt idx="5">
                  <c:v>3.952</c:v>
                </c:pt>
                <c:pt idx="6">
                  <c:v>1.3540000000000001</c:v>
                </c:pt>
                <c:pt idx="7">
                  <c:v>1.3720000000000001</c:v>
                </c:pt>
                <c:pt idx="8">
                  <c:v>1.8</c:v>
                </c:pt>
                <c:pt idx="9">
                  <c:v>7.7880000000000003</c:v>
                </c:pt>
                <c:pt idx="10">
                  <c:v>1.595</c:v>
                </c:pt>
                <c:pt idx="11">
                  <c:v>-0.52600000000000002</c:v>
                </c:pt>
                <c:pt idx="12">
                  <c:v>-7.1369999999999996</c:v>
                </c:pt>
                <c:pt idx="13">
                  <c:v>0.626</c:v>
                </c:pt>
                <c:pt idx="14">
                  <c:v>-6.3979999999999997</c:v>
                </c:pt>
              </c:numCache>
            </c:numRef>
          </c:val>
          <c:extLst>
            <c:ext xmlns:c16="http://schemas.microsoft.com/office/drawing/2014/chart" uri="{C3380CC4-5D6E-409C-BE32-E72D297353CC}">
              <c16:uniqueId val="{00000001-BFB1-49A3-990E-7FF67A07E1CB}"/>
            </c:ext>
          </c:extLst>
        </c:ser>
        <c:ser>
          <c:idx val="3"/>
          <c:order val="2"/>
          <c:tx>
            <c:strRef>
              <c:f>'Figure 1.5'!$D$35</c:f>
              <c:strCache>
                <c:ptCount val="1"/>
                <c:pt idx="0">
                  <c:v>2019</c:v>
                </c:pt>
              </c:strCache>
            </c:strRef>
          </c:tx>
          <c:spPr>
            <a:pattFill prst="dkDnDiag">
              <a:fgClr>
                <a:srgbClr val="037BC1"/>
              </a:fgClr>
              <a:bgClr>
                <a:srgbClr val="FFFFFF"/>
              </a:bgClr>
            </a:pattFill>
            <a:ln w="6350" cmpd="sng">
              <a:solidFill>
                <a:srgbClr val="037BC1"/>
              </a:solidFill>
            </a:ln>
            <a:effectLst/>
          </c:spPr>
          <c:invertIfNegative val="0"/>
          <c:cat>
            <c:strRef>
              <c:f>'Figure 1.5'!$A$36:$A$50</c:f>
              <c:strCache>
                <c:ptCount val="15"/>
                <c:pt idx="0">
                  <c:v>ARG</c:v>
                </c:pt>
                <c:pt idx="1">
                  <c:v>BRB</c:v>
                </c:pt>
                <c:pt idx="2">
                  <c:v>BOL</c:v>
                </c:pt>
                <c:pt idx="3">
                  <c:v>BRA</c:v>
                </c:pt>
                <c:pt idx="4">
                  <c:v>CHL</c:v>
                </c:pt>
                <c:pt idx="5">
                  <c:v>COL</c:v>
                </c:pt>
                <c:pt idx="6">
                  <c:v>DOM</c:v>
                </c:pt>
                <c:pt idx="7">
                  <c:v>ECU</c:v>
                </c:pt>
                <c:pt idx="8">
                  <c:v>MEX</c:v>
                </c:pt>
                <c:pt idx="9">
                  <c:v>PAN</c:v>
                </c:pt>
                <c:pt idx="10">
                  <c:v>PER</c:v>
                </c:pt>
                <c:pt idx="11">
                  <c:v>PRY</c:v>
                </c:pt>
                <c:pt idx="12">
                  <c:v>TTO</c:v>
                </c:pt>
                <c:pt idx="13">
                  <c:v>URY</c:v>
                </c:pt>
                <c:pt idx="14">
                  <c:v>VEN</c:v>
                </c:pt>
              </c:strCache>
            </c:strRef>
          </c:cat>
          <c:val>
            <c:numRef>
              <c:f>'Figure 1.5'!$D$36:$D$50</c:f>
              <c:numCache>
                <c:formatCode>General</c:formatCode>
                <c:ptCount val="15"/>
                <c:pt idx="0" formatCode="0.00">
                  <c:v>0.8</c:v>
                </c:pt>
                <c:pt idx="1">
                  <c:v>3.9180000000000001</c:v>
                </c:pt>
                <c:pt idx="2" formatCode="0.00">
                  <c:v>3.3</c:v>
                </c:pt>
                <c:pt idx="3" formatCode="0.00">
                  <c:v>2.8</c:v>
                </c:pt>
                <c:pt idx="4" formatCode="0.00">
                  <c:v>3.8711136312974794</c:v>
                </c:pt>
                <c:pt idx="5" formatCode="0.00">
                  <c:v>4.2466173367103677</c:v>
                </c:pt>
                <c:pt idx="6" formatCode="0.00">
                  <c:v>-1.262</c:v>
                </c:pt>
                <c:pt idx="7" formatCode="0.00">
                  <c:v>0</c:v>
                </c:pt>
                <c:pt idx="8" formatCode="0.00">
                  <c:v>1.3</c:v>
                </c:pt>
                <c:pt idx="9" formatCode="0.00">
                  <c:v>5.2402067041113281</c:v>
                </c:pt>
                <c:pt idx="10" formatCode="0.00">
                  <c:v>1.529448161724644</c:v>
                </c:pt>
                <c:pt idx="11" formatCode="0.00">
                  <c:v>1.1000000000000001</c:v>
                </c:pt>
                <c:pt idx="12">
                  <c:v>-2.36</c:v>
                </c:pt>
                <c:pt idx="13" formatCode="0.00">
                  <c:v>-0.74</c:v>
                </c:pt>
                <c:pt idx="14" formatCode="0.00">
                  <c:v>-5</c:v>
                </c:pt>
              </c:numCache>
            </c:numRef>
          </c:val>
          <c:extLst>
            <c:ext xmlns:c16="http://schemas.microsoft.com/office/drawing/2014/chart" uri="{C3380CC4-5D6E-409C-BE32-E72D297353CC}">
              <c16:uniqueId val="{00000002-BFB1-49A3-990E-7FF67A07E1CB}"/>
            </c:ext>
          </c:extLst>
        </c:ser>
        <c:dLbls>
          <c:showLegendKey val="0"/>
          <c:showVal val="0"/>
          <c:showCatName val="0"/>
          <c:showSerName val="0"/>
          <c:showPercent val="0"/>
          <c:showBubbleSize val="0"/>
        </c:dLbls>
        <c:gapWidth val="150"/>
        <c:axId val="-1907280320"/>
        <c:axId val="-1907281408"/>
      </c:barChart>
      <c:lineChart>
        <c:grouping val="stacked"/>
        <c:varyColors val="0"/>
        <c:ser>
          <c:idx val="4"/>
          <c:order val="3"/>
          <c:tx>
            <c:strRef>
              <c:f>'Figure 1.5'!$E$35</c:f>
              <c:strCache>
                <c:ptCount val="1"/>
                <c:pt idx="0">
                  <c:v>Inward FDI flows (Avg. 2015-19)</c:v>
                </c:pt>
              </c:strCache>
            </c:strRef>
          </c:tx>
          <c:spPr>
            <a:ln w="6350" cap="rnd" cmpd="sng" algn="ctr">
              <a:noFill/>
              <a:prstDash val="solid"/>
              <a:round/>
            </a:ln>
            <a:effectLst/>
            <a:extLst>
              <a:ext uri="{91240B29-F687-4F45-9708-019B960494DF}">
                <a14:hiddenLine xmlns:a14="http://schemas.microsoft.com/office/drawing/2010/main" w="6350" cap="rnd" cmpd="sng" algn="ctr">
                  <a:solidFill>
                    <a:sysClr val="windowText" lastClr="000000"/>
                  </a:solidFill>
                  <a:prstDash val="solid"/>
                  <a:round/>
                </a14:hiddenLine>
              </a:ext>
            </a:extLst>
          </c:spPr>
          <c:marker>
            <c:symbol val="diamond"/>
            <c:size val="5"/>
            <c:spPr>
              <a:solidFill>
                <a:srgbClr val="FFFFFF"/>
              </a:solidFill>
              <a:ln w="6350">
                <a:solidFill>
                  <a:srgbClr val="000000"/>
                </a:solidFill>
                <a:prstDash val="solid"/>
              </a:ln>
              <a:effectLst/>
              <a:extLst/>
            </c:spPr>
          </c:marker>
          <c:cat>
            <c:strRef>
              <c:f>'Figure 1.5'!$A$36:$A$50</c:f>
              <c:strCache>
                <c:ptCount val="15"/>
                <c:pt idx="0">
                  <c:v>ARG</c:v>
                </c:pt>
                <c:pt idx="1">
                  <c:v>BRB</c:v>
                </c:pt>
                <c:pt idx="2">
                  <c:v>BOL</c:v>
                </c:pt>
                <c:pt idx="3">
                  <c:v>BRA</c:v>
                </c:pt>
                <c:pt idx="4">
                  <c:v>CHL</c:v>
                </c:pt>
                <c:pt idx="5">
                  <c:v>COL</c:v>
                </c:pt>
                <c:pt idx="6">
                  <c:v>DOM</c:v>
                </c:pt>
                <c:pt idx="7">
                  <c:v>ECU</c:v>
                </c:pt>
                <c:pt idx="8">
                  <c:v>MEX</c:v>
                </c:pt>
                <c:pt idx="9">
                  <c:v>PAN</c:v>
                </c:pt>
                <c:pt idx="10">
                  <c:v>PER</c:v>
                </c:pt>
                <c:pt idx="11">
                  <c:v>PRY</c:v>
                </c:pt>
                <c:pt idx="12">
                  <c:v>TTO</c:v>
                </c:pt>
                <c:pt idx="13">
                  <c:v>URY</c:v>
                </c:pt>
                <c:pt idx="14">
                  <c:v>VEN</c:v>
                </c:pt>
              </c:strCache>
            </c:strRef>
          </c:cat>
          <c:val>
            <c:numRef>
              <c:f>'Figure 1.5'!$E$36:$E$50</c:f>
              <c:numCache>
                <c:formatCode>0.00</c:formatCode>
                <c:ptCount val="15"/>
                <c:pt idx="0">
                  <c:v>1.5751651225600001</c:v>
                </c:pt>
                <c:pt idx="1">
                  <c:v>5.4795324627400008</c:v>
                </c:pt>
                <c:pt idx="2">
                  <c:v>0.98826095648000012</c:v>
                </c:pt>
                <c:pt idx="3">
                  <c:v>3.2352199870599998</c:v>
                </c:pt>
                <c:pt idx="4">
                  <c:v>4.4006010123800001</c:v>
                </c:pt>
                <c:pt idx="5">
                  <c:v>4.2763590815599999</c:v>
                </c:pt>
                <c:pt idx="6">
                  <c:v>3.5892048195799999</c:v>
                </c:pt>
                <c:pt idx="7">
                  <c:v>0.98566059888000002</c:v>
                </c:pt>
                <c:pt idx="8">
                  <c:v>2.8576237730599998</c:v>
                </c:pt>
                <c:pt idx="9">
                  <c:v>7.7747243232199992</c:v>
                </c:pt>
                <c:pt idx="10">
                  <c:v>3.5920481916999996</c:v>
                </c:pt>
                <c:pt idx="11">
                  <c:v>1.1656359550799997</c:v>
                </c:pt>
                <c:pt idx="12">
                  <c:v>-0.68318991835999987</c:v>
                </c:pt>
                <c:pt idx="13">
                  <c:v>0.40894077358000008</c:v>
                </c:pt>
                <c:pt idx="14">
                  <c:v>0.24714952265999995</c:v>
                </c:pt>
              </c:numCache>
            </c:numRef>
          </c:val>
          <c:smooth val="0"/>
          <c:extLst>
            <c:ext xmlns:c16="http://schemas.microsoft.com/office/drawing/2014/chart" uri="{C3380CC4-5D6E-409C-BE32-E72D297353CC}">
              <c16:uniqueId val="{00000003-BFB1-49A3-990E-7FF67A07E1CB}"/>
            </c:ext>
          </c:extLst>
        </c:ser>
        <c:dLbls>
          <c:showLegendKey val="0"/>
          <c:showVal val="0"/>
          <c:showCatName val="0"/>
          <c:showSerName val="0"/>
          <c:showPercent val="0"/>
          <c:showBubbleSize val="0"/>
        </c:dLbls>
        <c:marker val="1"/>
        <c:smooth val="0"/>
        <c:axId val="-1907280320"/>
        <c:axId val="-1907281408"/>
      </c:lineChart>
      <c:catAx>
        <c:axId val="-1907280320"/>
        <c:scaling>
          <c:orientation val="minMax"/>
        </c:scaling>
        <c:delete val="0"/>
        <c:axPos val="b"/>
        <c:majorGridlines>
          <c:spPr>
            <a:ln w="9525" cmpd="sng">
              <a:solidFill>
                <a:srgbClr val="FFFFFF"/>
              </a:solidFill>
              <a:prstDash val="solid"/>
            </a:ln>
          </c:spPr>
        </c:majorGridlines>
        <c:numFmt formatCode="General" sourceLinked="0"/>
        <c:majorTickMark val="in"/>
        <c:minorTickMark val="none"/>
        <c:tickLblPos val="low"/>
        <c:spPr>
          <a:noFill/>
          <a:ln w="9525">
            <a:solidFill>
              <a:srgbClr val="000000"/>
            </a:solidFill>
            <a:prstDash val="solid"/>
          </a:ln>
          <a:extLst>
            <a:ext uri="{909E8E84-426E-40DD-AFC4-6F175D3DCCD1}">
              <a14:hiddenFill xmlns:a14="http://schemas.microsoft.com/office/drawing/2010/main">
                <a:noFill/>
              </a14:hiddenFill>
            </a:ext>
          </a:extLst>
        </c:spPr>
        <c:txPr>
          <a:bodyPr rot="-60000000" vert="horz"/>
          <a:lstStyle/>
          <a:p>
            <a:pPr>
              <a:defRPr sz="800" b="0" i="0">
                <a:solidFill>
                  <a:srgbClr val="000000"/>
                </a:solidFill>
                <a:latin typeface="Arial Narrow"/>
                <a:ea typeface="Arial Narrow"/>
                <a:cs typeface="Arial Narrow"/>
              </a:defRPr>
            </a:pPr>
            <a:endParaRPr lang="fr-FR"/>
          </a:p>
        </c:txPr>
        <c:crossAx val="-1907281408"/>
        <c:crosses val="autoZero"/>
        <c:auto val="1"/>
        <c:lblAlgn val="ctr"/>
        <c:lblOffset val="0"/>
        <c:tickLblSkip val="1"/>
        <c:noMultiLvlLbl val="0"/>
      </c:catAx>
      <c:valAx>
        <c:axId val="-1907281408"/>
        <c:scaling>
          <c:orientation val="minMax"/>
          <c:max val="15"/>
          <c:min val="-15"/>
        </c:scaling>
        <c:delete val="0"/>
        <c:axPos val="l"/>
        <c:majorGridlines>
          <c:spPr>
            <a:ln w="9525" cmpd="sng">
              <a:solidFill>
                <a:srgbClr val="FFFFFF"/>
              </a:solidFill>
              <a:prstDash val="solid"/>
            </a:ln>
          </c:spPr>
        </c:majorGridlines>
        <c:numFmt formatCode="General" sourceLinked="0"/>
        <c:majorTickMark val="in"/>
        <c:minorTickMark val="none"/>
        <c:tickLblPos val="nextTo"/>
        <c:spPr>
          <a:noFill/>
          <a:ln w="9525">
            <a:solidFill>
              <a:srgbClr val="000000"/>
            </a:solidFill>
            <a:prstDash val="solid"/>
          </a:ln>
          <a:extLst>
            <a:ext uri="{909E8E84-426E-40DD-AFC4-6F175D3DCCD1}">
              <a14:hiddenFill xmlns:a14="http://schemas.microsoft.com/office/drawing/2010/main">
                <a:noFill/>
              </a14:hiddenFill>
            </a:ext>
          </a:extLst>
        </c:spPr>
        <c:txPr>
          <a:bodyPr rot="-60000000" vert="horz"/>
          <a:lstStyle/>
          <a:p>
            <a:pPr>
              <a:defRPr sz="800" b="0" i="0">
                <a:solidFill>
                  <a:srgbClr val="000000"/>
                </a:solidFill>
                <a:latin typeface="Arial Narrow"/>
                <a:ea typeface="Arial Narrow"/>
                <a:cs typeface="Arial Narrow"/>
              </a:defRPr>
            </a:pPr>
            <a:endParaRPr lang="fr-FR"/>
          </a:p>
        </c:txPr>
        <c:crossAx val="-1907280320"/>
        <c:crosses val="autoZero"/>
        <c:crossBetween val="between"/>
      </c:valAx>
      <c:spPr>
        <a:solidFill>
          <a:srgbClr val="EAEAEA"/>
        </a:solidFill>
        <a:ln>
          <a:noFill/>
        </a:ln>
      </c:spPr>
    </c:plotArea>
    <c:legend>
      <c:legendPos val="b"/>
      <c:legendEntry>
        <c:idx val="0"/>
        <c:txPr>
          <a:bodyPr/>
          <a:lstStyle/>
          <a:p>
            <a:pPr>
              <a:defRPr sz="800" b="0" i="0">
                <a:solidFill>
                  <a:srgbClr val="000000"/>
                </a:solidFill>
                <a:latin typeface="Arial Narrow"/>
                <a:ea typeface="Arial Narrow"/>
                <a:cs typeface="Arial Narrow"/>
              </a:defRPr>
            </a:pPr>
            <a:endParaRPr lang="fr-FR"/>
          </a:p>
        </c:txPr>
      </c:legendEntry>
      <c:legendEntry>
        <c:idx val="1"/>
        <c:txPr>
          <a:bodyPr/>
          <a:lstStyle/>
          <a:p>
            <a:pPr>
              <a:defRPr sz="800" b="0" i="0">
                <a:solidFill>
                  <a:srgbClr val="000000"/>
                </a:solidFill>
                <a:latin typeface="Arial Narrow"/>
                <a:ea typeface="Arial Narrow"/>
                <a:cs typeface="Arial Narrow"/>
              </a:defRPr>
            </a:pPr>
            <a:endParaRPr lang="fr-FR"/>
          </a:p>
        </c:txPr>
      </c:legendEntry>
      <c:legendEntry>
        <c:idx val="2"/>
        <c:txPr>
          <a:bodyPr/>
          <a:lstStyle/>
          <a:p>
            <a:pPr>
              <a:defRPr sz="800" b="0" i="0">
                <a:solidFill>
                  <a:srgbClr val="000000"/>
                </a:solidFill>
                <a:latin typeface="Arial Narrow"/>
                <a:ea typeface="Arial Narrow"/>
                <a:cs typeface="Arial Narrow"/>
              </a:defRPr>
            </a:pPr>
            <a:endParaRPr lang="fr-FR"/>
          </a:p>
        </c:txPr>
      </c:legendEntry>
      <c:legendEntry>
        <c:idx val="3"/>
        <c:txPr>
          <a:bodyPr/>
          <a:lstStyle/>
          <a:p>
            <a:pPr>
              <a:defRPr sz="800" b="0" i="0">
                <a:solidFill>
                  <a:srgbClr val="000000"/>
                </a:solidFill>
                <a:latin typeface="Arial Narrow"/>
                <a:ea typeface="Arial Narrow"/>
                <a:cs typeface="Arial Narrow"/>
              </a:defRPr>
            </a:pPr>
            <a:endParaRPr lang="fr-FR"/>
          </a:p>
        </c:txPr>
      </c:legendEntry>
      <c:layout>
        <c:manualLayout>
          <c:xMode val="edge"/>
          <c:yMode val="edge"/>
          <c:x val="5.4447016460905349E-2"/>
          <c:y val="0.11011349248923953"/>
          <c:w val="0.90807613168724277"/>
          <c:h val="7.559523809523809E-2"/>
        </c:manualLayout>
      </c:layout>
      <c:overlay val="1"/>
      <c:spPr>
        <a:solidFill>
          <a:srgbClr val="EAEAEA"/>
        </a:solidFill>
        <a:ln>
          <a:noFill/>
        </a:ln>
        <a:effectLst/>
        <a:extLst>
          <a:ext uri="{91240B29-F687-4F45-9708-019B960494DF}">
            <a14:hiddenLine xmlns:a14="http://schemas.microsoft.com/office/drawing/2010/main">
              <a:noFill/>
            </a14:hiddenLine>
          </a:ext>
        </a:extLst>
      </c:spPr>
      <c:txPr>
        <a:bodyPr/>
        <a:lstStyle/>
        <a:p>
          <a:pPr>
            <a:defRPr sz="800" b="0" i="0">
              <a:solidFill>
                <a:srgbClr val="000000"/>
              </a:solidFill>
              <a:latin typeface="Arial Narrow"/>
              <a:ea typeface="Arial Narrow"/>
              <a:cs typeface="Arial Narrow"/>
            </a:defRPr>
          </a:pPr>
          <a:endParaRPr lang="fr-FR"/>
        </a:p>
      </c:txPr>
    </c:legend>
    <c:plotVisOnly val="1"/>
    <c:dispBlanksAs val="gap"/>
    <c:showDLblsOverMax val="1"/>
  </c:chart>
  <c:spPr>
    <a:noFill/>
    <a:ln>
      <a:noFill/>
    </a:ln>
    <a:extLst>
      <a:ext uri="{909E8E84-426E-40DD-AFC4-6F175D3DCCD1}">
        <a14:hiddenFill xmlns:a14="http://schemas.microsoft.com/office/drawing/2010/main">
          <a:solidFill>
            <a:sysClr val="window" lastClr="FFFFFF"/>
          </a:solidFill>
        </a14:hiddenFill>
      </a:ext>
    </a:extLst>
  </c:spPr>
  <c:txPr>
    <a:bodyPr/>
    <a:lstStyle/>
    <a:p>
      <a:pPr>
        <a:defRPr sz="1200">
          <a:latin typeface="Corbel" panose="020B0503020204020204" pitchFamily="34" charset="0"/>
          <a:cs typeface="Arial" panose="020B0604020202020204" pitchFamily="34" charset="0"/>
        </a:defRPr>
      </a:pPr>
      <a:endParaRPr lang="fr-FR"/>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800" b="1" i="0" u="none" strike="noStrike" kern="1200" spc="0" baseline="0">
                <a:solidFill>
                  <a:srgbClr val="000000"/>
                </a:solidFill>
                <a:latin typeface="Arial Narrow" panose="020B0606020202030204" pitchFamily="34" charset="0"/>
                <a:ea typeface="+mn-ea"/>
                <a:cs typeface="+mn-cs"/>
              </a:defRPr>
            </a:pPr>
            <a:r>
              <a:rPr lang="en-GB" sz="800" b="1" i="0">
                <a:solidFill>
                  <a:srgbClr val="000000"/>
                </a:solidFill>
                <a:latin typeface="Arial Narrow" panose="020B0606020202030204" pitchFamily="34" charset="0"/>
              </a:rPr>
              <a:t>Panel B.  LAC Emerging Markets Bond Index (EMBI) spreads and CBOE Volatility Index (VIX)</a:t>
            </a:r>
          </a:p>
        </c:rich>
      </c:tx>
      <c:layout>
        <c:manualLayout>
          <c:xMode val="edge"/>
          <c:yMode val="edge"/>
          <c:x val="0.1840166323731138"/>
          <c:y val="2.0158730158730157E-2"/>
        </c:manualLayout>
      </c:layout>
      <c:overlay val="0"/>
      <c:spPr>
        <a:noFill/>
        <a:ln>
          <a:noFill/>
        </a:ln>
        <a:effectLst/>
      </c:spPr>
      <c:txPr>
        <a:bodyPr rot="0" spcFirstLastPara="1" vertOverflow="ellipsis" vert="horz" wrap="square" anchor="ctr" anchorCtr="1"/>
        <a:lstStyle/>
        <a:p>
          <a:pPr>
            <a:defRPr sz="800" b="1" i="0" u="none" strike="noStrike" kern="1200" spc="0" baseline="0">
              <a:solidFill>
                <a:srgbClr val="000000"/>
              </a:solidFill>
              <a:latin typeface="Arial Narrow" panose="020B0606020202030204" pitchFamily="34" charset="0"/>
              <a:ea typeface="+mn-ea"/>
              <a:cs typeface="+mn-cs"/>
            </a:defRPr>
          </a:pPr>
          <a:endParaRPr lang="fr-FR"/>
        </a:p>
      </c:txPr>
    </c:title>
    <c:autoTitleDeleted val="0"/>
    <c:plotArea>
      <c:layout>
        <c:manualLayout>
          <c:layoutTarget val="inner"/>
          <c:xMode val="edge"/>
          <c:yMode val="edge"/>
          <c:x val="5.4447016925314652E-2"/>
          <c:y val="0.26865753968253969"/>
          <c:w val="0.90807613168724277"/>
          <c:h val="0.55212777777777777"/>
        </c:manualLayout>
      </c:layout>
      <c:lineChart>
        <c:grouping val="standard"/>
        <c:varyColors val="0"/>
        <c:ser>
          <c:idx val="1"/>
          <c:order val="1"/>
          <c:tx>
            <c:strRef>
              <c:f>'Figure 1.5'!$C$53</c:f>
              <c:strCache>
                <c:ptCount val="1"/>
                <c:pt idx="0">
                  <c:v>EMBI + Latam</c:v>
                </c:pt>
              </c:strCache>
            </c:strRef>
          </c:tx>
          <c:spPr>
            <a:ln w="19050" cap="rnd">
              <a:solidFill>
                <a:srgbClr val="F47920"/>
              </a:solidFill>
              <a:prstDash val="solid"/>
              <a:round/>
            </a:ln>
            <a:effectLst/>
          </c:spPr>
          <c:marker>
            <c:symbol val="none"/>
          </c:marker>
          <c:cat>
            <c:numRef>
              <c:f>'Figure 1.5'!$A$54:$A$79</c:f>
              <c:numCache>
                <c:formatCode>m/d/yyyy</c:formatCode>
                <c:ptCount val="26"/>
                <c:pt idx="0">
                  <c:v>43280</c:v>
                </c:pt>
                <c:pt idx="1">
                  <c:v>43312</c:v>
                </c:pt>
                <c:pt idx="2">
                  <c:v>43343</c:v>
                </c:pt>
                <c:pt idx="3">
                  <c:v>43371</c:v>
                </c:pt>
                <c:pt idx="4">
                  <c:v>43404</c:v>
                </c:pt>
                <c:pt idx="5">
                  <c:v>43434</c:v>
                </c:pt>
                <c:pt idx="6">
                  <c:v>43465</c:v>
                </c:pt>
                <c:pt idx="7">
                  <c:v>43496</c:v>
                </c:pt>
                <c:pt idx="8">
                  <c:v>43524</c:v>
                </c:pt>
                <c:pt idx="9">
                  <c:v>43553</c:v>
                </c:pt>
                <c:pt idx="10">
                  <c:v>43585</c:v>
                </c:pt>
                <c:pt idx="11">
                  <c:v>43616</c:v>
                </c:pt>
                <c:pt idx="12">
                  <c:v>43644</c:v>
                </c:pt>
                <c:pt idx="13">
                  <c:v>43677</c:v>
                </c:pt>
                <c:pt idx="14">
                  <c:v>43707</c:v>
                </c:pt>
                <c:pt idx="15">
                  <c:v>43738</c:v>
                </c:pt>
                <c:pt idx="16">
                  <c:v>43769</c:v>
                </c:pt>
                <c:pt idx="17">
                  <c:v>43798</c:v>
                </c:pt>
                <c:pt idx="18">
                  <c:v>43830</c:v>
                </c:pt>
                <c:pt idx="19">
                  <c:v>43861</c:v>
                </c:pt>
                <c:pt idx="20">
                  <c:v>43889</c:v>
                </c:pt>
                <c:pt idx="21">
                  <c:v>43921</c:v>
                </c:pt>
                <c:pt idx="22">
                  <c:v>43951</c:v>
                </c:pt>
                <c:pt idx="23">
                  <c:v>43980</c:v>
                </c:pt>
                <c:pt idx="24">
                  <c:v>44012</c:v>
                </c:pt>
                <c:pt idx="25">
                  <c:v>44043</c:v>
                </c:pt>
              </c:numCache>
            </c:numRef>
          </c:cat>
          <c:val>
            <c:numRef>
              <c:f>'Figure 1.5'!$C$54:$C$79</c:f>
              <c:numCache>
                <c:formatCode>General</c:formatCode>
                <c:ptCount val="26"/>
                <c:pt idx="0">
                  <c:v>528</c:v>
                </c:pt>
                <c:pt idx="1">
                  <c:v>518</c:v>
                </c:pt>
                <c:pt idx="2">
                  <c:v>547</c:v>
                </c:pt>
                <c:pt idx="3">
                  <c:v>553</c:v>
                </c:pt>
                <c:pt idx="4">
                  <c:v>542</c:v>
                </c:pt>
                <c:pt idx="5">
                  <c:v>562</c:v>
                </c:pt>
                <c:pt idx="6">
                  <c:v>588</c:v>
                </c:pt>
                <c:pt idx="7">
                  <c:v>551</c:v>
                </c:pt>
                <c:pt idx="8">
                  <c:v>526</c:v>
                </c:pt>
                <c:pt idx="9">
                  <c:v>539</c:v>
                </c:pt>
                <c:pt idx="10">
                  <c:v>550</c:v>
                </c:pt>
                <c:pt idx="11">
                  <c:v>575</c:v>
                </c:pt>
                <c:pt idx="12">
                  <c:v>560</c:v>
                </c:pt>
                <c:pt idx="13">
                  <c:v>558</c:v>
                </c:pt>
                <c:pt idx="14">
                  <c:v>615</c:v>
                </c:pt>
                <c:pt idx="15">
                  <c:v>607</c:v>
                </c:pt>
                <c:pt idx="16">
                  <c:v>556</c:v>
                </c:pt>
                <c:pt idx="17">
                  <c:v>509</c:v>
                </c:pt>
                <c:pt idx="18">
                  <c:v>428</c:v>
                </c:pt>
                <c:pt idx="19">
                  <c:v>417</c:v>
                </c:pt>
                <c:pt idx="20">
                  <c:v>421</c:v>
                </c:pt>
                <c:pt idx="21">
                  <c:v>625</c:v>
                </c:pt>
                <c:pt idx="22">
                  <c:v>709</c:v>
                </c:pt>
                <c:pt idx="23">
                  <c:v>628</c:v>
                </c:pt>
                <c:pt idx="24">
                  <c:v>548</c:v>
                </c:pt>
                <c:pt idx="25">
                  <c:v>524</c:v>
                </c:pt>
              </c:numCache>
            </c:numRef>
          </c:val>
          <c:smooth val="1"/>
          <c:extLst>
            <c:ext xmlns:c16="http://schemas.microsoft.com/office/drawing/2014/chart" uri="{C3380CC4-5D6E-409C-BE32-E72D297353CC}">
              <c16:uniqueId val="{00000000-EC5A-463E-906D-C2FA885CCA49}"/>
            </c:ext>
          </c:extLst>
        </c:ser>
        <c:dLbls>
          <c:showLegendKey val="0"/>
          <c:showVal val="0"/>
          <c:showCatName val="0"/>
          <c:showSerName val="0"/>
          <c:showPercent val="0"/>
          <c:showBubbleSize val="0"/>
        </c:dLbls>
        <c:marker val="1"/>
        <c:smooth val="0"/>
        <c:axId val="865806096"/>
        <c:axId val="865806752"/>
      </c:lineChart>
      <c:lineChart>
        <c:grouping val="standard"/>
        <c:varyColors val="0"/>
        <c:ser>
          <c:idx val="0"/>
          <c:order val="0"/>
          <c:tx>
            <c:strRef>
              <c:f>'Figure 1.5'!$B$53</c:f>
              <c:strCache>
                <c:ptCount val="1"/>
                <c:pt idx="0">
                  <c:v>VIX (RHS)</c:v>
                </c:pt>
              </c:strCache>
            </c:strRef>
          </c:tx>
          <c:spPr>
            <a:ln w="19050" cap="rnd">
              <a:solidFill>
                <a:srgbClr val="000000"/>
              </a:solidFill>
              <a:prstDash val="solid"/>
              <a:round/>
            </a:ln>
            <a:effectLst/>
          </c:spPr>
          <c:marker>
            <c:symbol val="none"/>
          </c:marker>
          <c:cat>
            <c:numRef>
              <c:f>'Figure 1.5'!$A$54:$A$79</c:f>
              <c:numCache>
                <c:formatCode>m/d/yyyy</c:formatCode>
                <c:ptCount val="26"/>
                <c:pt idx="0">
                  <c:v>43280</c:v>
                </c:pt>
                <c:pt idx="1">
                  <c:v>43312</c:v>
                </c:pt>
                <c:pt idx="2">
                  <c:v>43343</c:v>
                </c:pt>
                <c:pt idx="3">
                  <c:v>43371</c:v>
                </c:pt>
                <c:pt idx="4">
                  <c:v>43404</c:v>
                </c:pt>
                <c:pt idx="5">
                  <c:v>43434</c:v>
                </c:pt>
                <c:pt idx="6">
                  <c:v>43465</c:v>
                </c:pt>
                <c:pt idx="7">
                  <c:v>43496</c:v>
                </c:pt>
                <c:pt idx="8">
                  <c:v>43524</c:v>
                </c:pt>
                <c:pt idx="9">
                  <c:v>43553</c:v>
                </c:pt>
                <c:pt idx="10">
                  <c:v>43585</c:v>
                </c:pt>
                <c:pt idx="11">
                  <c:v>43616</c:v>
                </c:pt>
                <c:pt idx="12">
                  <c:v>43644</c:v>
                </c:pt>
                <c:pt idx="13">
                  <c:v>43677</c:v>
                </c:pt>
                <c:pt idx="14">
                  <c:v>43707</c:v>
                </c:pt>
                <c:pt idx="15">
                  <c:v>43738</c:v>
                </c:pt>
                <c:pt idx="16">
                  <c:v>43769</c:v>
                </c:pt>
                <c:pt idx="17">
                  <c:v>43798</c:v>
                </c:pt>
                <c:pt idx="18">
                  <c:v>43830</c:v>
                </c:pt>
                <c:pt idx="19">
                  <c:v>43861</c:v>
                </c:pt>
                <c:pt idx="20">
                  <c:v>43889</c:v>
                </c:pt>
                <c:pt idx="21">
                  <c:v>43921</c:v>
                </c:pt>
                <c:pt idx="22">
                  <c:v>43951</c:v>
                </c:pt>
                <c:pt idx="23">
                  <c:v>43980</c:v>
                </c:pt>
                <c:pt idx="24">
                  <c:v>44012</c:v>
                </c:pt>
                <c:pt idx="25">
                  <c:v>44043</c:v>
                </c:pt>
              </c:numCache>
            </c:numRef>
          </c:cat>
          <c:val>
            <c:numRef>
              <c:f>'Figure 1.5'!$B$54:$B$79</c:f>
              <c:numCache>
                <c:formatCode>General</c:formatCode>
                <c:ptCount val="26"/>
                <c:pt idx="0">
                  <c:v>13.68</c:v>
                </c:pt>
                <c:pt idx="1">
                  <c:v>13.15</c:v>
                </c:pt>
                <c:pt idx="2">
                  <c:v>12.55</c:v>
                </c:pt>
                <c:pt idx="3">
                  <c:v>12.91</c:v>
                </c:pt>
                <c:pt idx="4">
                  <c:v>19.350000000000001</c:v>
                </c:pt>
                <c:pt idx="5">
                  <c:v>19.39</c:v>
                </c:pt>
                <c:pt idx="6">
                  <c:v>24.95</c:v>
                </c:pt>
                <c:pt idx="7">
                  <c:v>19.57</c:v>
                </c:pt>
                <c:pt idx="8">
                  <c:v>15.23</c:v>
                </c:pt>
                <c:pt idx="9">
                  <c:v>14.49</c:v>
                </c:pt>
                <c:pt idx="10">
                  <c:v>12.95</c:v>
                </c:pt>
                <c:pt idx="11">
                  <c:v>16.72</c:v>
                </c:pt>
                <c:pt idx="12">
                  <c:v>15.84</c:v>
                </c:pt>
                <c:pt idx="13">
                  <c:v>13.31</c:v>
                </c:pt>
                <c:pt idx="14">
                  <c:v>18.98</c:v>
                </c:pt>
                <c:pt idx="15">
                  <c:v>15.56</c:v>
                </c:pt>
                <c:pt idx="16">
                  <c:v>15.47</c:v>
                </c:pt>
                <c:pt idx="17">
                  <c:v>12.52</c:v>
                </c:pt>
                <c:pt idx="18">
                  <c:v>13.76</c:v>
                </c:pt>
                <c:pt idx="19">
                  <c:v>13.94</c:v>
                </c:pt>
                <c:pt idx="20">
                  <c:v>19.63</c:v>
                </c:pt>
                <c:pt idx="21">
                  <c:v>57.74</c:v>
                </c:pt>
                <c:pt idx="22">
                  <c:v>41.45</c:v>
                </c:pt>
                <c:pt idx="23">
                  <c:v>30.9</c:v>
                </c:pt>
                <c:pt idx="24">
                  <c:v>31.12</c:v>
                </c:pt>
                <c:pt idx="25">
                  <c:v>26.84</c:v>
                </c:pt>
              </c:numCache>
            </c:numRef>
          </c:val>
          <c:smooth val="1"/>
          <c:extLst>
            <c:ext xmlns:c16="http://schemas.microsoft.com/office/drawing/2014/chart" uri="{C3380CC4-5D6E-409C-BE32-E72D297353CC}">
              <c16:uniqueId val="{00000001-EC5A-463E-906D-C2FA885CCA49}"/>
            </c:ext>
          </c:extLst>
        </c:ser>
        <c:dLbls>
          <c:showLegendKey val="0"/>
          <c:showVal val="0"/>
          <c:showCatName val="0"/>
          <c:showSerName val="0"/>
          <c:showPercent val="0"/>
          <c:showBubbleSize val="0"/>
        </c:dLbls>
        <c:marker val="1"/>
        <c:smooth val="0"/>
        <c:axId val="924821808"/>
        <c:axId val="924828696"/>
      </c:lineChart>
      <c:dateAx>
        <c:axId val="865806096"/>
        <c:scaling>
          <c:orientation val="minMax"/>
        </c:scaling>
        <c:delete val="0"/>
        <c:axPos val="b"/>
        <c:majorGridlines>
          <c:spPr>
            <a:ln w="9525" cap="flat" cmpd="sng" algn="ctr">
              <a:solidFill>
                <a:srgbClr val="FFFFFF"/>
              </a:solidFill>
              <a:prstDash val="solid"/>
              <a:round/>
            </a:ln>
            <a:effectLst/>
          </c:spPr>
        </c:majorGridlines>
        <c:numFmt formatCode="m/d/yyyy" sourceLinked="1"/>
        <c:majorTickMark val="in"/>
        <c:minorTickMark val="none"/>
        <c:tickLblPos val="low"/>
        <c:spPr>
          <a:noFill/>
          <a:ln w="9525" cap="flat" cmpd="sng" algn="ctr">
            <a:solidFill>
              <a:srgbClr val="000000"/>
            </a:solidFill>
            <a:prstDash val="solid"/>
            <a:round/>
          </a:ln>
          <a:effectLst/>
          <a:extLst>
            <a:ext uri="{909E8E84-426E-40DD-AFC4-6F175D3DCCD1}">
              <a14:hiddenFill xmlns:a14="http://schemas.microsoft.com/office/drawing/2010/main">
                <a:noFill/>
              </a14:hiddenFill>
            </a:ext>
          </a:extLst>
        </c:spPr>
        <c:txPr>
          <a:bodyPr rot="-2700000" spcFirstLastPara="1" vertOverflow="ellipsis"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865806752"/>
        <c:crosses val="autoZero"/>
        <c:auto val="1"/>
        <c:lblOffset val="0"/>
        <c:baseTimeUnit val="months"/>
      </c:dateAx>
      <c:valAx>
        <c:axId val="865806752"/>
        <c:scaling>
          <c:orientation val="minMax"/>
        </c:scaling>
        <c:delete val="0"/>
        <c:axPos val="l"/>
        <c:majorGridlines>
          <c:spPr>
            <a:ln w="9525" cap="flat" cmpd="sng" algn="ctr">
              <a:solidFill>
                <a:srgbClr val="FFFFFF"/>
              </a:solidFill>
              <a:prstDash val="solid"/>
              <a:round/>
            </a:ln>
            <a:effectLst/>
          </c:spPr>
        </c:majorGridlines>
        <c:numFmt formatCode="General" sourceLinked="1"/>
        <c:majorTickMark val="in"/>
        <c:minorTickMark val="none"/>
        <c:tickLblPos val="nextTo"/>
        <c:spPr>
          <a:noFill/>
          <a:ln w="9525">
            <a:solidFill>
              <a:srgbClr val="000000"/>
            </a:solidFill>
            <a:prstDash val="solid"/>
          </a:ln>
          <a:effectLst/>
          <a:extLst>
            <a:ext uri="{909E8E84-426E-40DD-AFC4-6F175D3DCCD1}">
              <a14:hiddenFill xmlns:a14="http://schemas.microsoft.com/office/drawing/2010/main">
                <a:noFill/>
              </a14:hiddenFill>
            </a:ext>
          </a:ex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865806096"/>
        <c:crosses val="autoZero"/>
        <c:crossBetween val="between"/>
      </c:valAx>
      <c:valAx>
        <c:axId val="924828696"/>
        <c:scaling>
          <c:orientation val="minMax"/>
        </c:scaling>
        <c:delete val="0"/>
        <c:axPos val="r"/>
        <c:numFmt formatCode="General" sourceLinked="1"/>
        <c:majorTickMark val="out"/>
        <c:minorTickMark val="none"/>
        <c:tickLblPos val="nextTo"/>
        <c:spPr>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a:noFill/>
              </a14:hiddenLine>
            </a:ext>
          </a:ex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924821808"/>
        <c:crosses val="max"/>
        <c:crossBetween val="between"/>
      </c:valAx>
      <c:dateAx>
        <c:axId val="924821808"/>
        <c:scaling>
          <c:orientation val="minMax"/>
        </c:scaling>
        <c:delete val="1"/>
        <c:axPos val="b"/>
        <c:numFmt formatCode="m/d/yyyy" sourceLinked="1"/>
        <c:majorTickMark val="out"/>
        <c:minorTickMark val="none"/>
        <c:tickLblPos val="nextTo"/>
        <c:crossAx val="924828696"/>
        <c:crossesAt val="0"/>
        <c:auto val="1"/>
        <c:lblOffset val="100"/>
        <c:baseTimeUnit val="months"/>
      </c:dateAx>
      <c:spPr>
        <a:solidFill>
          <a:srgbClr val="EAEAEA"/>
        </a:solidFill>
        <a:ln>
          <a:noFill/>
        </a:ln>
        <a:effectLst/>
        <a:extLst>
          <a:ext uri="{91240B29-F687-4F45-9708-019B960494DF}">
            <a14:hiddenLine xmlns:a14="http://schemas.microsoft.com/office/drawing/2010/main">
              <a:noFill/>
            </a14:hiddenLine>
          </a:ext>
        </a:extLst>
      </c:spPr>
    </c:plotArea>
    <c:legend>
      <c:legendPos val="r"/>
      <c:layout>
        <c:manualLayout>
          <c:xMode val="edge"/>
          <c:yMode val="edge"/>
          <c:x val="5.4447016460905349E-2"/>
          <c:y val="0.11011349248923953"/>
          <c:w val="0.90807613168724277"/>
          <c:h val="7.559523809523809E-2"/>
        </c:manualLayout>
      </c:layout>
      <c:overlay val="1"/>
      <c:spPr>
        <a:solidFill>
          <a:srgbClr val="EAEAEA"/>
        </a:solidFill>
        <a:ln>
          <a:noFill/>
        </a:ln>
        <a:effectLst/>
        <a:extLst>
          <a:ext uri="{91240B29-F687-4F45-9708-019B960494DF}">
            <a14:hiddenLine xmlns:a14="http://schemas.microsoft.com/office/drawing/2010/main">
              <a:noFill/>
            </a14:hiddenLine>
          </a:ext>
        </a:extLst>
      </c:spPr>
      <c:txPr>
        <a:bodyPr rot="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legend>
    <c:plotVisOnly val="1"/>
    <c:dispBlanksAs val="gap"/>
    <c:showDLblsOverMax val="1"/>
  </c:chart>
  <c:spPr>
    <a:noFill/>
    <a:ln w="9525" cap="flat" cmpd="sng" algn="ctr">
      <a:noFill/>
      <a:round/>
    </a:ln>
    <a:effectLst/>
    <a:extLst>
      <a:ext uri="{909E8E84-426E-40DD-AFC4-6F175D3DCCD1}">
        <a14:hiddenFill xmlns:a14="http://schemas.microsoft.com/office/drawing/2010/main">
          <a:solidFill>
            <a:sysClr val="window" lastClr="FFFFFF"/>
          </a:solidFill>
        </a14:hiddenFill>
      </a:ext>
      <a:ext uri="{91240B29-F687-4F45-9708-019B960494DF}">
        <a14:hiddenLine xmlns:a14="http://schemas.microsoft.com/office/drawing/2010/main" w="9525" cap="flat" cmpd="sng" algn="ctr">
          <a:solidFill>
            <a:sysClr val="windowText" lastClr="000000">
              <a:lumMod val="15000"/>
              <a:lumOff val="85000"/>
            </a:sysClr>
          </a:solidFill>
          <a:round/>
        </a14:hiddenLine>
      </a:ext>
    </a:extLst>
  </c:spPr>
  <c:txPr>
    <a:bodyPr/>
    <a:lstStyle/>
    <a:p>
      <a:pPr>
        <a:defRPr/>
      </a:pPr>
      <a:endParaRPr lang="fr-FR"/>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0</xdr:col>
      <xdr:colOff>12700</xdr:colOff>
      <xdr:row>6</xdr:row>
      <xdr:rowOff>12700</xdr:rowOff>
    </xdr:from>
    <xdr:to>
      <xdr:col>6</xdr:col>
      <xdr:colOff>367825</xdr:colOff>
      <xdr:row>18</xdr:row>
      <xdr:rowOff>18100</xdr:rowOff>
    </xdr:to>
    <xdr:graphicFrame macro="">
      <xdr:nvGraphicFramePr>
        <xdr:cNvPr id="2" name="2 Gráfico">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12700</xdr:colOff>
      <xdr:row>18</xdr:row>
      <xdr:rowOff>18100</xdr:rowOff>
    </xdr:from>
    <xdr:to>
      <xdr:col>6</xdr:col>
      <xdr:colOff>367825</xdr:colOff>
      <xdr:row>30</xdr:row>
      <xdr:rowOff>23500</xdr:rowOff>
    </xdr:to>
    <xdr:graphicFrame macro="">
      <xdr:nvGraphicFramePr>
        <xdr:cNvPr id="3" name="Chart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main.oecd.org\Homedir4\Client\C$\C:\S7788100\groups\HK_IND\AA(CE)-HKEI.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outlook_charts_i%20(master).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Macro.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main.oecd.org\Homedir4\Client\C$\C:\C:\Banco%20Provincial\Banco%20Provincial\Juan%20Ruiz\Situaci&#243;n%20Latam\2012\Agosto\Situacion%20Latam%20August%202012%20v04.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www.bls.gov/fls/intl_gdp_capita_gdp_hour.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cafbanco-my.sharepoint.com/Temp/Parts%201%20and%2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ain.oecd.org\Homedir4\Client\C$\C:\Srv-sbs\EBA\Documentum\dmcl\0000a01f\u181994\80cba7ac\TBG_IS4_ReportingTemplate.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Consejo\2011.10\Gr&#225;ficos\Deuda%20EEUU%20CBO.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R:\Z_Pinksheet\Out%20(TemplateFile)\PINK_OUTPUT.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cafbanco-my.sharepoint.com/Users/Klein_C/AppData/Local/Microsoft/Windows/Temporary%20Internet%20Files/Content.IE5/KQFEZCVV/OECD_CLPI_Computation.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www.oecd.org/daf/inv/Fernando/2012%20FDI%20Index.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main.oecd.org\Homedir4\Client\C$\C:\S7788100\datos1\HK_IND\AA(CE)-HKEI.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main.oecd.org\Homedir4\Client\C$\C:\F:\COSTOS%20LABORALES\indicadores%20internacionales%20de%20costos%20laborale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www.oecd.org/PROJECTS/EMO13_EPL/EP_data/EP_Part%201.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RS_Data.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IP_Data_+Asia.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20100618\M2_L%20Data.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Quarterly%20report\Asia%20Country\CC%20&amp;%20BC%20PMI.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main.oecd.org\Homedir4\Client\C$\C:\S7788100\datos1\USER\Joanne\Inflation%20outlook\Data\Carrie\Core%20inflation.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ain.oecd.org\Homedir4\Client\C$\C:\F:\SECTOR\SIES\199912bol.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Global%20Outlook\2011.02\Gr&#225;ficos\Inflaci&#243;n.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main.oecd.org\Homedir4\Client\C$\C:\C:\Homebuilders\Regional%20Profitability.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Excel%20files\CPI%20Asia.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31349\Desktop\CN_Profits.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main.oecd.org\Homedir4\Client\C$\C:\C:\Documents%20and%20Settings\Guadalupe%20Mercado\Mis%20documentos\pc%20anterior\Lupita\Excel%20a%20HTML(BEL%20E%20INBAES)\BEL\Capitulo01-V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https://cafbanco-my.sharepoint.com/ASAP4/Stata_Progs/Users/SSD_PMR/Requests/PMR_Desks.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ain.oecd.org\Homedir4\Client\C$\C:\S7788100\datos1\LATAM+EMERGENTES\e.Productos%20de%20la%20Unidad\Presentaciones\comite%20direccion\2010\april\ICM_VF.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main.oecd.org\Homedir4\Client\C$\C:\C:\SECTORIAL\AUTOMOTRIZ\WARDS\Copia%20de%20NAProductionSummary0906.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61918\Local%20Settings\Temporary%20Internet%20Files\OLKD0\Indicadores%20Educaci&#243;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main.oecd.org\Homedir4\Client\C$\C:\T:\Projections\Baseline_08Mar\Backup0803.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main.oecd.org\Homedir4\Client\C$\C:\C:\SECTORIAL\AUTOMOTRIZ\COYUNTURA\UNO%2031%20AGO%2009\BASE%20DE%20DATOS%20(version%202).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UNR_Data.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main.oecd.org\Homedir4\Client\C$\C:\Srv-sbs\EBA\Documents%20and%20Settings\ccorcostegui\Local%20Settings\Temporary%20Internet%20Files\OLK36\QIS%20reporting%20template_v1%200%200b1-EU.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dcp/presupuestopublico/FormulacionDePresupuesto/2020/VDC/CC-803_SOLIC_PPTO_Gastos_Adm_2020_Anual.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Asia%20Food%20Inflatio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PPT\DNS_Emerging_lead%20v4\Section%20I\Imports%20and%20Exports\COMTRADE\direct%20trade(23+G7+EU1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main.oecd.org\Homedir4\Client\C$\C:\S00601f9.bbva.igrupobbva\doc_uga1\Escenarios%20economicos\Global%20Outlook\2012.02\Gr&#225;ficos\BOX%20Chanels.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main.oecd.org\Homedir4\Client\C$\C:\C:\Escenarios%20economicos\Peticiones\2012.04\Gr&#225;ficos%20Comit&#233;%20LatAm.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110718_CPI%20Asia_edi.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DF (2)"/>
      <sheetName val="CNY CNH (2)"/>
      <sheetName val="Macro==&gt;"/>
      <sheetName val="GDP Table"/>
      <sheetName val="Ele Steel"/>
      <sheetName val="RAI"/>
      <sheetName val="RAI backup"/>
      <sheetName val="FAI gov"/>
      <sheetName val="FAI Real FAI PPI"/>
      <sheetName val="Fiscal budget"/>
      <sheetName val="Chart3_GDP_component"/>
      <sheetName val="RGDP trade balance"/>
      <sheetName val="Chart26_GDP_midterm"/>
      <sheetName val="Retail_sales"/>
      <sheetName val="Chart5_PMI_IP_FAI"/>
      <sheetName val="Chart6_money"/>
      <sheetName val="Chart7_CPI"/>
      <sheetName val="Income Tax"/>
      <sheetName val="Chart9_Interest rate"/>
      <sheetName val="Chart10_RRR"/>
      <sheetName val="OFDI"/>
      <sheetName val="Chart11_inter-bank_interest"/>
      <sheetName val="railway"/>
      <sheetName val="Chart12_stock_market"/>
      <sheetName val="Chart15_NEER_and_REER"/>
      <sheetName val="Chart16_capital_inflow"/>
      <sheetName val="Chart17_Trade"/>
      <sheetName val="Trade Export by region"/>
      <sheetName val="CNY CNH"/>
      <sheetName val="Chart18_Commodity_import"/>
      <sheetName val="Industrial_profit"/>
      <sheetName val="Chart19_RMB deposit &amp; bond"/>
      <sheetName val="RMB Deposit % HK"/>
      <sheetName val="RMB Trade HK"/>
      <sheetName val="DimSumBond old"/>
      <sheetName val="DimSumBond"/>
      <sheetName val="GDP Quarterly"/>
      <sheetName val="Risk Baseline"/>
      <sheetName val="FX_F"/>
      <sheetName val="RRR_F"/>
      <sheetName val="CPI_F"/>
      <sheetName val="Interest Rate_F"/>
      <sheetName val="Sheet3"/>
      <sheetName val="CDS"/>
      <sheetName val="Chart4_FAI_retail"/>
      <sheetName val="Page3"/>
      <sheetName val="Property==&gt;"/>
      <sheetName val="Real Interest"/>
      <sheetName val="70 city"/>
      <sheetName val="Chart8_housing price"/>
      <sheetName val="tier3"/>
      <sheetName val="Property Sale volume"/>
      <sheetName val="Int'l comparison YoY"/>
      <sheetName val="Int'l comparison MoM"/>
      <sheetName val="Chart13_tax_reform"/>
      <sheetName val="Chart14_affordable housing"/>
      <sheetName val="GDP contribution"/>
      <sheetName val="PPI"/>
      <sheetName val="Tables"/>
      <sheetName val="Banking==&gt;"/>
      <sheetName val="Debt"/>
      <sheetName val="CAR"/>
      <sheetName val="CAR NPL wind"/>
      <sheetName val="LtDwind"/>
      <sheetName val="Provision wind"/>
      <sheetName val="NPL"/>
      <sheetName val="NIM"/>
      <sheetName val="Net profit"/>
      <sheetName val="New loan mortgage"/>
      <sheetName val="New Loan"/>
      <sheetName val="Sheet1 (3)"/>
      <sheetName val="Social Financing"/>
      <sheetName val="LGFV"/>
      <sheetName val="Shadow_lending sum"/>
      <sheetName val="Shadow_lending"/>
      <sheetName val="Loan to deposit ratio"/>
      <sheetName val="Backup==&gt;"/>
      <sheetName val="National_Comparision"/>
      <sheetName val="FAI RS"/>
      <sheetName val="FAI Real FAI backup"/>
      <sheetName val="Ch1d"/>
      <sheetName val="Chart3_GDP_annual backup"/>
      <sheetName val="Chart3_GDP_component backup 1"/>
      <sheetName val="New loans"/>
      <sheetName val="Sheet4"/>
      <sheetName val="Debt_figure "/>
      <sheetName val="Fixed_asset_investment"/>
      <sheetName val="Chart20_LGFVs_riskprofile"/>
      <sheetName val="Chart21_medium_term_GDP backup"/>
      <sheetName val="Table1"/>
      <sheetName val="GDP_component back"/>
      <sheetName val="Chart3_GDP_old"/>
      <sheetName val="Nominal GDP"/>
      <sheetName val="Unemploy"/>
      <sheetName val="CA"/>
      <sheetName val="Fiscal"/>
      <sheetName val="Tables (2)"/>
      <sheetName val="Sheet1"/>
      <sheetName val="Sheet2"/>
      <sheetName val="Sheet1 (2)"/>
      <sheetName val="stock"/>
      <sheetName val="NDF raw"/>
      <sheetName val="CNY CNH new"/>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1">
          <cell r="U1" t="str">
            <v>199912 !M</v>
          </cell>
          <cell r="V1" t="str">
            <v>N023XUSV@G10</v>
          </cell>
        </row>
        <row r="2">
          <cell r="U2" t="str">
            <v>.DESC</v>
          </cell>
          <cell r="V2" t="str">
            <v xml:space="preserve">Euro Area11-17: Exchange Rate [Synthetic Euro Before 1999](Avg, US$/Euro) </v>
          </cell>
        </row>
        <row r="3">
          <cell r="U3" t="str">
            <v>.T1</v>
          </cell>
          <cell r="V3" t="str">
            <v>Jan-1980</v>
          </cell>
        </row>
        <row r="4">
          <cell r="U4" t="str">
            <v>.TN</v>
          </cell>
          <cell r="V4" t="str">
            <v>Sep-2011</v>
          </cell>
        </row>
      </sheetData>
      <sheetData sheetId="26"/>
      <sheetData sheetId="27"/>
      <sheetData sheetId="28"/>
      <sheetData sheetId="29"/>
      <sheetData sheetId="30"/>
      <sheetData sheetId="31"/>
      <sheetData sheetId="32"/>
      <sheetData sheetId="33"/>
      <sheetData sheetId="34"/>
      <sheetData sheetId="35"/>
      <sheetData sheetId="36">
        <row r="1">
          <cell r="A1" t="str">
            <v>19901 !Q</v>
          </cell>
          <cell r="B1" t="str">
            <v>N924NGPC@EMERGEPR</v>
          </cell>
        </row>
        <row r="2">
          <cell r="A2" t="str">
            <v>.DESC</v>
          </cell>
          <cell r="B2" t="str">
            <v xml:space="preserve">China: Gross Domestic Product (NSA, Bil.2000.Yuan) </v>
          </cell>
        </row>
        <row r="3">
          <cell r="A3" t="str">
            <v>.T1</v>
          </cell>
          <cell r="B3" t="str">
            <v>Q1-1992</v>
          </cell>
        </row>
        <row r="4">
          <cell r="A4" t="str">
            <v>.TN</v>
          </cell>
          <cell r="B4" t="str">
            <v>Q3-2011</v>
          </cell>
        </row>
      </sheetData>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row r="1">
          <cell r="A1" t="str">
            <v>20031 !Q</v>
          </cell>
          <cell r="B1" t="str">
            <v>N924NGDP@EMERGEPR</v>
          </cell>
        </row>
        <row r="2">
          <cell r="A2" t="str">
            <v>.DESC</v>
          </cell>
          <cell r="B2" t="str">
            <v xml:space="preserve">China: Gross Domestic Product (NSA, Bil.Yuan) </v>
          </cell>
        </row>
        <row r="3">
          <cell r="A3" t="str">
            <v>.T1</v>
          </cell>
          <cell r="B3" t="str">
            <v>Q1-1992</v>
          </cell>
        </row>
        <row r="4">
          <cell r="A4" t="str">
            <v>.TN</v>
          </cell>
          <cell r="B4" t="str">
            <v>Q3-2011</v>
          </cell>
        </row>
      </sheetData>
      <sheetData sheetId="99"/>
      <sheetData sheetId="100"/>
      <sheetData sheetId="101" refreshError="1"/>
      <sheetData sheetId="10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cial Financing"/>
      <sheetName val="RAI (2)"/>
      <sheetName val="Macro==&gt;"/>
      <sheetName val="GDP Table"/>
      <sheetName val="RAI"/>
      <sheetName val="Electricity Consumption"/>
      <sheetName val="Steel Electricity raw"/>
      <sheetName val="Electric Steel"/>
      <sheetName val="RAI backup GDP Target"/>
      <sheetName val="FAI gov"/>
      <sheetName val="FAI Real FAI PPI"/>
      <sheetName val="Fiscal budget"/>
      <sheetName val="Fiscal Budget 2012"/>
      <sheetName val="Chart3_GDP_component"/>
      <sheetName val="Chart26_GDP_midterm"/>
      <sheetName val="RGDP trade balance"/>
      <sheetName val="Retail_sales"/>
      <sheetName val="Chart5_PMI_IP_FAI"/>
      <sheetName val="Chart6_money"/>
      <sheetName val="Chart7_CPI"/>
      <sheetName val="Chart9_Interest rate"/>
      <sheetName val="Chart10_RRR"/>
      <sheetName val="Chart11_inter-bank_interest"/>
      <sheetName val="Chart12_stock_market"/>
      <sheetName val="Chart15_NEER_and_REER"/>
      <sheetName val="Chart16_capital_inflow"/>
      <sheetName val="Chart17_Trade"/>
      <sheetName val="Trade Export by region"/>
      <sheetName val="CNY CNH"/>
      <sheetName val="NDF raw"/>
      <sheetName val="CNY CNH new"/>
      <sheetName val="Income Tax"/>
      <sheetName val="OFDI"/>
      <sheetName val="railway"/>
      <sheetName val="Iron ore Oil volume"/>
      <sheetName val="Chart18_Commodity_import"/>
      <sheetName val="Industrial_profit yoy"/>
      <sheetName val="Industrial_profit ytd yoy"/>
      <sheetName val="Consumer finance raw data"/>
      <sheetName val="consumer finance 1"/>
      <sheetName val="consumer finance 2"/>
      <sheetName val="consumer finance 3"/>
      <sheetName val="private consumption comparison"/>
      <sheetName val="Chart19_RMB deposit &amp; bond"/>
      <sheetName val="RMB Deposit % HK"/>
      <sheetName val="RMB Trade HK"/>
      <sheetName val="DimSumBond old"/>
      <sheetName val="DimSumBond"/>
      <sheetName val="Page3"/>
      <sheetName val="Chart4_FAI_retail"/>
      <sheetName val="CDS"/>
      <sheetName val="Sheet3"/>
      <sheetName val="GDP Quarterly"/>
      <sheetName val="RRR_F new"/>
      <sheetName val="CPI_F"/>
      <sheetName val="CPI_2012Mar"/>
      <sheetName val="Interest Rate_F new"/>
      <sheetName val="FX_F"/>
      <sheetName val="FX_Forecast New"/>
      <sheetName val="Risk Baseline"/>
      <sheetName val="Interest Rate_F"/>
      <sheetName val="RRR_F"/>
      <sheetName val="RAI backup"/>
    </sheetNames>
    <sheetDataSet>
      <sheetData sheetId="0"/>
      <sheetData sheetId="1"/>
      <sheetData sheetId="2"/>
      <sheetData sheetId="3"/>
      <sheetData sheetId="4">
        <row r="1">
          <cell r="BF1" t="str">
            <v>19921 !Q</v>
          </cell>
          <cell r="BG1" t="str">
            <v>H924NGPC@EMERGEPR</v>
          </cell>
        </row>
        <row r="2">
          <cell r="BF2" t="str">
            <v>.DESC</v>
          </cell>
          <cell r="BG2" t="str">
            <v xml:space="preserve">China: Gross Domestic Product (SA, Bil.2000.Yuan) </v>
          </cell>
        </row>
        <row r="3">
          <cell r="BF3" t="str">
            <v>.T1</v>
          </cell>
          <cell r="BG3" t="str">
            <v>Q1-1992</v>
          </cell>
        </row>
        <row r="4">
          <cell r="BF4" t="str">
            <v>.TN</v>
          </cell>
          <cell r="BG4" t="str">
            <v>Q4-2011</v>
          </cell>
        </row>
      </sheetData>
      <sheetData sheetId="5"/>
      <sheetData sheetId="6"/>
      <sheetData sheetId="7"/>
      <sheetData sheetId="8"/>
      <sheetData sheetId="9"/>
      <sheetData sheetId="10"/>
      <sheetData sheetId="11">
        <row r="1">
          <cell r="P1" t="str">
            <v>20001 !Q</v>
          </cell>
          <cell r="Q1" t="str">
            <v>N924NGPD@EMERGEPR</v>
          </cell>
        </row>
        <row r="2">
          <cell r="P2" t="str">
            <v>.DESC</v>
          </cell>
          <cell r="Q2" t="str">
            <v xml:space="preserve">China: Gross Domestic Product (NSA, Bil.US$) </v>
          </cell>
        </row>
        <row r="3">
          <cell r="P3" t="str">
            <v>.TN</v>
          </cell>
          <cell r="Q3" t="str">
            <v>Q4-2011</v>
          </cell>
        </row>
        <row r="5">
          <cell r="P5" t="str">
            <v>20003</v>
          </cell>
          <cell r="Q5">
            <v>293.98</v>
          </cell>
        </row>
        <row r="6">
          <cell r="P6" t="str">
            <v>20002</v>
          </cell>
          <cell r="Q6">
            <v>279.06</v>
          </cell>
        </row>
        <row r="7">
          <cell r="P7" t="str">
            <v>20001</v>
          </cell>
          <cell r="Q7">
            <v>249.4</v>
          </cell>
        </row>
        <row r="8">
          <cell r="P8" t="str">
            <v>.T1</v>
          </cell>
          <cell r="Q8" t="str">
            <v>Q1-1992</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13"/>
      <sheetName val="g1"/>
      <sheetName val="g2"/>
      <sheetName val="g3"/>
      <sheetName val="g4"/>
      <sheetName val="g5"/>
      <sheetName val="g6"/>
      <sheetName val="g7"/>
      <sheetName val="g8"/>
      <sheetName val="g9"/>
      <sheetName val="g10"/>
      <sheetName val="g11"/>
      <sheetName val="g12"/>
      <sheetName val="g14"/>
      <sheetName val="g15"/>
      <sheetName val="g16"/>
      <sheetName val="g17"/>
      <sheetName val="g18"/>
      <sheetName val="g19"/>
      <sheetName val="g20"/>
      <sheetName val="g21"/>
      <sheetName val="g23"/>
      <sheetName val="g24"/>
    </sheetNames>
    <sheetDataSet>
      <sheetData sheetId="0"/>
      <sheetData sheetId="1" refreshError="1"/>
      <sheetData sheetId="2" refreshError="1"/>
      <sheetData sheetId="3">
        <row r="1">
          <cell r="C1">
            <v>4103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harts"/>
      <sheetName val="Calculations"/>
      <sheetName val="1 a"/>
      <sheetName val="1 b"/>
      <sheetName val="2 a"/>
      <sheetName val="2 b"/>
      <sheetName val="3 a"/>
      <sheetName val="3 b"/>
      <sheetName val="4 a"/>
      <sheetName val="4 b"/>
      <sheetName val="5 a"/>
      <sheetName val="5 b"/>
      <sheetName val="6 a"/>
      <sheetName val="6 b"/>
      <sheetName val="7 a"/>
      <sheetName val="7 b"/>
      <sheetName val="8"/>
      <sheetName val="9"/>
    </sheetNames>
    <sheetDataSet>
      <sheetData sheetId="0"/>
      <sheetData sheetId="1"/>
      <sheetData sheetId="2">
        <row r="2">
          <cell r="A2" t="str">
            <v>Real GDP per capita</v>
          </cell>
        </row>
        <row r="3">
          <cell r="A3" t="str">
            <v>Real GDP per employed person</v>
          </cell>
        </row>
        <row r="4">
          <cell r="A4" t="str">
            <v>Real GDP per hour worked</v>
          </cell>
        </row>
        <row r="5">
          <cell r="A5" t="str">
            <v>Real GDP</v>
          </cell>
        </row>
        <row r="6">
          <cell r="A6" t="str">
            <v>Population</v>
          </cell>
        </row>
        <row r="7">
          <cell r="A7" t="str">
            <v>Employment</v>
          </cell>
        </row>
        <row r="8">
          <cell r="A8" t="str">
            <v>Average annual hours worked</v>
          </cell>
        </row>
        <row r="9">
          <cell r="A9" t="str">
            <v>Employment-population ratios</v>
          </cell>
        </row>
        <row r="49">
          <cell r="B49">
            <v>19</v>
          </cell>
        </row>
        <row r="50">
          <cell r="B50">
            <v>33</v>
          </cell>
        </row>
        <row r="53">
          <cell r="B53">
            <v>1960</v>
          </cell>
        </row>
        <row r="54">
          <cell r="B54" t="e">
            <v>#N/A</v>
          </cell>
        </row>
        <row r="55">
          <cell r="B55" t="e">
            <v>#N/A</v>
          </cell>
        </row>
        <row r="56">
          <cell r="B56" t="e">
            <v>#N/A</v>
          </cell>
        </row>
        <row r="60">
          <cell r="B60" t="e">
            <v>#N/A</v>
          </cell>
        </row>
        <row r="62">
          <cell r="B62">
            <v>1.6130409993915271</v>
          </cell>
        </row>
        <row r="66">
          <cell r="B66" t="e">
            <v>#N/A</v>
          </cell>
        </row>
        <row r="68">
          <cell r="B68">
            <v>2.0754642766484501</v>
          </cell>
        </row>
        <row r="72">
          <cell r="B72" t="e">
            <v>#N/A</v>
          </cell>
        </row>
        <row r="74">
          <cell r="B74">
            <v>2.4827505554366716</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ng framework - level 1"/>
      <sheetName val="OECD countries"/>
      <sheetName val="New countries"/>
      <sheetName val="EPL 2008"/>
      <sheetName val="Time series revisions"/>
      <sheetName val="2003 revisions"/>
      <sheetName val="EPL_summary"/>
      <sheetName val="Sensitivity"/>
      <sheetName val="TAB 1A1_values"/>
      <sheetName val="TAB 1A2_scores"/>
      <sheetName val="TAB 1B1_values"/>
      <sheetName val="TAB 1B2_scores"/>
      <sheetName val="TAB 1C1_values"/>
      <sheetName val="TAB 1C2_scores"/>
      <sheetName val="lookup score"/>
      <sheetName val="figure epl compare"/>
    </sheetNames>
    <sheetDataSet>
      <sheetData sheetId="0" refreshError="1"/>
      <sheetData sheetId="1">
        <row r="1">
          <cell r="A1" t="str">
            <v>CountryCode indicateur</v>
          </cell>
          <cell r="B1" t="str">
            <v>Country</v>
          </cell>
          <cell r="C1" t="str">
            <v>Code indicateur</v>
          </cell>
          <cell r="D1" t="str">
            <v>Item</v>
          </cell>
          <cell r="E1">
            <v>2003</v>
          </cell>
          <cell r="F1" t="str">
            <v>2008 (2009 for Portugal)</v>
          </cell>
          <cell r="G1" t="str">
            <v>Value 2003_1</v>
          </cell>
          <cell r="H1" t="str">
            <v>Value 2003_2</v>
          </cell>
          <cell r="I1" t="str">
            <v>Value 2003_3</v>
          </cell>
          <cell r="J1" t="str">
            <v>Value 2008_1</v>
          </cell>
          <cell r="K1" t="str">
            <v>Value 2008_2</v>
          </cell>
          <cell r="L1" t="str">
            <v>Value 2008_3</v>
          </cell>
          <cell r="M1" t="str">
            <v>Score 2003_1</v>
          </cell>
          <cell r="N1" t="str">
            <v>Score 2003_2</v>
          </cell>
          <cell r="O1" t="str">
            <v>Score 2003_3</v>
          </cell>
          <cell r="P1" t="str">
            <v>Score 2008_1</v>
          </cell>
          <cell r="Q1" t="str">
            <v>Score 2008_2</v>
          </cell>
          <cell r="R1" t="str">
            <v>Score 2008_3</v>
          </cell>
        </row>
        <row r="2">
          <cell r="A2" t="str">
            <v>AustraliaEPL1A</v>
          </cell>
          <cell r="B2" t="str">
            <v>Australia</v>
          </cell>
          <cell r="C2" t="str">
            <v>EPL1A</v>
          </cell>
          <cell r="D2" t="str">
            <v>Notification proceduresa</v>
          </cell>
          <cell r="E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F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G2">
            <v>1</v>
          </cell>
          <cell r="J2">
            <v>1</v>
          </cell>
          <cell r="M2">
            <v>2</v>
          </cell>
          <cell r="P2">
            <v>2</v>
          </cell>
        </row>
        <row r="3">
          <cell r="A3" t="str">
            <v>AustraliaEPL1B</v>
          </cell>
          <cell r="B3" t="str">
            <v>Australia</v>
          </cell>
          <cell r="C3" t="str">
            <v>EPL1B</v>
          </cell>
          <cell r="D3" t="str">
            <v>Delay before notice can starta</v>
          </cell>
          <cell r="E3" t="str">
            <v xml:space="preserve">Redundancy: written or oral notice with statement of reasons; Personal reasons: the employer must warn the employee of his unsatisfactory performance and give him time to react (6 as in consultation and 1 for notice). Total is (1+7)/2=4 </v>
          </cell>
          <cell r="F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G3">
            <v>4</v>
          </cell>
          <cell r="J3">
            <v>4</v>
          </cell>
          <cell r="M3">
            <v>1</v>
          </cell>
          <cell r="P3">
            <v>1</v>
          </cell>
        </row>
        <row r="4">
          <cell r="A4" t="str">
            <v>AustraliaEPL2A1, EPL2A2, EPL2A3</v>
          </cell>
          <cell r="B4" t="str">
            <v>Australia</v>
          </cell>
          <cell r="C4" t="str">
            <v>EPL2A1, EPL2A2, EPL2A3</v>
          </cell>
          <cell r="D4" t="str">
            <v>Notice / tenurea</v>
          </cell>
          <cell r="E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F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 4 weeks.</v>
          </cell>
          <cell r="G4">
            <v>0.25</v>
          </cell>
          <cell r="H4">
            <v>0.75</v>
          </cell>
          <cell r="I4">
            <v>1</v>
          </cell>
          <cell r="J4">
            <v>0.25</v>
          </cell>
          <cell r="K4">
            <v>0.75</v>
          </cell>
          <cell r="L4">
            <v>1</v>
          </cell>
          <cell r="M4">
            <v>1</v>
          </cell>
          <cell r="N4">
            <v>1</v>
          </cell>
          <cell r="O4">
            <v>1</v>
          </cell>
          <cell r="P4">
            <v>1</v>
          </cell>
          <cell r="Q4">
            <v>1</v>
          </cell>
          <cell r="R4">
            <v>1</v>
          </cell>
        </row>
        <row r="5">
          <cell r="A5" t="str">
            <v>AustraliaEPL2B1, EPL2B2, EPL2B3</v>
          </cell>
          <cell r="B5" t="str">
            <v>Australia</v>
          </cell>
          <cell r="C5" t="str">
            <v>EPL2B1, EPL2B2, EPL2B3</v>
          </cell>
          <cell r="D5" t="str">
            <v>Severance pay / tenurea</v>
          </cell>
          <cell r="E5" t="str">
            <v> All workers: None. Redundancy cases: 0&lt;1y ; 4w&lt;2y, 6w&lt;3y, 7w&lt;4y, 8w&gt;4y (typical cases).
 Redundancy case: 9 months tenure: 0, 4 years tenure: 8 weeks, 20 years tenure: 8 weeks</v>
          </cell>
          <cell r="F5" t="str">
            <v> 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G5">
            <v>0</v>
          </cell>
          <cell r="H5">
            <v>1</v>
          </cell>
          <cell r="I5">
            <v>1</v>
          </cell>
          <cell r="J5">
            <v>0</v>
          </cell>
          <cell r="K5">
            <v>1</v>
          </cell>
          <cell r="L5">
            <v>1</v>
          </cell>
          <cell r="M5">
            <v>0</v>
          </cell>
          <cell r="N5">
            <v>2</v>
          </cell>
          <cell r="O5">
            <v>1</v>
          </cell>
          <cell r="P5">
            <v>0</v>
          </cell>
          <cell r="Q5">
            <v>2</v>
          </cell>
          <cell r="R5">
            <v>1</v>
          </cell>
        </row>
        <row r="6">
          <cell r="A6" t="str">
            <v>AustraliaEPL3A</v>
          </cell>
          <cell r="B6" t="str">
            <v>Australia</v>
          </cell>
          <cell r="C6" t="str">
            <v>EPL3A</v>
          </cell>
          <cell r="D6" t="str">
            <v>Definition of justified or unfair dismissal</v>
          </cell>
          <cell r="E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F6" t="str">
            <v>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v>
          </cell>
          <cell r="G6">
            <v>0</v>
          </cell>
          <cell r="J6">
            <v>0</v>
          </cell>
          <cell r="M6">
            <v>0</v>
          </cell>
          <cell r="P6">
            <v>0</v>
          </cell>
        </row>
        <row r="7">
          <cell r="A7" t="str">
            <v>AustraliaEPL3B</v>
          </cell>
          <cell r="B7" t="str">
            <v>Australia</v>
          </cell>
          <cell r="C7" t="str">
            <v>EPL3B</v>
          </cell>
          <cell r="D7" t="str">
            <v>Trial period</v>
          </cell>
          <cell r="E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F7" t="str">
            <v>The probation period is no more than 3 months, except if a longer period is reasonable given the nature of employment. Employees are not eligible to make an unfair dismissal claim in the first 6 months of employment.</v>
          </cell>
          <cell r="G7">
            <v>3</v>
          </cell>
          <cell r="J7">
            <v>6</v>
          </cell>
          <cell r="M7">
            <v>4</v>
          </cell>
          <cell r="P7">
            <v>3</v>
          </cell>
        </row>
        <row r="8">
          <cell r="A8" t="str">
            <v>AustraliaEPL3C</v>
          </cell>
          <cell r="B8" t="str">
            <v>Australia</v>
          </cell>
          <cell r="C8" t="str">
            <v>EPL3C</v>
          </cell>
          <cell r="D8" t="str">
            <v>compensation following unfair dismissalb</v>
          </cell>
          <cell r="E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F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G8">
            <v>6</v>
          </cell>
          <cell r="J8">
            <v>6</v>
          </cell>
          <cell r="M8">
            <v>1</v>
          </cell>
          <cell r="P8">
            <v>1</v>
          </cell>
        </row>
        <row r="9">
          <cell r="A9" t="str">
            <v>AustraliaEPL3D</v>
          </cell>
          <cell r="B9" t="str">
            <v>Australia</v>
          </cell>
          <cell r="C9" t="str">
            <v>EPL3D</v>
          </cell>
          <cell r="D9" t="str">
            <v>Possibility of reinstatement following unfair dismissal</v>
          </cell>
          <cell r="E9" t="str">
            <v>Courts may order reinstatement with back pay. The option of  reinstatement is relatively rarely made available to the employee.</v>
          </cell>
          <cell r="F9" t="str">
            <v>Courts may order reinstatement with back pay. The option of  reinstatement is relatively rarely made available to the employee.</v>
          </cell>
          <cell r="G9">
            <v>1.5</v>
          </cell>
          <cell r="J9">
            <v>1.5</v>
          </cell>
          <cell r="M9">
            <v>3</v>
          </cell>
          <cell r="P9">
            <v>3</v>
          </cell>
        </row>
        <row r="10">
          <cell r="A10" t="str">
            <v>AustraliaEPL3E</v>
          </cell>
          <cell r="B10" t="str">
            <v>Australia</v>
          </cell>
          <cell r="C10" t="str">
            <v>EPL3E</v>
          </cell>
          <cell r="D10" t="str">
            <v>Max time for claim</v>
          </cell>
          <cell r="F10" t="str">
            <v>21 days.</v>
          </cell>
          <cell r="J10">
            <v>0.75</v>
          </cell>
          <cell r="P10">
            <v>1</v>
          </cell>
        </row>
        <row r="11">
          <cell r="A11" t="str">
            <v>AustraliaFT1</v>
          </cell>
          <cell r="B11" t="str">
            <v>Australia</v>
          </cell>
          <cell r="C11" t="str">
            <v>FT1</v>
          </cell>
          <cell r="D11" t="str">
            <v>Valid cases for use of fixed-term contracts, other than  “objective”  or “material” situationc</v>
          </cell>
          <cell r="E11" t="str">
            <v>No restrictions in legislation</v>
          </cell>
          <cell r="F11" t="str">
            <v>No restrictions in legislation</v>
          </cell>
          <cell r="G11">
            <v>3</v>
          </cell>
          <cell r="J11">
            <v>3</v>
          </cell>
          <cell r="M11">
            <v>0</v>
          </cell>
          <cell r="P11">
            <v>0</v>
          </cell>
        </row>
        <row r="12">
          <cell r="A12" t="str">
            <v>AustraliaFT2</v>
          </cell>
          <cell r="B12" t="str">
            <v>Australia</v>
          </cell>
          <cell r="C12" t="str">
            <v>FT2</v>
          </cell>
          <cell r="D12" t="str">
            <v>Maximum number of successive fixed-term contractsd</v>
          </cell>
          <cell r="E12" t="str">
            <v xml:space="preserve">Estimated 1.5 No legal limit specified; but risk that, upon continuous renewal, the courts will find that the primary purpose of the contract is to avoid termination laws. </v>
          </cell>
          <cell r="F12" t="str">
            <v xml:space="preserve">Estimated 1.5 No legal limit specified; but risk that, upon continuous renewal, the courts will find that the primary purpose of the contract is to avoid termination laws. </v>
          </cell>
          <cell r="G12">
            <v>1.5</v>
          </cell>
          <cell r="J12">
            <v>1.5</v>
          </cell>
          <cell r="M12">
            <v>5</v>
          </cell>
          <cell r="P12">
            <v>5</v>
          </cell>
        </row>
        <row r="13">
          <cell r="A13" t="str">
            <v>AustraliaFT3</v>
          </cell>
          <cell r="B13" t="str">
            <v>Australia</v>
          </cell>
          <cell r="C13" t="str">
            <v>FT3</v>
          </cell>
          <cell r="D13" t="str">
            <v>Maximum cumulated duration of successive fixed-term contracts</v>
          </cell>
          <cell r="E13" t="str">
            <v>No limit specified.</v>
          </cell>
          <cell r="F13" t="str">
            <v>No limit specified.</v>
          </cell>
          <cell r="G13">
            <v>100</v>
          </cell>
          <cell r="J13">
            <v>100</v>
          </cell>
          <cell r="M13">
            <v>0</v>
          </cell>
          <cell r="P13">
            <v>0</v>
          </cell>
        </row>
        <row r="14">
          <cell r="A14" t="str">
            <v>AustraliaTWA1</v>
          </cell>
          <cell r="B14" t="str">
            <v>Australia</v>
          </cell>
          <cell r="C14" t="str">
            <v>TWA1</v>
          </cell>
          <cell r="D14" t="str">
            <v>Types of work for which TWA employment is legal</v>
          </cell>
          <cell r="E14" t="str">
            <v>General</v>
          </cell>
          <cell r="F14" t="str">
            <v>General</v>
          </cell>
          <cell r="G14">
            <v>4</v>
          </cell>
          <cell r="J14">
            <v>4</v>
          </cell>
          <cell r="M14">
            <v>0</v>
          </cell>
          <cell r="P14">
            <v>0</v>
          </cell>
        </row>
        <row r="15">
          <cell r="A15" t="str">
            <v>AustraliaTWA2</v>
          </cell>
          <cell r="B15" t="str">
            <v>Australia</v>
          </cell>
          <cell r="C15" t="str">
            <v>TWA2</v>
          </cell>
          <cell r="D15" t="str">
            <v>Are there any restrictions on the number of renewals of a TWA contract?</v>
          </cell>
          <cell r="E15" t="str">
            <v>No.</v>
          </cell>
          <cell r="F15" t="str">
            <v>No.</v>
          </cell>
          <cell r="G15" t="str">
            <v>No</v>
          </cell>
          <cell r="J15" t="str">
            <v>No</v>
          </cell>
          <cell r="M15">
            <v>2</v>
          </cell>
          <cell r="P15">
            <v>2</v>
          </cell>
        </row>
        <row r="16">
          <cell r="A16" t="str">
            <v>AustraliaTWA3</v>
          </cell>
          <cell r="B16" t="str">
            <v>Australia</v>
          </cell>
          <cell r="C16" t="str">
            <v>TWA3</v>
          </cell>
          <cell r="D16" t="str">
            <v>Maximum cumulated duration of temporary work contractse</v>
          </cell>
          <cell r="E16" t="str">
            <v>No limit.</v>
          </cell>
          <cell r="F16" t="str">
            <v>No limit.</v>
          </cell>
          <cell r="G16">
            <v>100</v>
          </cell>
          <cell r="J16">
            <v>100</v>
          </cell>
          <cell r="M16">
            <v>0</v>
          </cell>
          <cell r="P16">
            <v>0</v>
          </cell>
        </row>
        <row r="17">
          <cell r="A17" t="str">
            <v>AustraliaTWA4</v>
          </cell>
          <cell r="B17" t="str">
            <v>Australia</v>
          </cell>
          <cell r="C17" t="str">
            <v>TWA4</v>
          </cell>
          <cell r="D17" t="str">
            <v>Authorisation and reporting obligations</v>
          </cell>
          <cell r="F17" t="str">
            <v>No</v>
          </cell>
          <cell r="J17">
            <v>0</v>
          </cell>
          <cell r="P17">
            <v>0</v>
          </cell>
        </row>
        <row r="18">
          <cell r="A18" t="str">
            <v>AustraliaTWA5</v>
          </cell>
          <cell r="B18" t="str">
            <v>Australia</v>
          </cell>
          <cell r="C18" t="str">
            <v>TWA5</v>
          </cell>
          <cell r="D18" t="str">
            <v>Equal treatment of TWA workers</v>
          </cell>
          <cell r="F18" t="str">
            <v>No regulations for equal treatment. Law prohibits restrictive clauses on use of agency workers in awards and agreements.</v>
          </cell>
          <cell r="J18">
            <v>0</v>
          </cell>
          <cell r="P18">
            <v>0</v>
          </cell>
        </row>
        <row r="19">
          <cell r="A19" t="str">
            <v>AustraliaCD1</v>
          </cell>
          <cell r="B19" t="str">
            <v>Australia</v>
          </cell>
          <cell r="C19" t="str">
            <v>CD1</v>
          </cell>
          <cell r="D19" t="str">
            <v>Definition of collective dismissal</v>
          </cell>
          <cell r="E19" t="str">
            <v>Termination of 15 or more employees for reasons of an economic, technological or structural nature, or for reasons including such reasons.</v>
          </cell>
          <cell r="F19" t="str">
            <v>Termination of 15 or more employees for reasons of an economic, technological or structural nature, or for reasons including such reasons.</v>
          </cell>
          <cell r="G19">
            <v>3</v>
          </cell>
          <cell r="J19">
            <v>3</v>
          </cell>
          <cell r="M19">
            <v>4.5</v>
          </cell>
          <cell r="P19">
            <v>4.5</v>
          </cell>
        </row>
        <row r="20">
          <cell r="A20" t="str">
            <v>AustraliaCD2</v>
          </cell>
          <cell r="B20" t="str">
            <v>Australia</v>
          </cell>
          <cell r="C20" t="str">
            <v>CD2</v>
          </cell>
          <cell r="D20" t="str">
            <v>Additional notification requirements in case of collective dismissals</v>
          </cell>
          <cell r="E20" t="str">
            <v>Notification of employee representatives: Obligation to inform and consult with employees and trade union (if requested by an affected employee), where relevant. Notification of public authorities: Notification of competent labour authorities.</v>
          </cell>
          <cell r="F20" t="str">
            <v>Notification of employee representatives: Obligation to inform and consult with employees and trade union (if requested by an affected employee), where relevant. Notification of public authorities: Notification of competent labour authorities.</v>
          </cell>
          <cell r="G20">
            <v>2</v>
          </cell>
          <cell r="J20">
            <v>2</v>
          </cell>
          <cell r="M20">
            <v>6</v>
          </cell>
          <cell r="P20">
            <v>6</v>
          </cell>
        </row>
        <row r="21">
          <cell r="A21" t="str">
            <v>AustraliaCD3</v>
          </cell>
          <cell r="B21" t="str">
            <v>Australia</v>
          </cell>
          <cell r="C21" t="str">
            <v>CD3</v>
          </cell>
          <cell r="D21" t="str">
            <v>Additional delays involved in case of collective dismissals</v>
          </cell>
          <cell r="E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F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G21">
            <v>5</v>
          </cell>
          <cell r="J21">
            <v>5</v>
          </cell>
          <cell r="M21">
            <v>1</v>
          </cell>
          <cell r="P21">
            <v>1</v>
          </cell>
        </row>
        <row r="22">
          <cell r="A22" t="str">
            <v>AustraliaCD4</v>
          </cell>
          <cell r="B22" t="str">
            <v>Australia</v>
          </cell>
          <cell r="C22" t="str">
            <v>CD4</v>
          </cell>
          <cell r="D22" t="str">
            <v>Other special costs to employers in case of collective dismissals</v>
          </cell>
          <cell r="E22" t="str">
            <v>Type of negotiation requiredf: Consultation on alternatives to redundancy and selection standards. Selection criteria: Law requires fair basis of employee selection. Severance pay: No special regulations for collective dismissal.</v>
          </cell>
          <cell r="F22" t="str">
            <v>Type of negotiation required: Consultation on alternatives to redundancy and selection standards. Selection criteria: Law requires fair basis of employee selection. Severance pay: No special regulations for collective dismissal.</v>
          </cell>
          <cell r="G22">
            <v>0</v>
          </cell>
          <cell r="J22">
            <v>0</v>
          </cell>
          <cell r="M22">
            <v>0</v>
          </cell>
          <cell r="P22">
            <v>0</v>
          </cell>
        </row>
        <row r="23">
          <cell r="A23" t="str">
            <v>AustriaEPL1A</v>
          </cell>
          <cell r="B23" t="str">
            <v>Austria</v>
          </cell>
          <cell r="C23" t="str">
            <v>EPL1A</v>
          </cell>
          <cell r="D23" t="str">
            <v>Notification proceduresa</v>
          </cell>
          <cell r="E23" t="str">
            <v>Notification first to Works Council (if one exists), then to employee. (Works councils covered 70% of employeed in 2002 - see EIRO survey)</v>
          </cell>
          <cell r="F23" t="str">
            <v>Notification first to Works Council (if one exists), then to employee. (Works councils covered 70% of employeed in 2002 - see EIRO survey)</v>
          </cell>
          <cell r="G23">
            <v>2</v>
          </cell>
          <cell r="J23">
            <v>2</v>
          </cell>
          <cell r="M23">
            <v>4</v>
          </cell>
          <cell r="P23">
            <v>4</v>
          </cell>
        </row>
        <row r="24">
          <cell r="A24" t="str">
            <v>AustriaEPL1B</v>
          </cell>
          <cell r="B24" t="str">
            <v>Austria</v>
          </cell>
          <cell r="C24" t="str">
            <v>EPL1B</v>
          </cell>
          <cell r="D24" t="str">
            <v>Delay before notice can starta</v>
          </cell>
          <cell r="E24" t="str">
            <v>Maximum 5 days for Works Council to react.  Notice can then be served, usually by registered mail. - 2008 correction, no requirement for sending letter by registered mail, usually notified orally.</v>
          </cell>
          <cell r="F24" t="str">
            <v>Maximum 5 days for Works Council to react. Notice can then be served, usually orally.
Calculation: 1 day to notify Works Council + 5 days for response + 1 days for oral notification</v>
          </cell>
          <cell r="G24">
            <v>7</v>
          </cell>
          <cell r="J24">
            <v>7</v>
          </cell>
          <cell r="M24">
            <v>1</v>
          </cell>
          <cell r="P24">
            <v>1</v>
          </cell>
        </row>
        <row r="25">
          <cell r="A25" t="str">
            <v>AustriaEPL2A1, EPL2A2, EPL2A3</v>
          </cell>
          <cell r="B25" t="str">
            <v>Austria</v>
          </cell>
          <cell r="C25" t="str">
            <v>EPL2A1, EPL2A2, EPL2A3</v>
          </cell>
          <cell r="D25" t="str">
            <v>Notice / tenurea</v>
          </cell>
          <cell r="E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F2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G25">
            <v>1</v>
          </cell>
          <cell r="H25">
            <v>1.25</v>
          </cell>
          <cell r="I25">
            <v>2.25</v>
          </cell>
          <cell r="J25">
            <v>1</v>
          </cell>
          <cell r="K25">
            <v>1.25</v>
          </cell>
          <cell r="L25">
            <v>2.25</v>
          </cell>
          <cell r="M25">
            <v>3</v>
          </cell>
          <cell r="N25">
            <v>2</v>
          </cell>
          <cell r="O25">
            <v>1</v>
          </cell>
          <cell r="P25">
            <v>3</v>
          </cell>
          <cell r="Q25">
            <v>2</v>
          </cell>
          <cell r="R25">
            <v>1</v>
          </cell>
        </row>
        <row r="26">
          <cell r="A26" t="str">
            <v>AustriaEPL2B1, EPL2B2, EPL2B3</v>
          </cell>
          <cell r="B26" t="str">
            <v>Austria</v>
          </cell>
          <cell r="C26" t="str">
            <v>EPL2B1, EPL2B2, EPL2B3</v>
          </cell>
          <cell r="D26" t="str">
            <v>Severance pay / tenurea</v>
          </cell>
          <cell r="E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F26" t="str">
            <v xml:space="preserve">The Employees' Income Provision Act (BMVG) introduced a newly regulated severance pay scheme in Austria for all work contracts concluded after 31 December 2002, as well as to existing work contracts in force on 31 December 2002 provided BMVG applicability has been agreed upon for such individual contracts. Under the BM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G26">
            <v>0</v>
          </cell>
          <cell r="H26">
            <v>0</v>
          </cell>
          <cell r="I26">
            <v>0</v>
          </cell>
          <cell r="J26">
            <v>0</v>
          </cell>
          <cell r="K26">
            <v>0</v>
          </cell>
          <cell r="L26">
            <v>0</v>
          </cell>
          <cell r="M26">
            <v>0</v>
          </cell>
          <cell r="N26">
            <v>0</v>
          </cell>
          <cell r="O26">
            <v>0</v>
          </cell>
          <cell r="P26">
            <v>0</v>
          </cell>
          <cell r="Q26">
            <v>0</v>
          </cell>
          <cell r="R26">
            <v>0</v>
          </cell>
        </row>
        <row r="27">
          <cell r="A27" t="str">
            <v>AustriaEPL3A</v>
          </cell>
          <cell r="B27" t="str">
            <v>Austria</v>
          </cell>
          <cell r="C27" t="str">
            <v>EPL3A</v>
          </cell>
          <cell r="D27" t="str">
            <v>Definition of justified or unfair dismissal</v>
          </cell>
          <cell r="E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F27" t="str">
            <v>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v>
          </cell>
          <cell r="G27">
            <v>1</v>
          </cell>
          <cell r="J27">
            <v>1</v>
          </cell>
          <cell r="M27">
            <v>2</v>
          </cell>
          <cell r="P27">
            <v>2</v>
          </cell>
        </row>
        <row r="28">
          <cell r="A28" t="str">
            <v>AustriaEPL3B</v>
          </cell>
          <cell r="B28" t="str">
            <v>Austria</v>
          </cell>
          <cell r="C28" t="str">
            <v>EPL3B</v>
          </cell>
          <cell r="D28" t="str">
            <v>Trial period</v>
          </cell>
          <cell r="E28" t="str">
            <v>1 month (all workers)</v>
          </cell>
          <cell r="F28" t="str">
            <v>Usually 1 month</v>
          </cell>
          <cell r="G28">
            <v>1</v>
          </cell>
          <cell r="J28">
            <v>1</v>
          </cell>
          <cell r="M28">
            <v>6</v>
          </cell>
          <cell r="P28">
            <v>6</v>
          </cell>
        </row>
        <row r="29">
          <cell r="A29" t="str">
            <v>AustriaEPL3C</v>
          </cell>
          <cell r="B29" t="str">
            <v>Austria</v>
          </cell>
          <cell r="C29" t="str">
            <v>EPL3C</v>
          </cell>
          <cell r="D29" t="str">
            <v>compensation following unfair dismissalb</v>
          </cell>
          <cell r="E29" t="str">
            <v>Sum equal to earnings between the dismissal and the legal settlement of the case.  Sums earned by the employee in the interim are set off against the award. Typical compensation at 20 years tenure (all workers): 6 months.</v>
          </cell>
          <cell r="F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G29">
            <v>6</v>
          </cell>
          <cell r="J29">
            <v>6</v>
          </cell>
          <cell r="M29">
            <v>1</v>
          </cell>
          <cell r="P29">
            <v>1</v>
          </cell>
        </row>
        <row r="30">
          <cell r="A30" t="str">
            <v>AustriaEPL3D</v>
          </cell>
          <cell r="B30" t="str">
            <v>Austria</v>
          </cell>
          <cell r="C30" t="str">
            <v>EPL3D</v>
          </cell>
          <cell r="D30" t="str">
            <v>Possibility of reinstatement following unfair dismissal</v>
          </cell>
          <cell r="E30" t="str">
            <v>A reinstatement order is possible, although rarely taken up by the employee concerned. (the worker has the right to demand reinstatement or compensation in lieu - not counted in EPL3C)</v>
          </cell>
          <cell r="F30" t="str">
            <v>The employee has the right to choose between reinstatement and compensation, although this option is rarely taken up by the employee concerned.</v>
          </cell>
          <cell r="G30">
            <v>3</v>
          </cell>
          <cell r="J30">
            <v>3</v>
          </cell>
          <cell r="M30">
            <v>6</v>
          </cell>
          <cell r="P30">
            <v>6</v>
          </cell>
        </row>
        <row r="31">
          <cell r="A31" t="str">
            <v>AustriaEPL3E</v>
          </cell>
          <cell r="B31" t="str">
            <v>Austria</v>
          </cell>
          <cell r="C31" t="str">
            <v>EPL3E</v>
          </cell>
          <cell r="D31" t="str">
            <v>Max time for claim</v>
          </cell>
          <cell r="F31" t="str">
            <v>If the works council has expressly objected to the intended dismissal withini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Calculation: average of 1 week if works council contests dismissal and 2 weeks if employee contests dismissal.</v>
          </cell>
          <cell r="J31">
            <v>0.375</v>
          </cell>
          <cell r="P31">
            <v>1</v>
          </cell>
        </row>
        <row r="32">
          <cell r="A32" t="str">
            <v>AustriaFT1</v>
          </cell>
          <cell r="B32" t="str">
            <v>Austria</v>
          </cell>
          <cell r="C32" t="str">
            <v>FT1</v>
          </cell>
          <cell r="D32" t="str">
            <v>Valid cases for use of fixed-term contracts, other than  “objective”  or “material” situationc</v>
          </cell>
          <cell r="E32" t="str">
            <v>No restrictions for first contract</v>
          </cell>
          <cell r="F32" t="str">
            <v xml:space="preserve">No restrictions for first contract. </v>
          </cell>
          <cell r="G32">
            <v>2.5</v>
          </cell>
          <cell r="J32">
            <v>2.5</v>
          </cell>
          <cell r="M32">
            <v>1</v>
          </cell>
          <cell r="P32">
            <v>1</v>
          </cell>
        </row>
        <row r="33">
          <cell r="A33" t="str">
            <v>AustriaFT2</v>
          </cell>
          <cell r="B33" t="str">
            <v>Austria</v>
          </cell>
          <cell r="C33" t="str">
            <v>FT2</v>
          </cell>
          <cell r="D33" t="str">
            <v>Maximum number of successive fixed-term contractsd</v>
          </cell>
          <cell r="E33" t="str">
            <v>Estimated 1.5 Successive fixed-term contracts without objective reason imply the risk of a court declaring the contract null and void.</v>
          </cell>
          <cell r="F33" t="str">
            <v xml:space="preserve">Estimated 1.5. A succession of fixed-term contracts will automatically result in an open-ended employment contract of indeterminate length unless objective or material reasons can be shown to justify the need to renew a fixed-term contract. </v>
          </cell>
          <cell r="G33">
            <v>1.5</v>
          </cell>
          <cell r="J33">
            <v>1.5</v>
          </cell>
          <cell r="M33">
            <v>5</v>
          </cell>
          <cell r="P33">
            <v>5</v>
          </cell>
        </row>
        <row r="34">
          <cell r="A34" t="str">
            <v>AustriaFT3</v>
          </cell>
          <cell r="B34" t="str">
            <v>Austria</v>
          </cell>
          <cell r="C34" t="str">
            <v>FT3</v>
          </cell>
          <cell r="D34" t="str">
            <v>Maximum cumulated duration of successive fixed-term contracts</v>
          </cell>
          <cell r="E34" t="str">
            <v>No limit specified.</v>
          </cell>
          <cell r="F34" t="str">
            <v>No limit specified.</v>
          </cell>
          <cell r="G34">
            <v>100</v>
          </cell>
          <cell r="J34">
            <v>100</v>
          </cell>
          <cell r="M34">
            <v>0</v>
          </cell>
          <cell r="P34">
            <v>0</v>
          </cell>
        </row>
        <row r="35">
          <cell r="A35" t="str">
            <v>AustriaTWA1</v>
          </cell>
          <cell r="B35" t="str">
            <v>Austria</v>
          </cell>
          <cell r="C35" t="str">
            <v>TWA1</v>
          </cell>
          <cell r="D35" t="str">
            <v>Types of work for which TWA employment is legal</v>
          </cell>
          <cell r="E35" t="str">
            <v>General, if contract is indefinite but limited to "objective reasons" if it is of fixed duration</v>
          </cell>
          <cell r="F35" t="str">
            <v>General, if contract is indefinite but limited to "objective reasons" if it is of fixed duration</v>
          </cell>
          <cell r="G35">
            <v>3</v>
          </cell>
          <cell r="J35">
            <v>3</v>
          </cell>
          <cell r="M35">
            <v>1.5</v>
          </cell>
          <cell r="P35">
            <v>1.5</v>
          </cell>
        </row>
        <row r="36">
          <cell r="A36" t="str">
            <v>AustriaTWA2</v>
          </cell>
          <cell r="B36" t="str">
            <v>Austria</v>
          </cell>
          <cell r="C36" t="str">
            <v>TWA2</v>
          </cell>
          <cell r="D36" t="str">
            <v>Are there any restrictions on the number of renewals of a TWA contract?</v>
          </cell>
          <cell r="E36" t="str">
            <v>No restrictions</v>
          </cell>
          <cell r="F36" t="str">
            <v>No restrictions</v>
          </cell>
          <cell r="G36" t="str">
            <v>No</v>
          </cell>
          <cell r="J36" t="str">
            <v>No</v>
          </cell>
          <cell r="M36">
            <v>2</v>
          </cell>
          <cell r="P36">
            <v>2</v>
          </cell>
        </row>
        <row r="37">
          <cell r="A37" t="str">
            <v>AustriaTWA3</v>
          </cell>
          <cell r="B37" t="str">
            <v>Austria</v>
          </cell>
          <cell r="C37" t="str">
            <v>TWA3</v>
          </cell>
          <cell r="D37" t="str">
            <v>Maximum cumulated duration of temporary work contractse</v>
          </cell>
          <cell r="E37" t="str">
            <v>No limit</v>
          </cell>
          <cell r="F37" t="str">
            <v>No limit</v>
          </cell>
          <cell r="G37">
            <v>100</v>
          </cell>
          <cell r="J37">
            <v>100</v>
          </cell>
          <cell r="M37">
            <v>0</v>
          </cell>
          <cell r="P37">
            <v>0</v>
          </cell>
        </row>
        <row r="38">
          <cell r="A38" t="str">
            <v>AustriaTWA4</v>
          </cell>
          <cell r="B38" t="str">
            <v>Austria</v>
          </cell>
          <cell r="C38" t="str">
            <v>TWA4</v>
          </cell>
          <cell r="D38" t="str">
            <v>Authorisation and reporting obligations</v>
          </cell>
          <cell r="F38" t="str">
            <v>Requires special administrative authorisation as well as periodic reporting obligations.</v>
          </cell>
          <cell r="J38">
            <v>3</v>
          </cell>
          <cell r="P38">
            <v>6</v>
          </cell>
        </row>
        <row r="39">
          <cell r="A39" t="str">
            <v>AustriaTWA5</v>
          </cell>
          <cell r="B39" t="str">
            <v>Austria</v>
          </cell>
          <cell r="C39" t="str">
            <v>TWA5</v>
          </cell>
          <cell r="D39" t="str">
            <v>Equal treatment of TWA workers</v>
          </cell>
          <cell r="F39" t="str">
            <v>Regulations ensure equal treatment regarding pay as well as other working conditions.</v>
          </cell>
          <cell r="J39">
            <v>2</v>
          </cell>
          <cell r="P39">
            <v>6</v>
          </cell>
        </row>
        <row r="40">
          <cell r="A40" t="str">
            <v>AustriaCD1</v>
          </cell>
          <cell r="B40" t="str">
            <v>Austria</v>
          </cell>
          <cell r="C40" t="str">
            <v>CD1</v>
          </cell>
          <cell r="D40" t="str">
            <v>Definition of collective dismissal</v>
          </cell>
          <cell r="E40" t="str">
            <v>Within 30 days, 5+ workers in firms 20-99; 5%+ in firms 100-599; 30+ workers in firms&gt;600; 5+ workers &gt;50 years old.</v>
          </cell>
          <cell r="F40" t="str">
            <v>Within 30 days, 5+ workers in firms 20-99; 5%+ in firms 100-599; 30+ workers in firms&gt;600; 5+ workers &gt;50 years old.</v>
          </cell>
          <cell r="G40">
            <v>4</v>
          </cell>
          <cell r="J40">
            <v>4</v>
          </cell>
          <cell r="M40">
            <v>6</v>
          </cell>
          <cell r="P40">
            <v>6</v>
          </cell>
        </row>
        <row r="41">
          <cell r="A41" t="str">
            <v>AustriaCD2</v>
          </cell>
          <cell r="B41" t="str">
            <v>Austria</v>
          </cell>
          <cell r="C41" t="str">
            <v>CD2</v>
          </cell>
          <cell r="D41" t="str">
            <v>Additional notification requirements in case of collective dismissals</v>
          </cell>
          <cell r="E41" t="str">
            <v>Notification of employee representatives: General duty to inform the Works Council about changes affecting the business. Notification of public authorities: Notification of local employment office.</v>
          </cell>
          <cell r="F41" t="str">
            <v>Notification of employee representatives: General duty to inform the Works Council about changes affecting the business. Notification of public authorities: Notification of local employment office.</v>
          </cell>
          <cell r="G41">
            <v>1</v>
          </cell>
          <cell r="J41">
            <v>1</v>
          </cell>
          <cell r="M41">
            <v>3</v>
          </cell>
          <cell r="P41">
            <v>3</v>
          </cell>
        </row>
        <row r="42">
          <cell r="A42" t="str">
            <v>AustriaCD3</v>
          </cell>
          <cell r="B42" t="str">
            <v>Austria</v>
          </cell>
          <cell r="C42" t="str">
            <v>CD3</v>
          </cell>
          <cell r="D42" t="str">
            <v>Additional delays involved in case of collective dismissals</v>
          </cell>
          <cell r="E42" t="str">
            <v>30 days waiting period before first notice can become effective.</v>
          </cell>
          <cell r="F42" t="str">
            <v>30 days waiting period before first notice can become effective.
Calculation: 30 days - 7 days for individual dismissal</v>
          </cell>
          <cell r="G42">
            <v>23</v>
          </cell>
          <cell r="J42">
            <v>23</v>
          </cell>
          <cell r="M42">
            <v>1</v>
          </cell>
          <cell r="P42">
            <v>1</v>
          </cell>
        </row>
        <row r="43">
          <cell r="A43" t="str">
            <v>AustriaCD4</v>
          </cell>
          <cell r="B43" t="str">
            <v>Austria</v>
          </cell>
          <cell r="C43" t="str">
            <v>CD4</v>
          </cell>
          <cell r="D43" t="str">
            <v>Other special costs to employers in case of collective dismissals</v>
          </cell>
          <cell r="E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F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G43">
            <v>1</v>
          </cell>
          <cell r="J43">
            <v>1</v>
          </cell>
          <cell r="M43">
            <v>3</v>
          </cell>
          <cell r="P43">
            <v>3</v>
          </cell>
        </row>
        <row r="44">
          <cell r="A44" t="str">
            <v>BelgiumEPL1A</v>
          </cell>
          <cell r="B44" t="str">
            <v>Belgium</v>
          </cell>
          <cell r="C44" t="str">
            <v>EPL1A</v>
          </cell>
          <cell r="D44" t="str">
            <v>Notification proceduresa</v>
          </cell>
          <cell r="E44" t="str">
            <v>Notification of employee by registered letter.  Oral notification possible if  employer chooses severance pay in lieu of notice.</v>
          </cell>
          <cell r="F44" t="str">
            <v>Notification of employee by registered letter.  Oral notification possible if  employer chooses severance pay in lieu of notice.</v>
          </cell>
          <cell r="G44">
            <v>0.5</v>
          </cell>
          <cell r="J44">
            <v>0.5</v>
          </cell>
          <cell r="M44">
            <v>1</v>
          </cell>
          <cell r="P44">
            <v>1</v>
          </cell>
        </row>
        <row r="45">
          <cell r="A45" t="str">
            <v>BelgiumEPL1B</v>
          </cell>
          <cell r="B45" t="str">
            <v>Belgium</v>
          </cell>
          <cell r="C45" t="str">
            <v>EPL1B</v>
          </cell>
          <cell r="D45" t="str">
            <v>Delay before notice can starta</v>
          </cell>
          <cell r="E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F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
Calculation: average of oral notification (1 day) and registered letter (3 + 15 for white collar; 3 + 3.5 for blue collar) = 6.6 days</v>
          </cell>
          <cell r="G45">
            <v>7</v>
          </cell>
          <cell r="J45">
            <v>7</v>
          </cell>
          <cell r="M45">
            <v>1</v>
          </cell>
          <cell r="P45">
            <v>1</v>
          </cell>
        </row>
        <row r="46">
          <cell r="A46" t="str">
            <v>BelgiumEPL2A1, EPL2A2, EPL2A3</v>
          </cell>
          <cell r="B46" t="str">
            <v>Belgium</v>
          </cell>
          <cell r="C46" t="str">
            <v>EPL2A1, EPL2A2, EPL2A3</v>
          </cell>
          <cell r="D46" t="str">
            <v>Notice / tenurea</v>
          </cell>
          <cell r="E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F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8580 euros (2008) ou 29729 euros (2009),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G46">
            <v>2.1</v>
          </cell>
          <cell r="H46">
            <v>2.8</v>
          </cell>
          <cell r="I46">
            <v>11</v>
          </cell>
          <cell r="J46">
            <v>2.1</v>
          </cell>
          <cell r="K46">
            <v>2.8</v>
          </cell>
          <cell r="L46">
            <v>11</v>
          </cell>
          <cell r="M46">
            <v>6</v>
          </cell>
          <cell r="N46">
            <v>5</v>
          </cell>
          <cell r="O46">
            <v>6</v>
          </cell>
          <cell r="P46">
            <v>6</v>
          </cell>
          <cell r="Q46">
            <v>5</v>
          </cell>
          <cell r="R46">
            <v>6</v>
          </cell>
        </row>
        <row r="47">
          <cell r="A47" t="str">
            <v>BelgiumEPL2B1, EPL2B2, EPL2B3</v>
          </cell>
          <cell r="B47" t="str">
            <v>Belgium</v>
          </cell>
          <cell r="C47" t="str">
            <v>EPL2B1, EPL2B2, EPL2B3</v>
          </cell>
          <cell r="D47" t="str">
            <v>Severance pay / tenurea</v>
          </cell>
          <cell r="E47" t="str">
            <v>L’ensemble des salariés: aucune.</v>
          </cell>
          <cell r="F47" t="str">
            <v xml:space="preserve">L’ensemble des salariés: aucune. 
En cas de licenciement sans préavis : paiement de l’indemnité en fonction de la durée du préavis qui aurait du être presté. 
Exemple, si le préavis est de 3 mois, paiement d’une indemité égale à 3 mois de salaire
</v>
          </cell>
          <cell r="G47">
            <v>0</v>
          </cell>
          <cell r="H47">
            <v>0</v>
          </cell>
          <cell r="I47">
            <v>0</v>
          </cell>
          <cell r="J47">
            <v>0</v>
          </cell>
          <cell r="K47">
            <v>0</v>
          </cell>
          <cell r="L47">
            <v>0</v>
          </cell>
          <cell r="M47">
            <v>0</v>
          </cell>
          <cell r="N47">
            <v>0</v>
          </cell>
          <cell r="O47">
            <v>0</v>
          </cell>
          <cell r="P47">
            <v>0</v>
          </cell>
          <cell r="Q47">
            <v>0</v>
          </cell>
          <cell r="R47">
            <v>0</v>
          </cell>
        </row>
        <row r="48">
          <cell r="A48" t="str">
            <v>BelgiumEPL3A</v>
          </cell>
          <cell r="B48" t="str">
            <v>Belgium</v>
          </cell>
          <cell r="C48" t="str">
            <v>EPL3A</v>
          </cell>
          <cell r="D48" t="str">
            <v>Definition of justified or unfair dismissal</v>
          </cell>
          <cell r="E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F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G48">
            <v>0</v>
          </cell>
          <cell r="J48">
            <v>0</v>
          </cell>
          <cell r="M48">
            <v>0</v>
          </cell>
          <cell r="P48">
            <v>0</v>
          </cell>
        </row>
        <row r="49">
          <cell r="A49" t="str">
            <v>BelgiumEPL3B</v>
          </cell>
          <cell r="B49" t="str">
            <v>Belgium</v>
          </cell>
          <cell r="C49" t="str">
            <v>EPL3B</v>
          </cell>
          <cell r="D49" t="str">
            <v>Trial period</v>
          </cell>
          <cell r="E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F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4261 EUR (2008) ou 35638 EUR (2009))</v>
          </cell>
          <cell r="G49">
            <v>3.3</v>
          </cell>
          <cell r="J49">
            <v>3.3</v>
          </cell>
          <cell r="M49">
            <v>4</v>
          </cell>
          <cell r="P49">
            <v>4</v>
          </cell>
        </row>
        <row r="50">
          <cell r="A50" t="str">
            <v>BelgiumEPL3C</v>
          </cell>
          <cell r="B50" t="str">
            <v>Belgium</v>
          </cell>
          <cell r="C50" t="str">
            <v>EPL3C</v>
          </cell>
          <cell r="D50" t="str">
            <v>compensation following unfair dismissalb</v>
          </cell>
          <cell r="E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F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8580 EUR par an (2008) ou 29729 EUR (2009)).</v>
          </cell>
          <cell r="G50">
            <v>14</v>
          </cell>
          <cell r="J50">
            <v>14</v>
          </cell>
          <cell r="M50">
            <v>3</v>
          </cell>
          <cell r="P50">
            <v>3</v>
          </cell>
        </row>
        <row r="51">
          <cell r="A51" t="str">
            <v>BelgiumEPL3D</v>
          </cell>
          <cell r="B51" t="str">
            <v>Belgium</v>
          </cell>
          <cell r="C51" t="str">
            <v>EPL3D</v>
          </cell>
          <cell r="D51" t="str">
            <v>Possibility of reinstatement following unfair dismissal</v>
          </cell>
          <cell r="E51" t="str">
            <v>Il n’y a pas de droit à la réintégration </v>
          </cell>
          <cell r="F51" t="str">
            <v>Il n’y a pas de droit à la réintégration </v>
          </cell>
          <cell r="G51">
            <v>0</v>
          </cell>
          <cell r="J51">
            <v>0</v>
          </cell>
          <cell r="M51">
            <v>0</v>
          </cell>
          <cell r="P51">
            <v>0</v>
          </cell>
        </row>
        <row r="52">
          <cell r="A52" t="str">
            <v>BelgiumEPL3E</v>
          </cell>
          <cell r="B52" t="str">
            <v>Belgium</v>
          </cell>
          <cell r="C52" t="str">
            <v>EPL3E</v>
          </cell>
          <cell r="D52" t="str">
            <v>Max time for claim</v>
          </cell>
          <cell r="F52" t="str">
            <v>Prescription 1 an après la fin du contrat de travail</v>
          </cell>
          <cell r="J52">
            <v>12</v>
          </cell>
          <cell r="P52">
            <v>5</v>
          </cell>
        </row>
        <row r="53">
          <cell r="A53" t="str">
            <v>BelgiumFT1</v>
          </cell>
          <cell r="B53" t="str">
            <v>Belgium</v>
          </cell>
          <cell r="C53" t="str">
            <v>FT1</v>
          </cell>
          <cell r="D53" t="str">
            <v>Valid cases for use of fixed-term contracts, other than  “objective”  or “material” situationc</v>
          </cell>
          <cell r="E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F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G53">
            <v>2.5</v>
          </cell>
          <cell r="J53">
            <v>2.5</v>
          </cell>
          <cell r="M53">
            <v>1</v>
          </cell>
          <cell r="P53">
            <v>1</v>
          </cell>
        </row>
        <row r="54">
          <cell r="A54" t="str">
            <v>BelgiumFT2</v>
          </cell>
          <cell r="B54" t="str">
            <v>Belgium</v>
          </cell>
          <cell r="C54" t="str">
            <v>FT2</v>
          </cell>
          <cell r="D54" t="str">
            <v>Maximum number of successive fixed-term contractsd</v>
          </cell>
          <cell r="E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F54" t="str">
            <v>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mais apprécié par les juridictions du travail</v>
          </cell>
          <cell r="G54">
            <v>4</v>
          </cell>
          <cell r="J54">
            <v>4</v>
          </cell>
          <cell r="M54">
            <v>2</v>
          </cell>
          <cell r="P54">
            <v>2</v>
          </cell>
        </row>
        <row r="55">
          <cell r="A55" t="str">
            <v>BelgiumFT3</v>
          </cell>
          <cell r="B55" t="str">
            <v>Belgium</v>
          </cell>
          <cell r="C55" t="str">
            <v>FT3</v>
          </cell>
          <cell r="D55" t="str">
            <v>Maximum cumulated duration of successive fixed-term contracts</v>
          </cell>
          <cell r="E55" t="str">
            <v>Sans motif légitime :  2 ans ou  3 ans avec l’autorisation de l’Inspection du travail.
Avec motif légitime : pas de limite.</v>
          </cell>
          <cell r="F55" t="str">
            <v>Sans motif légitime :  2 ans ou  3 ans avec l’autorisation de l’Inspection du travail.
Avec motif légitime : pas de limite.</v>
          </cell>
          <cell r="G55">
            <v>30</v>
          </cell>
          <cell r="J55">
            <v>30</v>
          </cell>
          <cell r="M55">
            <v>2</v>
          </cell>
          <cell r="P55">
            <v>2</v>
          </cell>
        </row>
        <row r="56">
          <cell r="A56" t="str">
            <v>BelgiumTWA1</v>
          </cell>
          <cell r="B56" t="str">
            <v>Belgium</v>
          </cell>
          <cell r="C56" t="str">
            <v>TWA1</v>
          </cell>
          <cell r="D56" t="str">
            <v>Types of work for which TWA employment is legal</v>
          </cell>
          <cell r="E56" t="str">
            <v>Recours aux entreprises de travail intérimaire : remplacement temporaire d’un travailleur ; surcroît temporaire de travail ; travail exceptionnel.</v>
          </cell>
          <cell r="F56" t="str">
            <v>Recours aux entreprises de travail intérimaire : remplacement temporaire d’un travailleur ; surcroît temporaire de travail ; travail exceptionnel.</v>
          </cell>
          <cell r="G56">
            <v>2</v>
          </cell>
          <cell r="J56">
            <v>2</v>
          </cell>
          <cell r="M56">
            <v>3</v>
          </cell>
          <cell r="P56">
            <v>3</v>
          </cell>
        </row>
        <row r="57">
          <cell r="A57" t="str">
            <v>BelgiumTWA2</v>
          </cell>
          <cell r="B57" t="str">
            <v>Belgium</v>
          </cell>
          <cell r="C57" t="str">
            <v>TWA2</v>
          </cell>
          <cell r="D57" t="str">
            <v>Are there any restrictions on the number of renewals of a TWA contract?</v>
          </cell>
          <cell r="E57" t="str">
            <v>Procédures d’autorisation et limitation dans le temps du recours au travail intérimaire</v>
          </cell>
          <cell r="F57" t="str">
            <v>Procédures d’autorisation et limitation dans le temps du recours au travail intérimaire</v>
          </cell>
          <cell r="G57" t="str">
            <v>Yes</v>
          </cell>
          <cell r="J57" t="str">
            <v>Yes</v>
          </cell>
          <cell r="M57">
            <v>4</v>
          </cell>
          <cell r="P57">
            <v>4</v>
          </cell>
        </row>
        <row r="58">
          <cell r="A58" t="str">
            <v>BelgiumTWA3</v>
          </cell>
          <cell r="B58" t="str">
            <v>Belgium</v>
          </cell>
          <cell r="C58" t="str">
            <v>TWA3</v>
          </cell>
          <cell r="D58" t="str">
            <v>Maximum cumulated duration of temporary work contractse</v>
          </cell>
          <cell r="E58" t="str">
            <v>Remplacement d’un travailleur : 12 mois ou durée de la suspension du contrat du travailleur à remplacer
Surcroît temporaire de travail : 18 mois ou négociable avec la représentation syndicale
Travaux exceptionnels : 3 mois</v>
          </cell>
          <cell r="F58" t="str">
            <v>Remplacement d’un travailleur : 6 mois renouvelables avec un maximum de 12 mois ou durée de la suspension du contrat du travailleur à remplacer
Surcroît temporaire de travail : 18 mois ou plus ( négociable avec la représentation syndicale)
Travaux exceptionnels : 3 mois en principe</v>
          </cell>
          <cell r="G58">
            <v>11</v>
          </cell>
          <cell r="J58">
            <v>11</v>
          </cell>
          <cell r="M58">
            <v>5</v>
          </cell>
          <cell r="P58">
            <v>5</v>
          </cell>
        </row>
        <row r="59">
          <cell r="A59" t="str">
            <v>BelgiumTWA4</v>
          </cell>
          <cell r="B59" t="str">
            <v>Belgium</v>
          </cell>
          <cell r="C59" t="str">
            <v>TWA4</v>
          </cell>
          <cell r="D59" t="str">
            <v>Authorisation and reporting obligations</v>
          </cell>
          <cell r="F59" t="str">
            <v>L’ouverture d’une agence d’interim requiert un agrément des autorités régionales</v>
          </cell>
          <cell r="J59">
            <v>1</v>
          </cell>
          <cell r="P59">
            <v>2</v>
          </cell>
        </row>
        <row r="60">
          <cell r="A60" t="str">
            <v>BelgiumTWA5</v>
          </cell>
          <cell r="B60" t="str">
            <v>Belgium</v>
          </cell>
          <cell r="C60" t="str">
            <v>TWA5</v>
          </cell>
          <cell r="D60" t="str">
            <v>Equal treatment of TWA workers</v>
          </cell>
          <cell r="F60" t="str">
            <v>Oui</v>
          </cell>
          <cell r="J60">
            <v>2</v>
          </cell>
          <cell r="P60">
            <v>6</v>
          </cell>
        </row>
        <row r="61">
          <cell r="A61" t="str">
            <v>BelgiumCD1</v>
          </cell>
          <cell r="B61" t="str">
            <v>Belgium</v>
          </cell>
          <cell r="C61" t="str">
            <v>CD1</v>
          </cell>
          <cell r="D61" t="str">
            <v>Definition of collective dismissal</v>
          </cell>
          <cell r="E61" t="str">
            <v>Sur une période de 60 jours, &gt;10 salariés dans les entreprises de 20 à 99 salariés ; &gt;10% des salariés dans les entreprises de 100 à 300 salariés; &gt;30 dans les entreprises de plus de 300 salariés.</v>
          </cell>
          <cell r="F61" t="str">
            <v>Le licenciement est collectiif lorsqu’il touche :
1. des entreprises de plus de 20 travailleurs
2. sur une période de 60 jours au moins : 10 salariés dans les entreprises de 20 à 99 salariés ; 10% des salariés dans les entreprises de 100 à 300 salariés ; 30 dans les entreprises de 300 salariés et plus.</v>
          </cell>
          <cell r="G61">
            <v>3</v>
          </cell>
          <cell r="J61">
            <v>3</v>
          </cell>
          <cell r="M61">
            <v>4.5</v>
          </cell>
          <cell r="P61">
            <v>4.5</v>
          </cell>
        </row>
        <row r="62">
          <cell r="A62" t="str">
            <v>BelgiumCD2</v>
          </cell>
          <cell r="B62" t="str">
            <v>Belgium</v>
          </cell>
          <cell r="C62" t="str">
            <v>CD2</v>
          </cell>
          <cell r="D62" t="str">
            <v>Additional notification requirements in case of collective dismissals</v>
          </cell>
          <cell r="E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F62" t="str">
            <v>Le licenciement collectif fait appel à 2 notifications :
1ère notification : Notification aux représentants du personnel: Obligation d’informer et de consulter le comité d’entreprise, les délégués syndicaux ou les représentants du personnel
2ème notification : A la fin des consultations une nouvelle notification doit être faite à service subrégional de l’emploi avec envoi du projet de licenciement (nombre de travailleurs à licencier, catégorie.....) et copie aux représentants des travailleurs.</v>
          </cell>
          <cell r="G62">
            <v>2</v>
          </cell>
          <cell r="J62">
            <v>2</v>
          </cell>
          <cell r="M62">
            <v>6</v>
          </cell>
          <cell r="P62">
            <v>6</v>
          </cell>
        </row>
        <row r="63">
          <cell r="A63" t="str">
            <v>BelgiumCD3</v>
          </cell>
          <cell r="B63" t="str">
            <v>Belgium</v>
          </cell>
          <cell r="C63" t="str">
            <v>CD3</v>
          </cell>
          <cell r="D63" t="str">
            <v>Additional delays involved in case of collective dismissals</v>
          </cell>
          <cell r="E63" t="str">
            <v>Délai de 30 jours avant la notification des licenciements qui court à partir de l’envoi du projet de licenciement au service subrégional de emploi. Ce délai peut être réduit ou prolongé à 60 jours maximum. par le directeur du service subrégional.</v>
          </cell>
          <cell r="F63" t="str">
            <v>Délai de 30 jours à dater de la 2ème notification (notification au service sub régional de l’emploi). Ce délai peut être réduit ou prolongé à 60 jours maximum. par le directeur du service subrégional.</v>
          </cell>
          <cell r="G63">
            <v>38</v>
          </cell>
          <cell r="J63">
            <v>38</v>
          </cell>
          <cell r="M63">
            <v>3</v>
          </cell>
          <cell r="P63">
            <v>3</v>
          </cell>
        </row>
        <row r="64">
          <cell r="A64" t="str">
            <v>BelgiumCD4</v>
          </cell>
          <cell r="B64" t="str">
            <v>Belgium</v>
          </cell>
          <cell r="C64" t="str">
            <v>CD4</v>
          </cell>
          <cell r="D64" t="str">
            <v>Other special costs to employers in case of collective dismissals</v>
          </cell>
          <cell r="E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F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collectif: selon la durée du préavis, les indemnités seront plus ou moins importantes. Au plus le préavis sera long au plus bas sera l’indemnité.
</v>
          </cell>
          <cell r="G64">
            <v>1</v>
          </cell>
          <cell r="J64">
            <v>1</v>
          </cell>
          <cell r="M64">
            <v>3</v>
          </cell>
          <cell r="P64">
            <v>3</v>
          </cell>
        </row>
        <row r="65">
          <cell r="A65" t="str">
            <v>CanadaEPL1A</v>
          </cell>
          <cell r="B65" t="str">
            <v>Canada</v>
          </cell>
          <cell r="C65" t="str">
            <v>EPL1A</v>
          </cell>
          <cell r="D65" t="str">
            <v>Notification proceduresa</v>
          </cell>
          <cell r="E65" t="str">
            <v>Written notification to the employee or, sometimes, to the employee’s representative (union).</v>
          </cell>
          <cell r="F65" t="str">
            <v>Written or oral notification to the employee or, sometimes, to the employee’s representative (union).</v>
          </cell>
          <cell r="G65">
            <v>1</v>
          </cell>
          <cell r="J65">
            <v>1</v>
          </cell>
          <cell r="M65">
            <v>2</v>
          </cell>
          <cell r="P65">
            <v>2</v>
          </cell>
        </row>
        <row r="66">
          <cell r="A66" t="str">
            <v>CanadaEPL1B</v>
          </cell>
          <cell r="B66" t="str">
            <v>Canada</v>
          </cell>
          <cell r="C66" t="str">
            <v>EPL1B</v>
          </cell>
          <cell r="D66" t="str">
            <v>Delay before notice can starta</v>
          </cell>
          <cell r="E66" t="str">
            <v>Written or oral notification.</v>
          </cell>
          <cell r="F66" t="str">
            <v>Written or oral notification.</v>
          </cell>
          <cell r="G66">
            <v>1</v>
          </cell>
          <cell r="J66">
            <v>1</v>
          </cell>
          <cell r="M66">
            <v>0</v>
          </cell>
          <cell r="P66">
            <v>0</v>
          </cell>
        </row>
        <row r="67">
          <cell r="A67" t="str">
            <v>CanadaEPL2A1, EPL2A2, EPL2A3</v>
          </cell>
          <cell r="B67" t="str">
            <v>Canada</v>
          </cell>
          <cell r="C67" t="str">
            <v>EPL2A1, EPL2A2, EPL2A3</v>
          </cell>
          <cell r="D67" t="str">
            <v>Notice / tenurea</v>
          </cell>
          <cell r="E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F6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Calculation: Weighted average over Quebec (0.28), Ontario (0.45), Alberta (0.11) and BC (0.15). Weights depend on the relative size of each jurisdiction in terms of working-age population. Overall these 4 jurisdictions represent more than 85% of the working-age population in Canada.</v>
          </cell>
          <cell r="G67">
            <v>0.25</v>
          </cell>
          <cell r="H67">
            <v>0.82299999999999995</v>
          </cell>
          <cell r="I67">
            <v>2</v>
          </cell>
          <cell r="J67">
            <v>0.25</v>
          </cell>
          <cell r="K67">
            <v>0.82250000000000001</v>
          </cell>
          <cell r="L67">
            <v>2</v>
          </cell>
          <cell r="M67">
            <v>1</v>
          </cell>
          <cell r="N67">
            <v>2</v>
          </cell>
          <cell r="O67">
            <v>1</v>
          </cell>
          <cell r="P67">
            <v>1</v>
          </cell>
          <cell r="Q67">
            <v>2</v>
          </cell>
          <cell r="R67">
            <v>1</v>
          </cell>
        </row>
        <row r="68">
          <cell r="A68" t="str">
            <v>CanadaEPL2B1, EPL2B2, EPL2B3</v>
          </cell>
          <cell r="B68" t="str">
            <v>Canada</v>
          </cell>
          <cell r="C68" t="str">
            <v>EPL2B1, EPL2B2, EPL2B3</v>
          </cell>
          <cell r="D68" t="str">
            <v>Severance pay / tenurea</v>
          </cell>
          <cell r="E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F6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G68">
            <v>0</v>
          </cell>
          <cell r="H68">
            <v>0</v>
          </cell>
          <cell r="I68">
            <v>2.1</v>
          </cell>
          <cell r="J68">
            <v>0</v>
          </cell>
          <cell r="K68">
            <v>0</v>
          </cell>
          <cell r="L68">
            <v>2.25</v>
          </cell>
          <cell r="M68">
            <v>0</v>
          </cell>
          <cell r="N68">
            <v>0</v>
          </cell>
          <cell r="O68">
            <v>1</v>
          </cell>
          <cell r="P68">
            <v>0</v>
          </cell>
          <cell r="Q68">
            <v>0</v>
          </cell>
          <cell r="R68">
            <v>1</v>
          </cell>
        </row>
        <row r="69">
          <cell r="A69" t="str">
            <v>CanadaEPL3A</v>
          </cell>
          <cell r="B69" t="str">
            <v>Canada</v>
          </cell>
          <cell r="C69" t="str">
            <v>EPL3A</v>
          </cell>
          <cell r="D69" t="str">
            <v>Definition of justified or unfair dismissal</v>
          </cell>
          <cell r="E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F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G69">
            <v>0</v>
          </cell>
          <cell r="J69">
            <v>0</v>
          </cell>
          <cell r="M69">
            <v>0</v>
          </cell>
          <cell r="P69">
            <v>0</v>
          </cell>
        </row>
        <row r="70">
          <cell r="A70" t="str">
            <v>CanadaEPL3B</v>
          </cell>
          <cell r="B70" t="str">
            <v>Canada</v>
          </cell>
          <cell r="C70" t="str">
            <v>EPL3B</v>
          </cell>
          <cell r="D70" t="str">
            <v>Trial period</v>
          </cell>
          <cell r="E70" t="str">
            <v>Typically 3 months, except in Manitoba (30 days) and in New Brunswick, Prince Edward Island and Yukon (6 months)</v>
          </cell>
          <cell r="F70" t="str">
            <v>Typically 3 months, except in Manitoba (30 days) and in New Brunswick, Prince Edward Island and Yukon (6 months)</v>
          </cell>
          <cell r="G70">
            <v>3</v>
          </cell>
          <cell r="J70">
            <v>3</v>
          </cell>
          <cell r="M70">
            <v>4</v>
          </cell>
          <cell r="P70">
            <v>4</v>
          </cell>
        </row>
        <row r="71">
          <cell r="A71" t="str">
            <v>CanadaEPL3C</v>
          </cell>
          <cell r="B71" t="str">
            <v>Canada</v>
          </cell>
          <cell r="C71" t="str">
            <v>EPL3C</v>
          </cell>
          <cell r="D71" t="str">
            <v>compensation following unfair dismissalb</v>
          </cell>
          <cell r="E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F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G71" t="str">
            <v>..</v>
          </cell>
          <cell r="J71" t="str">
            <v>..</v>
          </cell>
          <cell r="M71" t="e">
            <v>#N/A</v>
          </cell>
          <cell r="P71" t="e">
            <v>#N/A</v>
          </cell>
        </row>
        <row r="72">
          <cell r="A72" t="str">
            <v>CanadaEPL3D</v>
          </cell>
          <cell r="B72" t="str">
            <v>Canada</v>
          </cell>
          <cell r="C72" t="str">
            <v>EPL3D</v>
          </cell>
          <cell r="D72" t="str">
            <v>Possibility of reinstatement following unfair dismissal</v>
          </cell>
          <cell r="E72" t="str">
            <v>Depending on the circumstances of a case, an employer may be ordered to reinstate an employee.</v>
          </cell>
          <cell r="F72" t="str">
            <v>Depending on the circumstances of a case, an employer may be ordered to reinstate an employee.</v>
          </cell>
          <cell r="G72">
            <v>1</v>
          </cell>
          <cell r="J72">
            <v>1</v>
          </cell>
          <cell r="M72">
            <v>2</v>
          </cell>
          <cell r="P72">
            <v>2</v>
          </cell>
        </row>
        <row r="73">
          <cell r="A73" t="str">
            <v>CanadaEPL3E</v>
          </cell>
          <cell r="B73" t="str">
            <v>Canada</v>
          </cell>
          <cell r="C73" t="str">
            <v>EPL3E</v>
          </cell>
          <cell r="D73" t="str">
            <v>Max time for claim</v>
          </cell>
          <cell r="F7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Weighted average of Quebec (1.5), Alberta (0), BC (0) and Ontario (0).</v>
          </cell>
          <cell r="J73">
            <v>0.42000000000000004</v>
          </cell>
          <cell r="P73">
            <v>1</v>
          </cell>
        </row>
        <row r="74">
          <cell r="A74" t="str">
            <v>CanadaFT1</v>
          </cell>
          <cell r="B74" t="str">
            <v>Canada</v>
          </cell>
          <cell r="C74" t="str">
            <v>FT1</v>
          </cell>
          <cell r="D74" t="str">
            <v>Valid cases for use of fixed-term contracts, other than  “objective”  or “material” situationc</v>
          </cell>
          <cell r="E74" t="str">
            <v>No restrictions</v>
          </cell>
          <cell r="F74" t="str">
            <v>No restrictions</v>
          </cell>
          <cell r="G74">
            <v>3</v>
          </cell>
          <cell r="J74">
            <v>3</v>
          </cell>
          <cell r="M74">
            <v>0</v>
          </cell>
          <cell r="P74">
            <v>0</v>
          </cell>
        </row>
        <row r="75">
          <cell r="A75" t="str">
            <v>CanadaFT2</v>
          </cell>
          <cell r="B75" t="str">
            <v>Canada</v>
          </cell>
          <cell r="C75" t="str">
            <v>FT2</v>
          </cell>
          <cell r="D75" t="str">
            <v>Maximum number of successive fixed-term contractsd</v>
          </cell>
          <cell r="E75" t="str">
            <v>No limit</v>
          </cell>
          <cell r="F75" t="str">
            <v>No limit</v>
          </cell>
          <cell r="G75">
            <v>100</v>
          </cell>
          <cell r="J75">
            <v>100</v>
          </cell>
          <cell r="M75">
            <v>0</v>
          </cell>
          <cell r="P75">
            <v>0</v>
          </cell>
        </row>
        <row r="76">
          <cell r="A76" t="str">
            <v>CanadaFT3</v>
          </cell>
          <cell r="B76" t="str">
            <v>Canada</v>
          </cell>
          <cell r="C76" t="str">
            <v>FT3</v>
          </cell>
          <cell r="D76" t="str">
            <v>Maximum cumulated duration of successive fixed-term contracts</v>
          </cell>
          <cell r="E76" t="str">
            <v>No limit</v>
          </cell>
          <cell r="F76" t="str">
            <v>No limit</v>
          </cell>
          <cell r="G76">
            <v>100</v>
          </cell>
          <cell r="J76">
            <v>100</v>
          </cell>
          <cell r="M76">
            <v>0</v>
          </cell>
          <cell r="P76">
            <v>0</v>
          </cell>
        </row>
        <row r="77">
          <cell r="A77" t="str">
            <v>CanadaTWA1</v>
          </cell>
          <cell r="B77" t="str">
            <v>Canada</v>
          </cell>
          <cell r="C77" t="str">
            <v>TWA1</v>
          </cell>
          <cell r="D77" t="str">
            <v>Types of work for which TWA employment is legal</v>
          </cell>
          <cell r="E77" t="str">
            <v>General</v>
          </cell>
          <cell r="F77" t="str">
            <v>General</v>
          </cell>
          <cell r="G77">
            <v>4</v>
          </cell>
          <cell r="J77">
            <v>4</v>
          </cell>
          <cell r="M77">
            <v>0</v>
          </cell>
          <cell r="P77">
            <v>0</v>
          </cell>
        </row>
        <row r="78">
          <cell r="A78" t="str">
            <v>CanadaTWA2</v>
          </cell>
          <cell r="B78" t="str">
            <v>Canada</v>
          </cell>
          <cell r="C78" t="str">
            <v>TWA2</v>
          </cell>
          <cell r="D78" t="str">
            <v>Are there any restrictions on the number of renewals of a TWA contract?</v>
          </cell>
          <cell r="E78" t="str">
            <v>No</v>
          </cell>
          <cell r="F78" t="str">
            <v>No</v>
          </cell>
          <cell r="G78" t="str">
            <v>No</v>
          </cell>
          <cell r="J78" t="str">
            <v>No</v>
          </cell>
          <cell r="M78">
            <v>2</v>
          </cell>
          <cell r="P78">
            <v>2</v>
          </cell>
        </row>
        <row r="79">
          <cell r="A79" t="str">
            <v>CanadaTWA3</v>
          </cell>
          <cell r="B79" t="str">
            <v>Canada</v>
          </cell>
          <cell r="C79" t="str">
            <v>TWA3</v>
          </cell>
          <cell r="D79" t="str">
            <v>Maximum cumulated duration of temporary work contractse</v>
          </cell>
          <cell r="E79" t="str">
            <v>No limit</v>
          </cell>
          <cell r="F79" t="str">
            <v>No limit</v>
          </cell>
          <cell r="G79">
            <v>100</v>
          </cell>
          <cell r="J79">
            <v>100</v>
          </cell>
          <cell r="M79">
            <v>0</v>
          </cell>
          <cell r="P79">
            <v>0</v>
          </cell>
        </row>
        <row r="80">
          <cell r="A80" t="str">
            <v>CanadaTWA4</v>
          </cell>
          <cell r="B80" t="str">
            <v>Canada</v>
          </cell>
          <cell r="C80" t="str">
            <v>TWA4</v>
          </cell>
          <cell r="D80" t="str">
            <v>Authorisation and reporting obligations</v>
          </cell>
          <cell r="F8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1/3 * 1 for special administrative authorisation.</v>
          </cell>
          <cell r="J80">
            <v>0.3</v>
          </cell>
          <cell r="P80">
            <v>0.6</v>
          </cell>
        </row>
        <row r="81">
          <cell r="A81" t="str">
            <v>CanadaTWA5</v>
          </cell>
          <cell r="B81" t="str">
            <v>Canada</v>
          </cell>
          <cell r="C81" t="str">
            <v>TWA5</v>
          </cell>
          <cell r="D81" t="str">
            <v>Equal treatment of TWA workers</v>
          </cell>
          <cell r="F81" t="str">
            <v>No</v>
          </cell>
          <cell r="J81">
            <v>0</v>
          </cell>
          <cell r="P81">
            <v>0</v>
          </cell>
        </row>
        <row r="82">
          <cell r="A82" t="str">
            <v>CanadaCD1</v>
          </cell>
          <cell r="B82" t="str">
            <v>Canada</v>
          </cell>
          <cell r="C82" t="str">
            <v>CD1</v>
          </cell>
          <cell r="D82" t="str">
            <v>Definition of collective dismissal</v>
          </cell>
          <cell r="E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F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G82">
            <v>1</v>
          </cell>
          <cell r="J82">
            <v>1</v>
          </cell>
          <cell r="M82">
            <v>1.5</v>
          </cell>
          <cell r="P82">
            <v>1.5</v>
          </cell>
        </row>
        <row r="83">
          <cell r="A83" t="str">
            <v>CanadaCD2</v>
          </cell>
          <cell r="B83" t="str">
            <v>Canada</v>
          </cell>
          <cell r="C83" t="str">
            <v>CD2</v>
          </cell>
          <cell r="D83" t="str">
            <v>Additional notification requirements in case of collective dismissals</v>
          </cell>
          <cell r="E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F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G83">
            <v>2</v>
          </cell>
          <cell r="J83">
            <v>2</v>
          </cell>
          <cell r="M83">
            <v>6</v>
          </cell>
          <cell r="P83">
            <v>6</v>
          </cell>
        </row>
        <row r="84">
          <cell r="A84" t="str">
            <v>CanadaCD3</v>
          </cell>
          <cell r="B84" t="str">
            <v>Canada</v>
          </cell>
          <cell r="C84" t="str">
            <v>CD3</v>
          </cell>
          <cell r="D84" t="str">
            <v>Additional delays involved in case of collective dismissals</v>
          </cell>
          <cell r="E84" t="str">
            <v>See above (average 10 weeks -1)</v>
          </cell>
          <cell r="F84" t="str">
            <v>Minimum and maximum collective dismissal notice for the four largest provinces is 0-8 weeks in Ontario, Quebec, 0 weeks in Alberta and 8-16 weeks in British Columbia.
Calculation: weighted average of mean weeks of notice for four largest provinces  = 4.7 weeks or 33 days</v>
          </cell>
          <cell r="G84">
            <v>33.04</v>
          </cell>
          <cell r="J84">
            <v>33.04</v>
          </cell>
          <cell r="M84">
            <v>3</v>
          </cell>
          <cell r="P84">
            <v>3</v>
          </cell>
        </row>
        <row r="85">
          <cell r="A85" t="str">
            <v>CanadaCD4</v>
          </cell>
          <cell r="B85" t="str">
            <v>Canada</v>
          </cell>
          <cell r="C85" t="str">
            <v>CD4</v>
          </cell>
          <cell r="D85" t="str">
            <v>Other special costs to employers in case of collective dismissals</v>
          </cell>
          <cell r="E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F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additional severance pay obligations if notice requirements for collective dismissal are met.</v>
          </cell>
          <cell r="G85">
            <v>0</v>
          </cell>
          <cell r="J85">
            <v>0</v>
          </cell>
          <cell r="M85">
            <v>0</v>
          </cell>
          <cell r="P85">
            <v>0</v>
          </cell>
        </row>
        <row r="86">
          <cell r="A86" t="str">
            <v>Czech RepublicEPL1A</v>
          </cell>
          <cell r="B86" t="str">
            <v>Czech Republic</v>
          </cell>
          <cell r="C86" t="str">
            <v>EPL1A</v>
          </cell>
          <cell r="D86" t="str">
            <v>Notification proceduresa</v>
          </cell>
          <cell r="E86" t="str">
            <v>Personal reasons: Notification of employee and trade union body, after previous warning.
Redundancy: Notification of employee, trade union and public employment office.</v>
          </cell>
          <cell r="F86" t="str">
            <v>Personal reasons: Notification of employee and trade union body, after previous warning.
Redundancy: Notification of employee and trade union .</v>
          </cell>
          <cell r="G86">
            <v>2</v>
          </cell>
          <cell r="J86">
            <v>2</v>
          </cell>
          <cell r="M86">
            <v>4</v>
          </cell>
          <cell r="P86">
            <v>4</v>
          </cell>
        </row>
        <row r="87">
          <cell r="A87" t="str">
            <v>Czech RepublicEPL1B</v>
          </cell>
          <cell r="B87" t="str">
            <v>Czech Republic</v>
          </cell>
          <cell r="C87" t="str">
            <v>EPL1B</v>
          </cell>
          <cell r="D87" t="str">
            <v>Delay before notice can starta</v>
          </cell>
          <cell r="E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F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
Calculation:  day for notice + 6 days for prior warning procedure + 15 days on average for first day of following month</v>
          </cell>
          <cell r="G87">
            <v>22</v>
          </cell>
          <cell r="J87">
            <v>22</v>
          </cell>
          <cell r="M87">
            <v>3</v>
          </cell>
          <cell r="P87">
            <v>3</v>
          </cell>
        </row>
        <row r="88">
          <cell r="A88" t="str">
            <v>Czech RepublicEPL2A1, EPL2A2, EPL2A3</v>
          </cell>
          <cell r="B88" t="str">
            <v>Czech Republic</v>
          </cell>
          <cell r="C88" t="str">
            <v>EPL2A1, EPL2A2, EPL2A3</v>
          </cell>
          <cell r="D88" t="str">
            <v>Notice / tenurea</v>
          </cell>
          <cell r="E88" t="str">
            <v>All workers: 2 months.
Redundancy cases: 3 months.</v>
          </cell>
          <cell r="F88" t="str">
            <v>All workers: 2 months.</v>
          </cell>
          <cell r="G88">
            <v>2.5</v>
          </cell>
          <cell r="H88">
            <v>2.5</v>
          </cell>
          <cell r="I88">
            <v>2.5</v>
          </cell>
          <cell r="J88">
            <v>2</v>
          </cell>
          <cell r="K88">
            <v>2</v>
          </cell>
          <cell r="L88">
            <v>2</v>
          </cell>
          <cell r="M88">
            <v>6</v>
          </cell>
          <cell r="N88">
            <v>5</v>
          </cell>
          <cell r="O88">
            <v>1</v>
          </cell>
          <cell r="P88">
            <v>6</v>
          </cell>
          <cell r="Q88">
            <v>4</v>
          </cell>
          <cell r="R88">
            <v>1</v>
          </cell>
        </row>
        <row r="89">
          <cell r="A89" t="str">
            <v>Czech RepublicEPL2B1, EPL2B2, EPL2B3</v>
          </cell>
          <cell r="B89" t="str">
            <v>Czech Republic</v>
          </cell>
          <cell r="C89" t="str">
            <v>EPL2B1, EPL2B2, EPL2B3</v>
          </cell>
          <cell r="D89" t="str">
            <v>Severance pay / tenurea</v>
          </cell>
          <cell r="E89" t="str">
            <v>All workers: None. Redundancy case: 2 months.</v>
          </cell>
          <cell r="F89" t="str">
            <v xml:space="preserve">All workers: None. Redundancy case: 3 months. In cases of dismissal due to work-related accident or illness: 12 months.
Calculation: average of all workers and redundancy case. </v>
          </cell>
          <cell r="G89">
            <v>1</v>
          </cell>
          <cell r="H89">
            <v>1</v>
          </cell>
          <cell r="I89">
            <v>1</v>
          </cell>
          <cell r="J89">
            <v>1.5</v>
          </cell>
          <cell r="K89">
            <v>1.5</v>
          </cell>
          <cell r="L89">
            <v>1.5</v>
          </cell>
          <cell r="M89">
            <v>2</v>
          </cell>
          <cell r="N89">
            <v>2</v>
          </cell>
          <cell r="O89">
            <v>1</v>
          </cell>
          <cell r="P89">
            <v>3</v>
          </cell>
          <cell r="Q89">
            <v>3</v>
          </cell>
          <cell r="R89">
            <v>1</v>
          </cell>
        </row>
        <row r="90">
          <cell r="A90" t="str">
            <v>Czech RepublicEPL3A</v>
          </cell>
          <cell r="B90" t="str">
            <v>Czech Republic</v>
          </cell>
          <cell r="C90" t="str">
            <v>EPL3A</v>
          </cell>
          <cell r="D90" t="str">
            <v>Definition of justified or unfair dismissal</v>
          </cell>
          <cell r="E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F90" t="str">
            <v>Fair:  Dismissals for failure to meet performance requirements and for reasons of technological and organisational change. Unfair: Dismissals wbased on discrimination (age, sex, colour, religion, union membership, etc.).</v>
          </cell>
          <cell r="G90">
            <v>2</v>
          </cell>
          <cell r="J90">
            <v>0</v>
          </cell>
          <cell r="M90">
            <v>4</v>
          </cell>
          <cell r="P90">
            <v>0</v>
          </cell>
        </row>
        <row r="91">
          <cell r="A91" t="str">
            <v>Czech RepublicEPL3B</v>
          </cell>
          <cell r="B91" t="str">
            <v>Czech Republic</v>
          </cell>
          <cell r="C91" t="str">
            <v>EPL3B</v>
          </cell>
          <cell r="D91" t="str">
            <v>Trial period</v>
          </cell>
          <cell r="E91" t="str">
            <v>3 months (all workers)</v>
          </cell>
          <cell r="F91" t="str">
            <v>3 months (all workers)</v>
          </cell>
          <cell r="G91">
            <v>3</v>
          </cell>
          <cell r="J91">
            <v>3</v>
          </cell>
          <cell r="M91">
            <v>4</v>
          </cell>
          <cell r="P91">
            <v>4</v>
          </cell>
        </row>
        <row r="92">
          <cell r="A92" t="str">
            <v>Czech RepublicEPL3C</v>
          </cell>
          <cell r="B92" t="str">
            <v>Czech Republic</v>
          </cell>
          <cell r="C92" t="str">
            <v>EPL3C</v>
          </cell>
          <cell r="D92" t="str">
            <v>compensation following unfair dismissalb</v>
          </cell>
          <cell r="E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F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8 months.</v>
          </cell>
          <cell r="G92">
            <v>8</v>
          </cell>
          <cell r="J92">
            <v>8</v>
          </cell>
          <cell r="M92">
            <v>1</v>
          </cell>
          <cell r="P92">
            <v>1</v>
          </cell>
        </row>
        <row r="93">
          <cell r="A93" t="str">
            <v>Czech RepublicEPL3D</v>
          </cell>
          <cell r="B93" t="str">
            <v>Czech Republic</v>
          </cell>
          <cell r="C93" t="str">
            <v>EPL3D</v>
          </cell>
          <cell r="D93" t="str">
            <v>Possibility of reinstatement following unfair dismissal</v>
          </cell>
          <cell r="E93" t="str">
            <v>The option of  reinstatement is always made available to the employee (reinstatement is made available to the employee).</v>
          </cell>
          <cell r="F93" t="str">
            <v>Reinstatement is always available to the employee.</v>
          </cell>
          <cell r="G93">
            <v>3</v>
          </cell>
          <cell r="J93">
            <v>3</v>
          </cell>
          <cell r="M93">
            <v>6</v>
          </cell>
          <cell r="P93">
            <v>6</v>
          </cell>
        </row>
        <row r="94">
          <cell r="A94" t="str">
            <v>Czech RepublicEPL3E</v>
          </cell>
          <cell r="B94" t="str">
            <v>Czech Republic</v>
          </cell>
          <cell r="C94" t="str">
            <v>EPL3E</v>
          </cell>
          <cell r="D94" t="str">
            <v>Max time for claim</v>
          </cell>
          <cell r="F94" t="str">
            <v>Two months after the day on which the contract was due to finish.</v>
          </cell>
          <cell r="J94">
            <v>2</v>
          </cell>
          <cell r="P94">
            <v>2</v>
          </cell>
        </row>
        <row r="95">
          <cell r="A95" t="str">
            <v>Czech RepublicFT1</v>
          </cell>
          <cell r="B95" t="str">
            <v>Czech Republic</v>
          </cell>
          <cell r="C95" t="str">
            <v>FT1</v>
          </cell>
          <cell r="D95" t="str">
            <v>Valid cases for use of fixed-term contracts, other than  “objective”  or “material” situationc</v>
          </cell>
          <cell r="E95" t="str">
            <v>Generally permitted, with restrictions for certain categories of employees, such as the disabled, those under 18 and recent graduates of apprenticeship and higher education.</v>
          </cell>
          <cell r="F95" t="str">
            <v>Generally permitted.</v>
          </cell>
          <cell r="G95">
            <v>2.5</v>
          </cell>
          <cell r="J95">
            <v>3</v>
          </cell>
          <cell r="M95">
            <v>1</v>
          </cell>
          <cell r="P95">
            <v>0</v>
          </cell>
        </row>
        <row r="96">
          <cell r="A96" t="str">
            <v>Czech RepublicFT2</v>
          </cell>
          <cell r="B96" t="str">
            <v>Czech Republic</v>
          </cell>
          <cell r="C96" t="str">
            <v>FT2</v>
          </cell>
          <cell r="D96" t="str">
            <v>Maximum number of successive fixed-term contractsd</v>
          </cell>
          <cell r="E96" t="str">
            <v>No legal limit</v>
          </cell>
          <cell r="F96" t="str">
            <v>No limit.</v>
          </cell>
          <cell r="G96">
            <v>100</v>
          </cell>
          <cell r="J96">
            <v>100</v>
          </cell>
          <cell r="M96">
            <v>0</v>
          </cell>
          <cell r="P96">
            <v>0</v>
          </cell>
        </row>
        <row r="97">
          <cell r="A97" t="str">
            <v>Czech RepublicFT3</v>
          </cell>
          <cell r="B97" t="str">
            <v>Czech Republic</v>
          </cell>
          <cell r="C97" t="str">
            <v>FT3</v>
          </cell>
          <cell r="D97" t="str">
            <v>Maximum cumulated duration of successive fixed-term contracts</v>
          </cell>
          <cell r="E97" t="str">
            <v>No limit specified</v>
          </cell>
          <cell r="F97" t="str">
            <v>The maximum duration of successive fixed term contracts is two years.</v>
          </cell>
          <cell r="G97">
            <v>100</v>
          </cell>
          <cell r="J97">
            <v>24</v>
          </cell>
          <cell r="M97">
            <v>0</v>
          </cell>
          <cell r="P97">
            <v>3</v>
          </cell>
        </row>
        <row r="98">
          <cell r="A98" t="str">
            <v>Czech RepublicTWA1</v>
          </cell>
          <cell r="B98" t="str">
            <v>Czech Republic</v>
          </cell>
          <cell r="C98" t="str">
            <v>TWA1</v>
          </cell>
          <cell r="D98" t="str">
            <v>Types of work for which TWA employment is legal</v>
          </cell>
          <cell r="E98" t="str">
            <v xml:space="preserve">General </v>
          </cell>
          <cell r="F98" t="str">
            <v>General</v>
          </cell>
          <cell r="G98">
            <v>4</v>
          </cell>
          <cell r="J98">
            <v>4</v>
          </cell>
          <cell r="M98">
            <v>0</v>
          </cell>
          <cell r="P98">
            <v>0</v>
          </cell>
        </row>
        <row r="99">
          <cell r="A99" t="str">
            <v>Czech RepublicTWA2</v>
          </cell>
          <cell r="B99" t="str">
            <v>Czech Republic</v>
          </cell>
          <cell r="C99" t="str">
            <v>TWA2</v>
          </cell>
          <cell r="D99" t="str">
            <v>Are there any restrictions on the number of renewals of a TWA contract?</v>
          </cell>
          <cell r="E99" t="str">
            <v>No</v>
          </cell>
          <cell r="F99" t="str">
            <v>No</v>
          </cell>
          <cell r="G99" t="str">
            <v>No</v>
          </cell>
          <cell r="J99" t="str">
            <v>No</v>
          </cell>
          <cell r="M99">
            <v>2</v>
          </cell>
          <cell r="P99">
            <v>2</v>
          </cell>
        </row>
        <row r="100">
          <cell r="A100" t="str">
            <v>Czech RepublicTWA3</v>
          </cell>
          <cell r="B100" t="str">
            <v>Czech Republic</v>
          </cell>
          <cell r="C100" t="str">
            <v>TWA3</v>
          </cell>
          <cell r="D100" t="str">
            <v>Maximum cumulated duration of temporary work contractse</v>
          </cell>
          <cell r="E100" t="str">
            <v> Not governed by the law at present.</v>
          </cell>
          <cell r="F100" t="str">
            <v>The maximum duration of successive TWA contracts is two years.</v>
          </cell>
          <cell r="G100">
            <v>100</v>
          </cell>
          <cell r="J100">
            <v>24</v>
          </cell>
          <cell r="M100">
            <v>0</v>
          </cell>
          <cell r="P100">
            <v>2</v>
          </cell>
        </row>
        <row r="101">
          <cell r="A101" t="str">
            <v>Czech RepublicTWA4</v>
          </cell>
          <cell r="B101" t="str">
            <v>Czech Republic</v>
          </cell>
          <cell r="C101" t="str">
            <v>TWA4</v>
          </cell>
          <cell r="D101" t="str">
            <v>Authorisation and reporting obligations</v>
          </cell>
          <cell r="F101" t="str">
            <v>Requires authorization and periodic reporting obligations.</v>
          </cell>
          <cell r="J101">
            <v>3</v>
          </cell>
          <cell r="P101">
            <v>6</v>
          </cell>
        </row>
        <row r="102">
          <cell r="A102" t="str">
            <v>Czech RepublicTWA5</v>
          </cell>
          <cell r="B102" t="str">
            <v>Czech Republic</v>
          </cell>
          <cell r="C102" t="str">
            <v>TWA5</v>
          </cell>
          <cell r="D102" t="str">
            <v>Equal treatment of TWA workers</v>
          </cell>
          <cell r="F102" t="str">
            <v>Equal treatment on wages and conditions.</v>
          </cell>
          <cell r="J102">
            <v>2</v>
          </cell>
          <cell r="P102">
            <v>6</v>
          </cell>
        </row>
        <row r="103">
          <cell r="A103" t="str">
            <v>Czech RepublicCD1</v>
          </cell>
          <cell r="B103" t="str">
            <v>Czech Republic</v>
          </cell>
          <cell r="C103" t="str">
            <v>CD1</v>
          </cell>
          <cell r="D103" t="str">
            <v>Definition of collective dismissal</v>
          </cell>
          <cell r="E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F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G103">
            <v>3</v>
          </cell>
          <cell r="J103">
            <v>3</v>
          </cell>
          <cell r="M103">
            <v>4.5</v>
          </cell>
          <cell r="P103">
            <v>4.5</v>
          </cell>
        </row>
        <row r="104">
          <cell r="A104" t="str">
            <v>Czech RepublicCD2</v>
          </cell>
          <cell r="B104" t="str">
            <v>Czech Republic</v>
          </cell>
          <cell r="C104" t="str">
            <v>CD2</v>
          </cell>
          <cell r="D104" t="str">
            <v>Additional notification requirements in case of collective dismissals</v>
          </cell>
          <cell r="E104" t="str">
            <v>Notification of employee representatives: Duty to inform competent trade union body. Notification of public authorities: Notification of district labour office.</v>
          </cell>
          <cell r="F104" t="str">
            <v>Notification of employee representatives: Duty to inform competent trade union body. Notification of public authorities: Notification of district labour office.</v>
          </cell>
          <cell r="G104">
            <v>1</v>
          </cell>
          <cell r="J104">
            <v>1</v>
          </cell>
          <cell r="M104">
            <v>3</v>
          </cell>
          <cell r="P104">
            <v>3</v>
          </cell>
        </row>
        <row r="105">
          <cell r="A105" t="str">
            <v>Czech RepublicCD3</v>
          </cell>
          <cell r="B105" t="str">
            <v>Czech Republic</v>
          </cell>
          <cell r="C105" t="str">
            <v>CD3</v>
          </cell>
          <cell r="D105" t="str">
            <v>Additional delays involved in case of collective dismissals</v>
          </cell>
          <cell r="E105" t="str">
            <v>Information to trade union and PES office 30 days before implementation. (30 days -22days in case of individual red.)</v>
          </cell>
          <cell r="F105" t="str">
            <v>Information to trade union and PES office 30 days before implementation. (30 days -22days in case of individual red.)</v>
          </cell>
          <cell r="G105">
            <v>8</v>
          </cell>
          <cell r="J105">
            <v>8</v>
          </cell>
          <cell r="M105">
            <v>1</v>
          </cell>
          <cell r="P105">
            <v>1</v>
          </cell>
        </row>
        <row r="106">
          <cell r="A106" t="str">
            <v>Czech RepublicCD4</v>
          </cell>
          <cell r="B106" t="str">
            <v>Czech Republic</v>
          </cell>
          <cell r="C106" t="str">
            <v>CD4</v>
          </cell>
          <cell r="D106" t="str">
            <v>Other special costs to employers in case of collective dismissals</v>
          </cell>
          <cell r="E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F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G106">
            <v>0</v>
          </cell>
          <cell r="J106">
            <v>0</v>
          </cell>
          <cell r="M106">
            <v>0</v>
          </cell>
          <cell r="P106">
            <v>0</v>
          </cell>
        </row>
        <row r="107">
          <cell r="A107" t="str">
            <v>DenmarkEPL1A</v>
          </cell>
          <cell r="B107" t="str">
            <v>Denmark</v>
          </cell>
          <cell r="C107" t="str">
            <v>EPL1A</v>
          </cell>
          <cell r="D107" t="str">
            <v>Notification proceduresa</v>
          </cell>
          <cell r="E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F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G107">
            <v>1</v>
          </cell>
          <cell r="J107">
            <v>1</v>
          </cell>
          <cell r="M107">
            <v>2</v>
          </cell>
          <cell r="P107">
            <v>2</v>
          </cell>
        </row>
        <row r="108">
          <cell r="A108" t="str">
            <v>DenmarkEPL1B</v>
          </cell>
          <cell r="B108" t="str">
            <v>Denmark</v>
          </cell>
          <cell r="C108" t="str">
            <v>EPL1B</v>
          </cell>
          <cell r="D108" t="str">
            <v>Delay before notice can starta</v>
          </cell>
          <cell r="E108" t="str">
            <v>For white collar workers, letter sent by mail or handed out directly.</v>
          </cell>
          <cell r="F108" t="str">
            <v>For white collar workers, the notice must be given before the first day of a calendar month and the notice period starts from the first day of the calendar month following receipt of the notice. 
Calculated by averaging figures for blue and white collar workers: Blue collar: 1 day; white collar: 1 day for written notice + 15 days on average for start of next month = 16 days</v>
          </cell>
          <cell r="G108">
            <v>8.5</v>
          </cell>
          <cell r="J108">
            <v>8.5</v>
          </cell>
          <cell r="M108">
            <v>1</v>
          </cell>
          <cell r="P108">
            <v>1</v>
          </cell>
        </row>
        <row r="109">
          <cell r="A109" t="str">
            <v>DenmarkEPL2A1, EPL2A2, EPL2A3</v>
          </cell>
          <cell r="B109" t="str">
            <v>Denmark</v>
          </cell>
          <cell r="C109" t="str">
            <v>EPL2A1, EPL2A2, EPL2A3</v>
          </cell>
          <cell r="D109" t="str">
            <v>Notice / tenurea</v>
          </cell>
          <cell r="E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F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G109">
            <v>1.8</v>
          </cell>
          <cell r="H109">
            <v>3</v>
          </cell>
          <cell r="I109">
            <v>4.25</v>
          </cell>
          <cell r="J109">
            <v>1.8</v>
          </cell>
          <cell r="K109">
            <v>3</v>
          </cell>
          <cell r="L109">
            <v>4.25</v>
          </cell>
          <cell r="M109">
            <v>5</v>
          </cell>
          <cell r="N109">
            <v>5</v>
          </cell>
          <cell r="O109">
            <v>2</v>
          </cell>
          <cell r="P109">
            <v>5</v>
          </cell>
          <cell r="Q109">
            <v>5</v>
          </cell>
          <cell r="R109">
            <v>2</v>
          </cell>
        </row>
        <row r="110">
          <cell r="A110" t="str">
            <v>DenmarkEPL2B1, EPL2B2, EPL2B3</v>
          </cell>
          <cell r="B110" t="str">
            <v>Denmark</v>
          </cell>
          <cell r="C110" t="str">
            <v>EPL2B1, EPL2B2, EPL2B3</v>
          </cell>
          <cell r="D110" t="str">
            <v>Severance pay / tenurea</v>
          </cell>
          <cell r="E110" t="str">
            <v>Blue collar: None (based on collective agreements). White collar: 1m&gt;12y, 2m&gt;15y, 3m&gt;18y.
White collar: 9 months tenure: 0, 4 years tenure: 0, 20 years tenure: 3 months.</v>
          </cell>
          <cell r="F110" t="str">
            <v>Blue collar: None (based on collective agreements). White collar: 1m&gt;12y, 2m&gt;15y, 3m&gt;18y.
White collar: 9 months tenure: 0, 4 years tenure: 0, 20 years tenure: 3 months.</v>
          </cell>
          <cell r="G110">
            <v>0</v>
          </cell>
          <cell r="H110">
            <v>0</v>
          </cell>
          <cell r="I110">
            <v>1.5</v>
          </cell>
          <cell r="J110">
            <v>0</v>
          </cell>
          <cell r="K110">
            <v>0</v>
          </cell>
          <cell r="L110">
            <v>1.5</v>
          </cell>
          <cell r="M110">
            <v>0</v>
          </cell>
          <cell r="N110">
            <v>0</v>
          </cell>
          <cell r="O110">
            <v>1</v>
          </cell>
          <cell r="P110">
            <v>0</v>
          </cell>
          <cell r="Q110">
            <v>0</v>
          </cell>
          <cell r="R110">
            <v>1</v>
          </cell>
        </row>
        <row r="111">
          <cell r="A111" t="str">
            <v>DenmarkEPL3A</v>
          </cell>
          <cell r="B111" t="str">
            <v>Denmark</v>
          </cell>
          <cell r="C111" t="str">
            <v>EPL3A</v>
          </cell>
          <cell r="D111" t="str">
            <v>Definition of justified or unfair dismissal</v>
          </cell>
          <cell r="E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F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G111">
            <v>0</v>
          </cell>
          <cell r="J111">
            <v>0</v>
          </cell>
          <cell r="M111">
            <v>0</v>
          </cell>
          <cell r="P111">
            <v>0</v>
          </cell>
        </row>
        <row r="112">
          <cell r="A112" t="str">
            <v>DenmarkEPL3B</v>
          </cell>
          <cell r="B112" t="str">
            <v>Denmark</v>
          </cell>
          <cell r="C112" t="str">
            <v>EPL3B</v>
          </cell>
          <cell r="D112" t="str">
            <v>Trial period</v>
          </cell>
          <cell r="E112" t="str">
            <v>Blue collar: 9 months (based on collective agreements). White collar: 12 months.</v>
          </cell>
          <cell r="F112" t="str">
            <v>Blue collar: 9 months (based on collective agreements). White collar: 12 months.</v>
          </cell>
          <cell r="G112">
            <v>10.5</v>
          </cell>
          <cell r="J112">
            <v>10.5</v>
          </cell>
          <cell r="M112">
            <v>2</v>
          </cell>
          <cell r="P112">
            <v>2</v>
          </cell>
        </row>
        <row r="113">
          <cell r="A113" t="str">
            <v>DenmarkEPL3C</v>
          </cell>
          <cell r="B113" t="str">
            <v>Denmark</v>
          </cell>
          <cell r="C113" t="str">
            <v>EPL3C</v>
          </cell>
          <cell r="D113" t="str">
            <v>Compensation following unfair dismissalb</v>
          </cell>
          <cell r="E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F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G113">
            <v>9</v>
          </cell>
          <cell r="J113">
            <v>9</v>
          </cell>
          <cell r="M113">
            <v>2</v>
          </cell>
          <cell r="P113">
            <v>2</v>
          </cell>
        </row>
        <row r="114">
          <cell r="A114" t="str">
            <v>DenmarkEPL3D</v>
          </cell>
          <cell r="B114" t="str">
            <v>Denmark</v>
          </cell>
          <cell r="C114" t="str">
            <v>EPL3D</v>
          </cell>
          <cell r="D114" t="str">
            <v>Possibility of reinstatement following unfair dismissal</v>
          </cell>
          <cell r="E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F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G114">
            <v>1</v>
          </cell>
          <cell r="J114">
            <v>1</v>
          </cell>
          <cell r="M114">
            <v>2</v>
          </cell>
          <cell r="P114">
            <v>2</v>
          </cell>
        </row>
        <row r="115">
          <cell r="A115" t="str">
            <v>DenmarkEPL3E</v>
          </cell>
          <cell r="B115" t="str">
            <v>Denmark</v>
          </cell>
          <cell r="C115" t="str">
            <v>EPL3E</v>
          </cell>
          <cell r="D115" t="str">
            <v>Max time for claim</v>
          </cell>
          <cell r="E115" t="str">
            <v>-</v>
          </cell>
          <cell r="F115" t="str">
            <v>Unfair dismissal claim can be made immediately after notification. (from part 1): Before dismissal takes place.</v>
          </cell>
          <cell r="J115">
            <v>0</v>
          </cell>
          <cell r="P115">
            <v>0</v>
          </cell>
        </row>
        <row r="116">
          <cell r="A116" t="str">
            <v>DenmarkFT1</v>
          </cell>
          <cell r="B116" t="str">
            <v>Denmark</v>
          </cell>
          <cell r="C116" t="str">
            <v>FT1</v>
          </cell>
          <cell r="D116" t="str">
            <v>Valid cases for use of fixed-term contracts, other than  “objective”  or “material” situationc</v>
          </cell>
          <cell r="E116" t="str">
            <v>Fixed-term contracts allowed for specified periods of time and/or for specific tasks. Widely used, particularly in professional services and construction. But renewal of fixed term contracts must be based on objective reasons.</v>
          </cell>
          <cell r="F116" t="str">
            <v xml:space="preserve">Fixed-term contracts allowed for specified periods of time and/or for specific tasks. Widely used, particularly in professional services and construction. But renewal of fixed term contracts must be based on objective reasons. </v>
          </cell>
          <cell r="G116">
            <v>2.5</v>
          </cell>
          <cell r="J116">
            <v>2.5</v>
          </cell>
          <cell r="M116">
            <v>1</v>
          </cell>
          <cell r="P116">
            <v>1</v>
          </cell>
        </row>
        <row r="117">
          <cell r="A117" t="str">
            <v>DenmarkFT2</v>
          </cell>
          <cell r="B117" t="str">
            <v>Denmark</v>
          </cell>
          <cell r="C117" t="str">
            <v>FT2</v>
          </cell>
          <cell r="D117" t="str">
            <v>Maximum number of successive fixed-term contractsd</v>
          </cell>
          <cell r="E117" t="str">
            <v xml:space="preserve">Estimated 1.5 Generally, there is no legal limit for the maximum number of successive fixed-term contracts, but renewal of fixed-term contracts must be based on objective reasons. </v>
          </cell>
          <cell r="F117" t="str">
            <v xml:space="preserve">Estimated 1.5 Generally, there is no legal limit for the maximum number of successive fixed-term contracts, but renewal of fixed-term contracts must be based on objective reasons. </v>
          </cell>
          <cell r="G117">
            <v>1.5</v>
          </cell>
          <cell r="J117">
            <v>1.5</v>
          </cell>
          <cell r="M117">
            <v>5</v>
          </cell>
          <cell r="P117">
            <v>5</v>
          </cell>
        </row>
        <row r="118">
          <cell r="A118" t="str">
            <v>DenmarkFT3</v>
          </cell>
          <cell r="B118" t="str">
            <v>Denmark</v>
          </cell>
          <cell r="C118" t="str">
            <v>FT3</v>
          </cell>
          <cell r="D118" t="str">
            <v>Maximum cumulated duration of successive fixed-term contracts</v>
          </cell>
          <cell r="E118" t="str">
            <v xml:space="preserve">No limit specified. The Danish Confederation of Trade Unions states that court rulings suggest that 2-3 years temporary employment entail notification procedures. </v>
          </cell>
          <cell r="F118" t="str">
            <v xml:space="preserve">No limit specified. The Danish Confederation of Trade Unions states that court rulings suggest that 2-3 years temporary employment entail notification procedures.  </v>
          </cell>
          <cell r="G118">
            <v>30</v>
          </cell>
          <cell r="J118">
            <v>30</v>
          </cell>
          <cell r="M118">
            <v>2</v>
          </cell>
          <cell r="P118">
            <v>2</v>
          </cell>
        </row>
        <row r="119">
          <cell r="A119" t="str">
            <v>DenmarkTWA1</v>
          </cell>
          <cell r="B119" t="str">
            <v>Denmark</v>
          </cell>
          <cell r="C119" t="str">
            <v>TWA1</v>
          </cell>
          <cell r="D119" t="str">
            <v>Types of work for which TWA employment is legal</v>
          </cell>
          <cell r="E119" t="str">
            <v>General</v>
          </cell>
          <cell r="F119" t="str">
            <v>General</v>
          </cell>
          <cell r="G119">
            <v>4</v>
          </cell>
          <cell r="J119">
            <v>4</v>
          </cell>
          <cell r="M119">
            <v>0</v>
          </cell>
          <cell r="P119">
            <v>0</v>
          </cell>
        </row>
        <row r="120">
          <cell r="A120" t="str">
            <v>DenmarkTWA2</v>
          </cell>
          <cell r="B120" t="str">
            <v>Denmark</v>
          </cell>
          <cell r="C120" t="str">
            <v>TWA2</v>
          </cell>
          <cell r="D120" t="str">
            <v>Are there any restrictions on the number of renewals of a TWA contract?</v>
          </cell>
          <cell r="E120" t="str">
            <v>No but the Danish Confederation of Trade Unions states that court rulings suggest that 4-5 renewals entail notification procedures. </v>
          </cell>
          <cell r="F120" t="str">
            <v>No but the Danish Confederation of Trade Unions states that court rulings suggest that 4-5 renewals entail notification procedures. </v>
          </cell>
          <cell r="G120" t="str">
            <v>No</v>
          </cell>
          <cell r="J120" t="str">
            <v>No</v>
          </cell>
          <cell r="M120">
            <v>2</v>
          </cell>
          <cell r="P120">
            <v>2</v>
          </cell>
        </row>
        <row r="121">
          <cell r="A121" t="str">
            <v>DenmarkTWA3</v>
          </cell>
          <cell r="B121" t="str">
            <v>Denmark</v>
          </cell>
          <cell r="C121" t="str">
            <v>TWA3</v>
          </cell>
          <cell r="D121" t="str">
            <v>Maximum cumulated duration of temporary work contractse</v>
          </cell>
          <cell r="E121" t="str">
            <v>The Danish Confederation of Trade Unions states that there is no limit, if employment pauses in between.</v>
          </cell>
          <cell r="F121" t="str">
            <v>The Danish Confederation of Trade Unions states that there is no limit, if employment pauses in between.</v>
          </cell>
          <cell r="G121">
            <v>100</v>
          </cell>
          <cell r="J121">
            <v>100</v>
          </cell>
          <cell r="M121">
            <v>0</v>
          </cell>
          <cell r="P121">
            <v>0</v>
          </cell>
        </row>
        <row r="122">
          <cell r="A122" t="str">
            <v>DenmarkTWA4</v>
          </cell>
          <cell r="B122" t="str">
            <v>Denmark</v>
          </cell>
          <cell r="C122" t="str">
            <v>TWA4</v>
          </cell>
          <cell r="D122" t="str">
            <v>Authorisation and reporting obligations</v>
          </cell>
          <cell r="E122" t="str">
            <v>-</v>
          </cell>
          <cell r="F122" t="str">
            <v>No</v>
          </cell>
          <cell r="J122">
            <v>0</v>
          </cell>
          <cell r="P122">
            <v>0</v>
          </cell>
        </row>
        <row r="123">
          <cell r="A123" t="str">
            <v>DenmarkTWA5</v>
          </cell>
          <cell r="B123" t="str">
            <v>Denmark</v>
          </cell>
          <cell r="C123" t="str">
            <v>TWA5</v>
          </cell>
          <cell r="D123" t="str">
            <v>Equal treatment of TWA workers</v>
          </cell>
          <cell r="E123" t="str">
            <v>-</v>
          </cell>
          <cell r="F123" t="str">
            <v>Yes, equal treatment regarding pay and working conditions</v>
          </cell>
          <cell r="J123">
            <v>2</v>
          </cell>
          <cell r="P123">
            <v>6</v>
          </cell>
        </row>
        <row r="124">
          <cell r="A124" t="str">
            <v>DenmarkCD1</v>
          </cell>
          <cell r="B124" t="str">
            <v>Denmark</v>
          </cell>
          <cell r="C124" t="str">
            <v>CD1</v>
          </cell>
          <cell r="D124" t="str">
            <v>Definition of collective dismissal</v>
          </cell>
          <cell r="E124" t="str">
            <v>Within 30 days, &gt;9 workers in firms 21-99 employees; &gt;9% in firms 100-299; &gt;29 workers in firms 300+ employees.</v>
          </cell>
          <cell r="F124" t="str">
            <v>Within 30 days, &gt;9 workers in firms 21-99 employees; &gt;9% in firms 100-299; &gt;29 workers in firms 300+ employees.</v>
          </cell>
          <cell r="G124">
            <v>3</v>
          </cell>
          <cell r="J124">
            <v>3</v>
          </cell>
          <cell r="M124">
            <v>4.5</v>
          </cell>
          <cell r="P124">
            <v>4.5</v>
          </cell>
        </row>
        <row r="125">
          <cell r="A125" t="str">
            <v>DenmarkCD2</v>
          </cell>
          <cell r="B125" t="str">
            <v>Denmark</v>
          </cell>
          <cell r="C125" t="str">
            <v>CD2</v>
          </cell>
          <cell r="D125" t="str">
            <v>Additional notification requirements in case of collective dismissals</v>
          </cell>
          <cell r="E125" t="str">
            <v>Notification of employee representatives: Inform and consult with Works Council or trade union delegation. Notification of public authorities: Notification of public employment service.</v>
          </cell>
          <cell r="F125" t="str">
            <v>Notification of Regional Employment Council (tripartite council)</v>
          </cell>
          <cell r="G125">
            <v>2</v>
          </cell>
          <cell r="J125">
            <v>1</v>
          </cell>
          <cell r="M125">
            <v>6</v>
          </cell>
          <cell r="P125">
            <v>3</v>
          </cell>
        </row>
        <row r="126">
          <cell r="A126" t="str">
            <v>DenmarkCD3</v>
          </cell>
          <cell r="B126" t="str">
            <v>Denmark</v>
          </cell>
          <cell r="C126" t="str">
            <v>CD3</v>
          </cell>
          <cell r="D126" t="str">
            <v>Additional delays involved in case of collective dismissals</v>
          </cell>
          <cell r="E126" t="str">
            <v>30 days delay after notice to PES; longer in firms &gt;100 workers that seek to dismiss over half of staff.</v>
          </cell>
          <cell r="F126" t="str">
            <v>30 days delay after notice to PES; longer in firms &gt;100 workers that seek to dismiss over half of staff.</v>
          </cell>
          <cell r="G126">
            <v>29</v>
          </cell>
          <cell r="J126">
            <v>29</v>
          </cell>
          <cell r="M126">
            <v>2</v>
          </cell>
          <cell r="P126">
            <v>2</v>
          </cell>
        </row>
        <row r="127">
          <cell r="A127" t="str">
            <v>DenmarkCD4</v>
          </cell>
          <cell r="B127" t="str">
            <v>Denmark</v>
          </cell>
          <cell r="C127" t="str">
            <v>CD4</v>
          </cell>
          <cell r="D127" t="str">
            <v>Other special costs to employers in case of collective dismissals</v>
          </cell>
          <cell r="E127" t="str">
            <v>Type of negotiation requiredf: National agreement obliges companies to organise transfer and/or retraining whenever possible. Selection criteria: No criteria laid down by law. Severance pay: No special regulations for collective dismissal.</v>
          </cell>
          <cell r="F127" t="str">
            <v>Type of negotiation requiredf: National agreement obliges companies to organise transfer and/or retraining whenever possible. Selection criteria: No criteria laid down by law. Severance pay: No special regulations for collective dismissal.</v>
          </cell>
          <cell r="G127">
            <v>1</v>
          </cell>
          <cell r="J127">
            <v>1</v>
          </cell>
          <cell r="M127">
            <v>3</v>
          </cell>
          <cell r="P127">
            <v>3</v>
          </cell>
        </row>
        <row r="128">
          <cell r="A128" t="str">
            <v>FinlandEPL1A</v>
          </cell>
          <cell r="B128" t="str">
            <v>Finland</v>
          </cell>
          <cell r="C128" t="str">
            <v>EPL1A</v>
          </cell>
          <cell r="D128" t="str">
            <v>Notification proceduresa</v>
          </cell>
          <cell r="E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F128" t="str">
            <v>Personal reasons: Statement of reasons and information on appeals procedures given to the employee upon request.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ion: (1.5+2)/2</v>
          </cell>
          <cell r="G128">
            <v>1.75</v>
          </cell>
          <cell r="J128">
            <v>1.75</v>
          </cell>
          <cell r="M128">
            <v>3.5</v>
          </cell>
          <cell r="P128">
            <v>3.5</v>
          </cell>
        </row>
        <row r="129">
          <cell r="A129" t="str">
            <v>FinlandEPL1B</v>
          </cell>
          <cell r="B129" t="str">
            <v>Finland</v>
          </cell>
          <cell r="C129" t="str">
            <v>EPL1B</v>
          </cell>
          <cell r="D129" t="str">
            <v>Delay before notice can starta</v>
          </cell>
          <cell r="E129" t="str">
            <v>Personal reasons: Advance discussion, then notice orally or in writing.
Lack of work: Invitation to consultation; 5-day delay; consultation for 7 days; then notice in writing.
Calculation: personal reasons, 7 i.e. (6+1); lack of work, 15 i.e. (1+5+7+2); all, 11 i.e. (7+15)/2</v>
          </cell>
          <cell r="F129" t="str">
            <v>Personal reasons: Notice orally or in writing.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7 days = 6+1) and lack of work (1+5+14+1 = 21 days) = (7+21)/2 = 14</v>
          </cell>
          <cell r="G129">
            <v>11</v>
          </cell>
          <cell r="J129">
            <v>14</v>
          </cell>
          <cell r="M129">
            <v>2</v>
          </cell>
          <cell r="P129">
            <v>2</v>
          </cell>
        </row>
        <row r="130">
          <cell r="A130" t="str">
            <v>FinlandEPL2A1, EPL2A2, EPL2A3</v>
          </cell>
          <cell r="B130" t="str">
            <v>Finland</v>
          </cell>
          <cell r="C130" t="str">
            <v>EPL2A1, EPL2A2, EPL2A3</v>
          </cell>
          <cell r="D130" t="str">
            <v>Notice / tenurea</v>
          </cell>
          <cell r="E130" t="str">
            <v>All workers: 14d&lt;=1y, 1m&lt;=4y, 2m&lt;=8y, 4m&lt;=12y, 6m&gt;12y.
9 months tenure: 14 days, 4 years tenure: 1 months, 20 years tenure: 6 months.</v>
          </cell>
          <cell r="F130" t="str">
            <v>All workers: 14d&lt;=1y, 1m&lt;=4y, 2m&lt;=8y, 4m&lt;=12y, 6m&gt;12y.
9 months tenure: 14 days, 4 years tenure: 1 months, 20 years tenure: 6 months.</v>
          </cell>
          <cell r="G130">
            <v>0.5</v>
          </cell>
          <cell r="H130">
            <v>1</v>
          </cell>
          <cell r="I130">
            <v>6</v>
          </cell>
          <cell r="J130">
            <v>0.5</v>
          </cell>
          <cell r="K130">
            <v>1</v>
          </cell>
          <cell r="L130">
            <v>6</v>
          </cell>
          <cell r="M130">
            <v>2</v>
          </cell>
          <cell r="N130">
            <v>2</v>
          </cell>
          <cell r="O130">
            <v>3</v>
          </cell>
          <cell r="P130">
            <v>2</v>
          </cell>
          <cell r="Q130">
            <v>2</v>
          </cell>
          <cell r="R130">
            <v>3</v>
          </cell>
        </row>
        <row r="131">
          <cell r="A131" t="str">
            <v>FinlandEPL2B1, EPL2B2, EPL2B3</v>
          </cell>
          <cell r="B131" t="str">
            <v>Finland</v>
          </cell>
          <cell r="C131" t="str">
            <v>EPL2B1, EPL2B2, EPL2B3</v>
          </cell>
          <cell r="D131" t="str">
            <v>Severance pay / tenurea</v>
          </cell>
          <cell r="E131" t="str">
            <v>All workers: None.</v>
          </cell>
          <cell r="F131" t="str">
            <v>All workers: None.</v>
          </cell>
          <cell r="G131">
            <v>0</v>
          </cell>
          <cell r="H131">
            <v>0</v>
          </cell>
          <cell r="I131">
            <v>0</v>
          </cell>
          <cell r="J131">
            <v>0</v>
          </cell>
          <cell r="K131">
            <v>0</v>
          </cell>
          <cell r="L131">
            <v>0</v>
          </cell>
          <cell r="M131">
            <v>0</v>
          </cell>
          <cell r="N131">
            <v>0</v>
          </cell>
          <cell r="O131">
            <v>0</v>
          </cell>
          <cell r="P131">
            <v>0</v>
          </cell>
          <cell r="Q131">
            <v>0</v>
          </cell>
          <cell r="R131">
            <v>0</v>
          </cell>
        </row>
        <row r="132">
          <cell r="A132" t="str">
            <v>FinlandEPL3A</v>
          </cell>
          <cell r="B132" t="str">
            <v>Finland</v>
          </cell>
          <cell r="C132" t="str">
            <v>EPL3A</v>
          </cell>
          <cell r="D132" t="str">
            <v>Definition of justified or unfair dismissal</v>
          </cell>
          <cell r="E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F132"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v>
          </cell>
          <cell r="G132">
            <v>2</v>
          </cell>
          <cell r="J132">
            <v>2</v>
          </cell>
          <cell r="M132">
            <v>4</v>
          </cell>
          <cell r="P132">
            <v>4</v>
          </cell>
        </row>
        <row r="133">
          <cell r="A133" t="str">
            <v>FinlandEPL3B</v>
          </cell>
          <cell r="B133" t="str">
            <v>Finland</v>
          </cell>
          <cell r="C133" t="str">
            <v>EPL3B</v>
          </cell>
          <cell r="D133" t="str">
            <v>Trial period</v>
          </cell>
          <cell r="E133" t="str">
            <v>4 months (all workers)</v>
          </cell>
          <cell r="F133" t="str">
            <v>4 months (all workers)</v>
          </cell>
          <cell r="G133">
            <v>4</v>
          </cell>
          <cell r="J133">
            <v>4</v>
          </cell>
          <cell r="M133">
            <v>4</v>
          </cell>
          <cell r="P133">
            <v>4</v>
          </cell>
        </row>
        <row r="134">
          <cell r="A134" t="str">
            <v>FinlandEPL3C</v>
          </cell>
          <cell r="B134" t="str">
            <v>Finland</v>
          </cell>
          <cell r="C134" t="str">
            <v>EPL3C</v>
          </cell>
          <cell r="D134" t="str">
            <v>compensation following unfair dismissalb</v>
          </cell>
          <cell r="E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F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G134">
            <v>14</v>
          </cell>
          <cell r="J134">
            <v>14</v>
          </cell>
          <cell r="M134">
            <v>3</v>
          </cell>
          <cell r="P134">
            <v>3</v>
          </cell>
        </row>
        <row r="135">
          <cell r="A135" t="str">
            <v>FinlandEPL3D</v>
          </cell>
          <cell r="B135" t="str">
            <v>Finland</v>
          </cell>
          <cell r="C135" t="str">
            <v>EPL3D</v>
          </cell>
          <cell r="D135" t="str">
            <v>Possibility of reinstatement following unfair dismissal</v>
          </cell>
          <cell r="E135" t="str">
            <v>No reinstatement.</v>
          </cell>
          <cell r="F135" t="str">
            <v>No reinstatement.</v>
          </cell>
          <cell r="G135">
            <v>0</v>
          </cell>
          <cell r="J135">
            <v>0</v>
          </cell>
          <cell r="M135">
            <v>0</v>
          </cell>
          <cell r="P135">
            <v>0</v>
          </cell>
        </row>
        <row r="136">
          <cell r="A136" t="str">
            <v>FinlandEPL3E</v>
          </cell>
          <cell r="B136" t="str">
            <v>Finland</v>
          </cell>
          <cell r="C136" t="str">
            <v>EPL3E</v>
          </cell>
          <cell r="D136" t="str">
            <v>Max time for claim</v>
          </cell>
          <cell r="E136" t="str">
            <v>-</v>
          </cell>
          <cell r="F136" t="str">
            <v>After the termination of employment the claim for compensation based on unfairness of the dismissal must be filed within 2 years</v>
          </cell>
          <cell r="J136">
            <v>24</v>
          </cell>
          <cell r="P136">
            <v>6</v>
          </cell>
        </row>
        <row r="137">
          <cell r="A137" t="str">
            <v>FinlandFT1</v>
          </cell>
          <cell r="B137" t="str">
            <v>Finland</v>
          </cell>
          <cell r="C137" t="str">
            <v>FT1</v>
          </cell>
          <cell r="D137" t="str">
            <v>Valid cases for use of fixed-term contracts, other than  “objective”  or “material” situationc</v>
          </cell>
          <cell r="E137" t="str">
            <v>Permitted for temporary replacements, traineeship, and special business needs (unstable nature of  service activity, etc.).</v>
          </cell>
          <cell r="F137" t="str">
            <v>Permitted for temporary replacements, traineeship, and special business needs (unstable nature of  service activity, etc.).</v>
          </cell>
          <cell r="G137">
            <v>1</v>
          </cell>
          <cell r="J137">
            <v>1</v>
          </cell>
          <cell r="M137">
            <v>4</v>
          </cell>
          <cell r="P137">
            <v>4</v>
          </cell>
        </row>
        <row r="138">
          <cell r="A138" t="str">
            <v>FinlandFT2</v>
          </cell>
          <cell r="B138" t="str">
            <v>Finland</v>
          </cell>
          <cell r="C138" t="str">
            <v>FT2</v>
          </cell>
          <cell r="D138" t="str">
            <v>Maximum number of successive fixed-term contractsd</v>
          </cell>
          <cell r="E138" t="str">
            <v>Estimated number: 1.5
In case of successive contracts, justification of limitation of contract subject to court examination.</v>
          </cell>
          <cell r="F138" t="str">
            <v xml:space="preserve">Estimated number: 2.5
In case of successive contracts, justification of limitation of contract subject to court examination. </v>
          </cell>
          <cell r="G138">
            <v>1.5</v>
          </cell>
          <cell r="J138">
            <v>2.5</v>
          </cell>
          <cell r="M138">
            <v>5</v>
          </cell>
          <cell r="P138">
            <v>4</v>
          </cell>
        </row>
        <row r="139">
          <cell r="A139" t="str">
            <v>FinlandFT3</v>
          </cell>
          <cell r="B139" t="str">
            <v>Finland</v>
          </cell>
          <cell r="C139" t="str">
            <v>FT3</v>
          </cell>
          <cell r="D139" t="str">
            <v>Maximum cumulated duration of successive fixed-term contracts</v>
          </cell>
          <cell r="E139" t="str">
            <v>No limit</v>
          </cell>
          <cell r="F139" t="str">
            <v>No limit</v>
          </cell>
          <cell r="G139">
            <v>100</v>
          </cell>
          <cell r="J139">
            <v>100</v>
          </cell>
          <cell r="M139">
            <v>0</v>
          </cell>
          <cell r="P139">
            <v>0</v>
          </cell>
        </row>
        <row r="140">
          <cell r="A140" t="str">
            <v>FinlandTWA1</v>
          </cell>
          <cell r="B140" t="str">
            <v>Finland</v>
          </cell>
          <cell r="C140" t="str">
            <v>TWA1</v>
          </cell>
          <cell r="D140" t="str">
            <v>Types of work for which TWA employment is legal</v>
          </cell>
          <cell r="E140" t="str">
            <v>General</v>
          </cell>
          <cell r="F140" t="str">
            <v>General</v>
          </cell>
          <cell r="G140">
            <v>4</v>
          </cell>
          <cell r="J140">
            <v>4</v>
          </cell>
          <cell r="M140">
            <v>0</v>
          </cell>
          <cell r="P140">
            <v>0</v>
          </cell>
        </row>
        <row r="141">
          <cell r="A141" t="str">
            <v>FinlandTWA2</v>
          </cell>
          <cell r="B141" t="str">
            <v>Finland</v>
          </cell>
          <cell r="C141" t="str">
            <v>TWA2</v>
          </cell>
          <cell r="D141" t="str">
            <v>Are there any restrictions on the number of renewals of a TWA contract?</v>
          </cell>
          <cell r="E141" t="str">
            <v>No</v>
          </cell>
          <cell r="F141" t="str">
            <v>No</v>
          </cell>
          <cell r="G141" t="str">
            <v>No</v>
          </cell>
          <cell r="J141" t="str">
            <v>No</v>
          </cell>
          <cell r="M141">
            <v>2</v>
          </cell>
          <cell r="P141">
            <v>2</v>
          </cell>
        </row>
        <row r="142">
          <cell r="A142" t="str">
            <v>FinlandTWA3</v>
          </cell>
          <cell r="B142" t="str">
            <v>Finland</v>
          </cell>
          <cell r="C142" t="str">
            <v>TWA3</v>
          </cell>
          <cell r="D142" t="str">
            <v>Maximum cumulated duration of temporary work contractse</v>
          </cell>
          <cell r="E142" t="str">
            <v>No limit</v>
          </cell>
          <cell r="F142" t="str">
            <v>No limit</v>
          </cell>
          <cell r="G142">
            <v>100</v>
          </cell>
          <cell r="J142">
            <v>100</v>
          </cell>
          <cell r="M142">
            <v>0</v>
          </cell>
          <cell r="P142">
            <v>0</v>
          </cell>
        </row>
        <row r="143">
          <cell r="A143" t="str">
            <v>FinlandTWA4</v>
          </cell>
          <cell r="B143" t="str">
            <v>Finland</v>
          </cell>
          <cell r="C143" t="str">
            <v>TWA4</v>
          </cell>
          <cell r="D143" t="str">
            <v>Authorisation and reporting obligations</v>
          </cell>
          <cell r="E143" t="str">
            <v>-</v>
          </cell>
          <cell r="F143" t="str">
            <v>No</v>
          </cell>
          <cell r="J143">
            <v>0</v>
          </cell>
          <cell r="P143">
            <v>0</v>
          </cell>
        </row>
        <row r="144">
          <cell r="A144" t="str">
            <v>FinlandTWA5</v>
          </cell>
          <cell r="B144" t="str">
            <v>Finland</v>
          </cell>
          <cell r="C144" t="str">
            <v>TWA5</v>
          </cell>
          <cell r="D144" t="str">
            <v>Equal treatment of TWA workers</v>
          </cell>
          <cell r="E144" t="str">
            <v>-</v>
          </cell>
          <cell r="F144" t="str">
            <v>Yes, equal treatment regarding pay and working conditions</v>
          </cell>
          <cell r="J144">
            <v>2</v>
          </cell>
          <cell r="P144">
            <v>6</v>
          </cell>
        </row>
        <row r="145">
          <cell r="A145" t="str">
            <v>FinlandCD1</v>
          </cell>
          <cell r="B145" t="str">
            <v>Finland</v>
          </cell>
          <cell r="C145" t="str">
            <v>CD1</v>
          </cell>
          <cell r="D145" t="str">
            <v>Definition of collective dismissal</v>
          </cell>
          <cell r="E145" t="str">
            <v>&gt;9 workers in firms &gt;20 employees, in case of dismissal for financial or production-related reasons.</v>
          </cell>
          <cell r="F145" t="str">
            <v>&gt;9 workers in firms &gt;20 employees, in case of dismissal for financial or production-related reasons.</v>
          </cell>
          <cell r="G145">
            <v>3</v>
          </cell>
          <cell r="J145">
            <v>3</v>
          </cell>
          <cell r="M145">
            <v>4.5</v>
          </cell>
          <cell r="P145">
            <v>4.5</v>
          </cell>
        </row>
        <row r="146">
          <cell r="A146" t="str">
            <v>FinlandCD2</v>
          </cell>
          <cell r="B146" t="str">
            <v>Finland</v>
          </cell>
          <cell r="C146" t="str">
            <v>CD2</v>
          </cell>
          <cell r="D146" t="str">
            <v>Additional notification requirements in case of collective dismissals</v>
          </cell>
          <cell r="E146" t="str">
            <v>Notification of employee representatives: Consultation with trade union or personnel representatives.
Notification of public authorities: Notification of local employment office.</v>
          </cell>
          <cell r="F146" t="str">
            <v>Notification of employee representatives: Consultation with trade union or personnel representatives.
Notification of public authorities: Notification of local employment office.</v>
          </cell>
          <cell r="G146">
            <v>1</v>
          </cell>
          <cell r="J146">
            <v>1</v>
          </cell>
          <cell r="M146">
            <v>3</v>
          </cell>
          <cell r="P146">
            <v>3</v>
          </cell>
        </row>
        <row r="147">
          <cell r="A147" t="str">
            <v>FinlandCD3</v>
          </cell>
          <cell r="B147" t="str">
            <v>Finland</v>
          </cell>
          <cell r="C147" t="str">
            <v>CD3</v>
          </cell>
          <cell r="D147" t="str">
            <v>Additional delays involved in case of collective dismissals</v>
          </cell>
          <cell r="E147" t="str">
            <v>Consultation for at least 42 days, plus 5 days advance notice of the need for consultation.
Calculation: 42+5-15 for individual redundancies</v>
          </cell>
          <cell r="F147" t="str">
            <v>When an employer with more than 30 employees is considering laying off at least 10 employees, the mandatory period for negotiating with employees or their representatives is extended from 14 days to six weeks.</v>
          </cell>
          <cell r="G147">
            <v>32</v>
          </cell>
          <cell r="J147">
            <v>28</v>
          </cell>
          <cell r="M147">
            <v>3</v>
          </cell>
          <cell r="P147">
            <v>2</v>
          </cell>
        </row>
        <row r="148">
          <cell r="A148" t="str">
            <v>FinlandCD4</v>
          </cell>
          <cell r="B148" t="str">
            <v>Finland</v>
          </cell>
          <cell r="C148" t="str">
            <v>CD4</v>
          </cell>
          <cell r="D148" t="str">
            <v>Other special costs to employers in case of collective dismissals</v>
          </cell>
          <cell r="E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F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G148">
            <v>0</v>
          </cell>
          <cell r="J148">
            <v>0</v>
          </cell>
          <cell r="M148">
            <v>0</v>
          </cell>
          <cell r="P148">
            <v>0</v>
          </cell>
        </row>
        <row r="149">
          <cell r="A149" t="str">
            <v>FranceEPL1A</v>
          </cell>
          <cell r="B149" t="str">
            <v>France</v>
          </cell>
          <cell r="C149" t="str">
            <v>EPL1A</v>
          </cell>
          <cell r="D149" t="str">
            <v>Notification proceduresa</v>
          </cell>
          <cell r="E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F149" t="str">
            <v>Motif personnel : lettre ; entretien ; explication du motif à l’employé ; seconde lettre : notification par lettre envoyée en recommandé avec accusé de réception.
Motif économique : lettre ; entretien ; explication du motif à l’employé ; seconde lettre : notification par lettre envoyée en recommandé avec accusé de réception. Notification envoyée à l’inspection du travail et en général, aux délégués du personnel ou au comité d’entreprise.</v>
          </cell>
          <cell r="G149">
            <v>1.5</v>
          </cell>
          <cell r="J149">
            <v>1.5</v>
          </cell>
          <cell r="M149">
            <v>3</v>
          </cell>
          <cell r="P149">
            <v>3</v>
          </cell>
        </row>
        <row r="150">
          <cell r="A150" t="str">
            <v>FranceEPL1B</v>
          </cell>
          <cell r="B150" t="str">
            <v>France</v>
          </cell>
          <cell r="C150" t="str">
            <v>EPL1B</v>
          </cell>
          <cell r="D150" t="str">
            <v>Delay before notice can starta</v>
          </cell>
          <cell r="E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F150" t="str">
            <v>Motif personnel : Délais minimum à respecter entre la réception de la lettre de convocation à l’entretien préalable et cet entretien (5 jours ouvrables minimum) ; délai de pas moins de deux jours ouvrables après la date prévue de l’entretien préalable ; ensuite, la notification écrite du licenciement marque le début du préavis.
Motif économique : Délais minimum à respecter entre la réception de la lettre de convocation à l’entretien préalable et cet entretien (7 jours ouvrables minimum) ; délai de 15 jours entre l’entretien et l’envoi en recommandé de la lettre de notification ; ensuite, la notification écrite du licenciement marque le début du préavis.
Moyen de motif personnel (1+5+1) et motif economique: (1+7+15+1)</v>
          </cell>
          <cell r="G150">
            <v>14</v>
          </cell>
          <cell r="J150">
            <v>15.5</v>
          </cell>
          <cell r="M150">
            <v>2</v>
          </cell>
          <cell r="P150">
            <v>2</v>
          </cell>
        </row>
        <row r="151">
          <cell r="A151" t="str">
            <v>FranceEPL2A1, EPL2A2, EPL2A3</v>
          </cell>
          <cell r="B151" t="str">
            <v>France</v>
          </cell>
          <cell r="C151" t="str">
            <v>EPL2A1, EPL2A2, EPL2A3</v>
          </cell>
          <cell r="D151" t="str">
            <v>Notice / tenurea</v>
          </cell>
          <cell r="E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F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G151">
            <v>1</v>
          </cell>
          <cell r="H151">
            <v>2</v>
          </cell>
          <cell r="I151">
            <v>2</v>
          </cell>
          <cell r="J151">
            <v>1</v>
          </cell>
          <cell r="K151">
            <v>2</v>
          </cell>
          <cell r="L151">
            <v>2</v>
          </cell>
          <cell r="M151">
            <v>3</v>
          </cell>
          <cell r="N151">
            <v>4</v>
          </cell>
          <cell r="O151">
            <v>1</v>
          </cell>
          <cell r="P151">
            <v>3</v>
          </cell>
          <cell r="Q151">
            <v>4</v>
          </cell>
          <cell r="R151">
            <v>1</v>
          </cell>
        </row>
        <row r="152">
          <cell r="A152" t="str">
            <v>FranceEPL2B1, EPL2B2, EPL2B3</v>
          </cell>
          <cell r="B152" t="str">
            <v>France</v>
          </cell>
          <cell r="C152" t="str">
            <v>EPL2B1, EPL2B2, EPL2B3</v>
          </cell>
          <cell r="D152" t="str">
            <v>Severance pay / tenurea</v>
          </cell>
          <cell r="E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F15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6.7 mois. </v>
          </cell>
          <cell r="G152">
            <v>0</v>
          </cell>
          <cell r="H152">
            <v>0.6</v>
          </cell>
          <cell r="I152">
            <v>4</v>
          </cell>
          <cell r="J152">
            <v>0</v>
          </cell>
          <cell r="K152">
            <v>0.8</v>
          </cell>
          <cell r="L152">
            <v>6.7</v>
          </cell>
          <cell r="M152">
            <v>0</v>
          </cell>
          <cell r="N152">
            <v>2</v>
          </cell>
          <cell r="O152">
            <v>2</v>
          </cell>
          <cell r="P152">
            <v>0</v>
          </cell>
          <cell r="Q152">
            <v>2</v>
          </cell>
          <cell r="R152">
            <v>3</v>
          </cell>
        </row>
        <row r="153">
          <cell r="A153" t="str">
            <v>FranceEPL3A</v>
          </cell>
          <cell r="B153" t="str">
            <v>France</v>
          </cell>
          <cell r="C153" t="str">
            <v>EPL3A</v>
          </cell>
          <cell r="D153" t="str">
            <v>Definition of justified or unfair dismissal</v>
          </cell>
          <cell r="E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F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G153">
            <v>2</v>
          </cell>
          <cell r="J153">
            <v>2</v>
          </cell>
          <cell r="M153">
            <v>4</v>
          </cell>
          <cell r="P153">
            <v>4</v>
          </cell>
        </row>
        <row r="154">
          <cell r="A154" t="str">
            <v>FranceEPL3B</v>
          </cell>
          <cell r="B154" t="str">
            <v>France</v>
          </cell>
          <cell r="C154" t="str">
            <v>EPL3B</v>
          </cell>
          <cell r="D154" t="str">
            <v>Trial period</v>
          </cell>
          <cell r="E154" t="str">
            <v>Clause facultative, pas de durée légale de période d’essai. En pratique, 1 à 2 semaines pour les ouvriers, 1 mois pour les employés, 3 mois pour les cadres.</v>
          </cell>
          <cell r="F154" t="str">
            <v>Contracts of indefinite duration can include trial periods of two months, (three months for supervisors and technicians and four months for managers). The trial period can be renewed once by agreement to a maximum, including renewal, of  four months (six months for supervisors and technicians and eight months for managers).</v>
          </cell>
          <cell r="G154">
            <v>1.5</v>
          </cell>
          <cell r="J154">
            <v>4</v>
          </cell>
          <cell r="M154">
            <v>5</v>
          </cell>
          <cell r="P154">
            <v>4</v>
          </cell>
        </row>
        <row r="155">
          <cell r="A155" t="str">
            <v>FranceEPL3C</v>
          </cell>
          <cell r="B155" t="str">
            <v>France</v>
          </cell>
          <cell r="C155" t="str">
            <v>EPL3C</v>
          </cell>
          <cell r="D155" t="str">
            <v>compensation following unfair dismissalb</v>
          </cell>
          <cell r="E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F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 </v>
          </cell>
          <cell r="G155">
            <v>16</v>
          </cell>
          <cell r="J155">
            <v>16</v>
          </cell>
          <cell r="M155">
            <v>3</v>
          </cell>
          <cell r="P155">
            <v>3</v>
          </cell>
        </row>
        <row r="156">
          <cell r="A156" t="str">
            <v>FranceEPL3D</v>
          </cell>
          <cell r="B156" t="str">
            <v>France</v>
          </cell>
          <cell r="C156" t="str">
            <v>EPL3D</v>
          </cell>
          <cell r="D156" t="str">
            <v>Possibility of reinstatement following unfair dismissal</v>
          </cell>
          <cell r="E156" t="str">
            <v>The option of  reinstatement is only available to the employee in case of null dismissal (discrimination cases...).</v>
          </cell>
          <cell r="F156" t="str">
            <v>L’option de réintégration n’est disponible au salarié qu’en cas de  licenciement déclaré nul pour cause de discrimination.</v>
          </cell>
          <cell r="G156">
            <v>0</v>
          </cell>
          <cell r="J156">
            <v>0</v>
          </cell>
          <cell r="M156">
            <v>0</v>
          </cell>
          <cell r="P156">
            <v>0</v>
          </cell>
        </row>
        <row r="157">
          <cell r="A157" t="str">
            <v>FranceEPL3E</v>
          </cell>
          <cell r="B157" t="str">
            <v>France</v>
          </cell>
          <cell r="C157" t="str">
            <v>EPL3E</v>
          </cell>
          <cell r="D157" t="str">
            <v>Max time for claim</v>
          </cell>
          <cell r="F157" t="str">
            <v>Le délai est de 12 mois en cas de licenciement pour motif économique. Pour tout autre motif, le délai de prescription civile s’applique.</v>
          </cell>
          <cell r="J157">
            <v>12</v>
          </cell>
          <cell r="P157">
            <v>5</v>
          </cell>
        </row>
        <row r="158">
          <cell r="A158" t="str">
            <v>FranceFT1</v>
          </cell>
          <cell r="B158" t="str">
            <v>France</v>
          </cell>
          <cell r="C158" t="str">
            <v>FT1</v>
          </cell>
          <cell r="D158" t="str">
            <v>Valid cases for use of fixed-term contracts, other than  “objective”  or “material” situationc</v>
          </cell>
          <cell r="E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F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G158">
            <v>1</v>
          </cell>
          <cell r="J158">
            <v>1</v>
          </cell>
          <cell r="M158">
            <v>4</v>
          </cell>
          <cell r="P158">
            <v>4</v>
          </cell>
        </row>
        <row r="159">
          <cell r="A159" t="str">
            <v>FranceFT2</v>
          </cell>
          <cell r="B159" t="str">
            <v>France</v>
          </cell>
          <cell r="C159" t="str">
            <v>FT2</v>
          </cell>
          <cell r="D159" t="str">
            <v>Maximum number of successive fixed-term contractsd</v>
          </cell>
          <cell r="E159" t="str">
            <v>Nombre estimé : 2
Pas de limite précisée, mais un nouveau CDD sur le même poste ne peut débuter qu’après un délai correspondant à un tiers de la durée du contrat initial.</v>
          </cell>
          <cell r="F159" t="str">
            <v>Nombre estimé : 2
Pas de limite précisée, mais un nouveau CDD sur le même poste ne peut débuter qu’après un délai correspondant à un tiers de la durée du contrat initial.</v>
          </cell>
          <cell r="G159">
            <v>2</v>
          </cell>
          <cell r="J159">
            <v>2</v>
          </cell>
          <cell r="M159">
            <v>4</v>
          </cell>
          <cell r="P159">
            <v>4</v>
          </cell>
        </row>
        <row r="160">
          <cell r="A160" t="str">
            <v>FranceFT3</v>
          </cell>
          <cell r="B160" t="str">
            <v>France</v>
          </cell>
          <cell r="C160" t="str">
            <v>FT3</v>
          </cell>
          <cell r="D160" t="str">
            <v>Maximum cumulated duration of successive fixed-term contracts</v>
          </cell>
          <cell r="E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F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G160">
            <v>18</v>
          </cell>
          <cell r="J160">
            <v>18</v>
          </cell>
          <cell r="M160">
            <v>4</v>
          </cell>
          <cell r="P160">
            <v>4</v>
          </cell>
        </row>
        <row r="161">
          <cell r="A161" t="str">
            <v>FranceTWA1</v>
          </cell>
          <cell r="B161" t="str">
            <v>France</v>
          </cell>
          <cell r="C161" t="str">
            <v>TWA1</v>
          </cell>
          <cell r="D161" t="str">
            <v>Types of work for which TWA employment is legal</v>
          </cell>
          <cell r="E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F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G161">
            <v>2</v>
          </cell>
          <cell r="J161">
            <v>2</v>
          </cell>
          <cell r="M161">
            <v>3</v>
          </cell>
          <cell r="P161">
            <v>3</v>
          </cell>
        </row>
        <row r="162">
          <cell r="A162" t="str">
            <v>FranceTWA2</v>
          </cell>
          <cell r="B162" t="str">
            <v>France</v>
          </cell>
          <cell r="C162" t="str">
            <v>TWA2</v>
          </cell>
          <cell r="D162" t="str">
            <v>Are there any restrictions on the number of renewals of a TWA contract?</v>
          </cell>
          <cell r="E162" t="str">
            <v>Oui. Un nouveau contrat sur le même poste ne peut débuter qu’après un délai correspondant à un tiers de la durée du contrat initial.</v>
          </cell>
          <cell r="F162" t="str">
            <v>Oui. Un nouveau contrat sur le même poste ne peut débuter qu’après un délai correspondant à un tiers de la durée du contrat initial.</v>
          </cell>
          <cell r="G162" t="str">
            <v>Yes</v>
          </cell>
          <cell r="J162" t="str">
            <v>Yes</v>
          </cell>
          <cell r="M162">
            <v>4</v>
          </cell>
          <cell r="P162">
            <v>4</v>
          </cell>
        </row>
        <row r="163">
          <cell r="A163" t="str">
            <v>FranceTWA3</v>
          </cell>
          <cell r="B163" t="str">
            <v>France</v>
          </cell>
          <cell r="C163" t="str">
            <v>TWA3</v>
          </cell>
          <cell r="D163" t="str">
            <v>Maximum cumulated duration of temporary work contractse</v>
          </cell>
          <cell r="E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F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G163">
            <v>18</v>
          </cell>
          <cell r="J163">
            <v>18</v>
          </cell>
          <cell r="M163">
            <v>3</v>
          </cell>
          <cell r="P163">
            <v>3</v>
          </cell>
        </row>
        <row r="164">
          <cell r="A164" t="str">
            <v>FranceTWA4</v>
          </cell>
          <cell r="B164" t="str">
            <v>France</v>
          </cell>
          <cell r="C164" t="str">
            <v>TWA4</v>
          </cell>
          <cell r="D164" t="str">
            <v>Authorisation and reporting obligations</v>
          </cell>
          <cell r="F164" t="str">
            <v>Nécessite une autorisation administrative spéciale</v>
          </cell>
          <cell r="J164">
            <v>1</v>
          </cell>
          <cell r="P164">
            <v>2</v>
          </cell>
        </row>
        <row r="165">
          <cell r="A165" t="str">
            <v>FranceTWA5</v>
          </cell>
          <cell r="B165" t="str">
            <v>France</v>
          </cell>
          <cell r="C165" t="str">
            <v>TWA5</v>
          </cell>
          <cell r="D165" t="str">
            <v>Equal treatment of TWA workers</v>
          </cell>
          <cell r="F165" t="str">
            <v xml:space="preserve">Égalité de traitement pour la rémunération et pour les autres conditions de travail </v>
          </cell>
          <cell r="J165">
            <v>2</v>
          </cell>
          <cell r="P165">
            <v>6</v>
          </cell>
        </row>
        <row r="166">
          <cell r="A166" t="str">
            <v>FranceCD1</v>
          </cell>
          <cell r="B166" t="str">
            <v>France</v>
          </cell>
          <cell r="C166" t="str">
            <v>CD1</v>
          </cell>
          <cell r="D166" t="str">
            <v>Definition of collective dismissal</v>
          </cell>
          <cell r="E166" t="str">
            <v>Le code du travail français ne donne pas de définition du licenciement collectif mais à partir 10 licenciements ou plus dans une période de 30 jours, les obligations à respecter sont significativement plus importantes.</v>
          </cell>
          <cell r="F166" t="str">
            <v>Le code du travail français ne donne pas de définition du licenciement collectif mais à partir 10 licenciements ou plus dans une période de 30 jours, les obligations à respecter sont significativement plus importantes.</v>
          </cell>
          <cell r="G166">
            <v>3</v>
          </cell>
          <cell r="J166">
            <v>3</v>
          </cell>
          <cell r="M166">
            <v>4.5</v>
          </cell>
          <cell r="P166">
            <v>4.5</v>
          </cell>
        </row>
        <row r="167">
          <cell r="A167" t="str">
            <v>FranceCD2</v>
          </cell>
          <cell r="B167" t="str">
            <v>France</v>
          </cell>
          <cell r="C167" t="str">
            <v>CD2</v>
          </cell>
          <cell r="D167" t="str">
            <v>Additional notification requirements in case of collective dismissals</v>
          </cell>
          <cell r="E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F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G167">
            <v>0</v>
          </cell>
          <cell r="J167">
            <v>0</v>
          </cell>
          <cell r="M167">
            <v>0</v>
          </cell>
          <cell r="P167">
            <v>0</v>
          </cell>
        </row>
        <row r="168">
          <cell r="A168" t="str">
            <v>FranceCD3</v>
          </cell>
          <cell r="B168" t="str">
            <v>France</v>
          </cell>
          <cell r="C168" t="str">
            <v>CD3</v>
          </cell>
          <cell r="D168" t="str">
            <v>Additional delays involved in case of collective dismissals</v>
          </cell>
          <cell r="E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F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5.5 days for individual redundancies</v>
          </cell>
          <cell r="G168">
            <v>20</v>
          </cell>
          <cell r="J168">
            <v>21</v>
          </cell>
          <cell r="M168">
            <v>1</v>
          </cell>
          <cell r="P168">
            <v>1</v>
          </cell>
        </row>
        <row r="169">
          <cell r="A169" t="str">
            <v>FranceCD4</v>
          </cell>
          <cell r="B169" t="str">
            <v>France</v>
          </cell>
          <cell r="C169" t="str">
            <v>CD4</v>
          </cell>
          <cell r="D169" t="str">
            <v>Other special costs to employers in case of collective dismissals</v>
          </cell>
          <cell r="E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F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G169">
            <v>1</v>
          </cell>
          <cell r="J169">
            <v>1</v>
          </cell>
          <cell r="M169">
            <v>3</v>
          </cell>
          <cell r="P169">
            <v>3</v>
          </cell>
        </row>
        <row r="170">
          <cell r="A170" t="str">
            <v>GermanyEPL1A</v>
          </cell>
          <cell r="B170" t="str">
            <v>Germany</v>
          </cell>
          <cell r="C170" t="str">
            <v>EPL1A</v>
          </cell>
          <cell r="D170" t="str">
            <v>Notification proceduresa</v>
          </cell>
          <cell r="E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F17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G170">
            <v>2.5</v>
          </cell>
          <cell r="J170">
            <v>2.5</v>
          </cell>
          <cell r="M170">
            <v>5</v>
          </cell>
          <cell r="P170">
            <v>5</v>
          </cell>
        </row>
        <row r="171">
          <cell r="A171" t="str">
            <v>GermanyEPL1B</v>
          </cell>
          <cell r="B171" t="str">
            <v>Germany</v>
          </cell>
          <cell r="C171" t="str">
            <v>EPL1B</v>
          </cell>
          <cell r="D171" t="str">
            <v>Delay before notice can starta</v>
          </cell>
          <cell r="E171" t="str">
            <v>After notification, maximum 7 days for Works Council to object to dismissal.  Notice can then be served, specifying the 1st or 15th of the month. Calculation: 15 (1+7+7)</v>
          </cell>
          <cell r="F171" t="str">
            <v>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for 1st/15th of month)</v>
          </cell>
          <cell r="G171">
            <v>15</v>
          </cell>
          <cell r="J171">
            <v>16</v>
          </cell>
          <cell r="M171">
            <v>2</v>
          </cell>
          <cell r="P171">
            <v>2</v>
          </cell>
        </row>
        <row r="172">
          <cell r="A172" t="str">
            <v>GermanyEPL2A1, EPL2A2, EPL2A3</v>
          </cell>
          <cell r="B172" t="str">
            <v>Germany</v>
          </cell>
          <cell r="C172" t="str">
            <v>EPL2A1, EPL2A2, EPL2A3</v>
          </cell>
          <cell r="D172" t="str">
            <v>Notice / tenurea</v>
          </cell>
          <cell r="E172" t="str">
            <v>All workers: 2w in trial period, 4w&lt;2y, 1m&lt;5y, 2m&lt;8y, 3m&lt;10y, 4m&lt;12y, 5m&lt;15y, 6m&lt;20y, 7m&gt;20y. (Notice periods &gt;4w only apply to workers above 25 years of age.)
9 months tenure: 4 weeks, 4 years tenure: 1 month, 20 years tenure: 7 months.</v>
          </cell>
          <cell r="F172" t="str">
            <v>All workers: 2w in trial period, 4w&lt;2y, 1m&lt;5y, 2m&lt;8y, 3m&lt;10y, 4m&lt;12y, 5m&lt;15y, 6m&lt;20y, 7m&gt;20y. (Notice periods &gt;4w only apply to workers above 25 years of age.)
9 months tenure: 4 weeks, 4 years tenure: 1 month, 20 years tenure: 7 months.</v>
          </cell>
          <cell r="G172">
            <v>1</v>
          </cell>
          <cell r="H172">
            <v>1</v>
          </cell>
          <cell r="I172">
            <v>7</v>
          </cell>
          <cell r="J172">
            <v>1</v>
          </cell>
          <cell r="K172">
            <v>1</v>
          </cell>
          <cell r="L172">
            <v>7</v>
          </cell>
          <cell r="M172">
            <v>3</v>
          </cell>
          <cell r="N172">
            <v>2</v>
          </cell>
          <cell r="O172">
            <v>4</v>
          </cell>
          <cell r="P172">
            <v>3</v>
          </cell>
          <cell r="Q172">
            <v>2</v>
          </cell>
          <cell r="R172">
            <v>4</v>
          </cell>
        </row>
        <row r="173">
          <cell r="A173" t="str">
            <v>GermanyEPL2B1, EPL2B2, EPL2B3</v>
          </cell>
          <cell r="B173" t="str">
            <v>Germany</v>
          </cell>
          <cell r="C173" t="str">
            <v>EPL2B1, EPL2B2, EPL2B3</v>
          </cell>
          <cell r="D173" t="str">
            <v>Severance pay / tenurea</v>
          </cell>
          <cell r="E173" t="str">
            <v>All workers: No legal entitlement, but can be included in collective and individual agreements and social compensation plans.</v>
          </cell>
          <cell r="F173" t="str">
            <v xml:space="preserve">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9 months tenure: 3/8 months; 4 years tenure: 2 months; 20 years tenure: 10 months). </v>
          </cell>
          <cell r="G173">
            <v>0</v>
          </cell>
          <cell r="H173">
            <v>0</v>
          </cell>
          <cell r="I173">
            <v>0</v>
          </cell>
          <cell r="J173">
            <v>0.1875</v>
          </cell>
          <cell r="K173">
            <v>1</v>
          </cell>
          <cell r="L173">
            <v>5</v>
          </cell>
          <cell r="M173">
            <v>0</v>
          </cell>
          <cell r="N173">
            <v>0</v>
          </cell>
          <cell r="O173">
            <v>0</v>
          </cell>
          <cell r="P173">
            <v>1</v>
          </cell>
          <cell r="Q173">
            <v>2</v>
          </cell>
          <cell r="R173">
            <v>2</v>
          </cell>
        </row>
        <row r="174">
          <cell r="A174" t="str">
            <v>GermanyEPL3A</v>
          </cell>
          <cell r="B174" t="str">
            <v>Germany</v>
          </cell>
          <cell r="C174" t="str">
            <v>EPL3A</v>
          </cell>
          <cell r="D174" t="str">
            <v>Definition of justified or unfair dismissal</v>
          </cell>
          <cell r="E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F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v>
          </cell>
          <cell r="G174">
            <v>2</v>
          </cell>
          <cell r="J174">
            <v>2</v>
          </cell>
          <cell r="M174">
            <v>4</v>
          </cell>
          <cell r="P174">
            <v>4</v>
          </cell>
        </row>
        <row r="175">
          <cell r="A175" t="str">
            <v>GermanyEPL3B</v>
          </cell>
          <cell r="B175" t="str">
            <v>Germany</v>
          </cell>
          <cell r="C175" t="str">
            <v>EPL3B</v>
          </cell>
          <cell r="D175" t="str">
            <v>Trial period</v>
          </cell>
          <cell r="E175" t="str">
            <v>6 months (all workers)</v>
          </cell>
          <cell r="F175" t="str">
            <v>6 months (all workers)</v>
          </cell>
          <cell r="G175">
            <v>6</v>
          </cell>
          <cell r="J175">
            <v>6</v>
          </cell>
          <cell r="M175">
            <v>3</v>
          </cell>
          <cell r="P175">
            <v>3</v>
          </cell>
        </row>
        <row r="176">
          <cell r="A176" t="str">
            <v>GermanyEPL3C</v>
          </cell>
          <cell r="B176" t="str">
            <v>Germany</v>
          </cell>
          <cell r="C176" t="str">
            <v>EPL3C</v>
          </cell>
          <cell r="D176" t="str">
            <v>compensation following unfair dismissalb</v>
          </cell>
          <cell r="E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F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G176">
            <v>18</v>
          </cell>
          <cell r="J176">
            <v>18</v>
          </cell>
          <cell r="M176">
            <v>3</v>
          </cell>
          <cell r="P176">
            <v>3</v>
          </cell>
        </row>
        <row r="177">
          <cell r="A177" t="str">
            <v>GermanyEPL3D</v>
          </cell>
          <cell r="B177" t="str">
            <v>Germany</v>
          </cell>
          <cell r="C177" t="str">
            <v>EPL3D</v>
          </cell>
          <cell r="D177" t="str">
            <v>Possibility of reinstatement following unfair dismissal</v>
          </cell>
          <cell r="E177" t="str">
            <v>A reinstatement order is possible, although rarely taken up by the employee concerned.</v>
          </cell>
          <cell r="F177" t="str">
            <v>A reinstatement order is possible, although rarely taken up by the employee concerned.</v>
          </cell>
          <cell r="G177">
            <v>1.5</v>
          </cell>
          <cell r="J177">
            <v>1.5</v>
          </cell>
          <cell r="M177">
            <v>3</v>
          </cell>
          <cell r="P177">
            <v>3</v>
          </cell>
        </row>
        <row r="178">
          <cell r="A178" t="str">
            <v>GermanyEPL3E</v>
          </cell>
          <cell r="B178" t="str">
            <v>Germany</v>
          </cell>
          <cell r="C178" t="str">
            <v>EPL3E</v>
          </cell>
          <cell r="D178" t="str">
            <v>Max time for claim</v>
          </cell>
          <cell r="E178" t="str">
            <v>-</v>
          </cell>
          <cell r="F178" t="str">
            <v>3 weeks</v>
          </cell>
          <cell r="J178">
            <v>0.75</v>
          </cell>
          <cell r="P178">
            <v>1</v>
          </cell>
        </row>
        <row r="179">
          <cell r="A179" t="str">
            <v>GermanyFT1</v>
          </cell>
          <cell r="B179" t="str">
            <v>Germany</v>
          </cell>
          <cell r="C179" t="str">
            <v>FT1</v>
          </cell>
          <cell r="D179" t="str">
            <v>Valid cases for use of fixed-term contracts, other than  “objective”  or “material” situationc</v>
          </cell>
          <cell r="E179" t="str">
            <v xml:space="preserve">Fixed-term contracts without specifying an objective reason are possible up to 2 years. Exception: with employees over 52 years of age fixed-term contracts are possible without any restrictions.  </v>
          </cell>
          <cell r="F17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G179">
            <v>3</v>
          </cell>
          <cell r="J179">
            <v>3</v>
          </cell>
          <cell r="M179">
            <v>0</v>
          </cell>
          <cell r="P179">
            <v>0</v>
          </cell>
        </row>
        <row r="180">
          <cell r="A180" t="str">
            <v>GermanyFT2</v>
          </cell>
          <cell r="B180" t="str">
            <v>Germany</v>
          </cell>
          <cell r="C180" t="str">
            <v>FT2</v>
          </cell>
          <cell r="D180" t="str">
            <v>Maximum number of successive fixed-term contractsd</v>
          </cell>
          <cell r="E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F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G180">
            <v>4</v>
          </cell>
          <cell r="J180">
            <v>4</v>
          </cell>
          <cell r="M180">
            <v>2</v>
          </cell>
          <cell r="P180">
            <v>2</v>
          </cell>
        </row>
        <row r="181">
          <cell r="A181" t="str">
            <v>GermanyFT3</v>
          </cell>
          <cell r="B181" t="str">
            <v>Germany</v>
          </cell>
          <cell r="C181" t="str">
            <v>FT3</v>
          </cell>
          <cell r="D181" t="str">
            <v>Maximum cumulated duration of successive fixed-term contracts</v>
          </cell>
          <cell r="E181" t="str">
            <v>24 months (No legal limit in case of objective reason)</v>
          </cell>
          <cell r="F181" t="str">
            <v>24 months (No legal limit in case of objective reason). Exceptions: launching a new business: 48 months, older unemployed (see above): 60 months</v>
          </cell>
          <cell r="G181">
            <v>24</v>
          </cell>
          <cell r="J181">
            <v>36</v>
          </cell>
          <cell r="M181">
            <v>3</v>
          </cell>
          <cell r="P181">
            <v>1</v>
          </cell>
        </row>
        <row r="182">
          <cell r="A182" t="str">
            <v>GermanyTWA1</v>
          </cell>
          <cell r="B182" t="str">
            <v>Germany</v>
          </cell>
          <cell r="C182" t="str">
            <v>TWA1</v>
          </cell>
          <cell r="D182" t="str">
            <v>Types of work for which TWA employment is legal</v>
          </cell>
          <cell r="E182" t="str">
            <v xml:space="preserve">General, with exception of construction industry </v>
          </cell>
          <cell r="F182" t="str">
            <v xml:space="preserve">General, with exception of construction industry </v>
          </cell>
          <cell r="G182">
            <v>3</v>
          </cell>
          <cell r="J182">
            <v>3</v>
          </cell>
          <cell r="M182">
            <v>1.5</v>
          </cell>
          <cell r="P182">
            <v>1.5</v>
          </cell>
        </row>
        <row r="183">
          <cell r="A183" t="str">
            <v>GermanyTWA2</v>
          </cell>
          <cell r="B183" t="str">
            <v>Germany</v>
          </cell>
          <cell r="C183" t="str">
            <v>TWA2</v>
          </cell>
          <cell r="D183" t="str">
            <v>Are there any restrictions on the number of renewals of a TWA contract?</v>
          </cell>
          <cell r="E183" t="str">
            <v>Yes (see fixed term contracts - item 10)</v>
          </cell>
          <cell r="F183" t="str">
            <v>Yes (see fixed term contracts - item 10)</v>
          </cell>
          <cell r="G183" t="str">
            <v>Yes</v>
          </cell>
          <cell r="J183" t="str">
            <v>Yes</v>
          </cell>
          <cell r="M183">
            <v>4</v>
          </cell>
          <cell r="P183">
            <v>4</v>
          </cell>
        </row>
        <row r="184">
          <cell r="A184" t="str">
            <v>GermanyTWA3</v>
          </cell>
          <cell r="B184" t="str">
            <v>Germany</v>
          </cell>
          <cell r="C184" t="str">
            <v>TWA3</v>
          </cell>
          <cell r="D184" t="str">
            <v>Maximum cumulated duration of temporary work contractse</v>
          </cell>
          <cell r="E184" t="str">
            <v>24 months - from 1.1.2004 no limit (used no limit)</v>
          </cell>
          <cell r="F184" t="str">
            <v>No limit</v>
          </cell>
          <cell r="G184">
            <v>100</v>
          </cell>
          <cell r="J184">
            <v>100</v>
          </cell>
          <cell r="M184">
            <v>0</v>
          </cell>
          <cell r="P184">
            <v>0</v>
          </cell>
        </row>
        <row r="185">
          <cell r="A185" t="str">
            <v>GermanyTWA4</v>
          </cell>
          <cell r="B185" t="str">
            <v>Germany</v>
          </cell>
          <cell r="C185" t="str">
            <v>TWA4</v>
          </cell>
          <cell r="D185" t="str">
            <v>Authorisation and reporting obligations</v>
          </cell>
          <cell r="E185" t="str">
            <v>-</v>
          </cell>
          <cell r="F185" t="str">
            <v>TWA needs permission by labour authority and needs to report</v>
          </cell>
          <cell r="J185">
            <v>3</v>
          </cell>
          <cell r="P185">
            <v>6</v>
          </cell>
        </row>
        <row r="186">
          <cell r="A186" t="str">
            <v>GermanyTWA5</v>
          </cell>
          <cell r="B186" t="str">
            <v>Germany</v>
          </cell>
          <cell r="C186" t="str">
            <v>TWA5</v>
          </cell>
          <cell r="D186" t="str">
            <v>Equal treatment of TWA workers</v>
          </cell>
          <cell r="E186" t="str">
            <v>-</v>
          </cell>
          <cell r="F186" t="str">
            <v>Equal treatment on pay and conditions, but the principle of equal treatment can be waited as fas as the employees are protected by applicable collective agreements in the TWA sector.</v>
          </cell>
          <cell r="J186">
            <v>2</v>
          </cell>
          <cell r="P186">
            <v>6</v>
          </cell>
        </row>
        <row r="187">
          <cell r="A187" t="str">
            <v>GermanyCD1</v>
          </cell>
          <cell r="B187" t="str">
            <v>Germany</v>
          </cell>
          <cell r="C187" t="str">
            <v>CD1</v>
          </cell>
          <cell r="D187" t="str">
            <v>Definition of collective dismissal</v>
          </cell>
          <cell r="E187" t="str">
            <v>Within 30 days, &gt;5 workers in firms 21-59 employees; 10% or &gt; 25 workers in firms 60-499; &gt;30 workers in firms &gt; 500 employees.</v>
          </cell>
          <cell r="F187" t="str">
            <v>Within 30 days, &gt;5 dimissals in firms 21-59 employees; 10% or &gt; 25 dismissals in firms 60-499; &gt;30 dismissals in firms &gt; 500 employees.</v>
          </cell>
          <cell r="G187">
            <v>4</v>
          </cell>
          <cell r="J187">
            <v>4</v>
          </cell>
          <cell r="M187">
            <v>6</v>
          </cell>
          <cell r="P187">
            <v>6</v>
          </cell>
        </row>
        <row r="188">
          <cell r="A188" t="str">
            <v>GermanyCD2</v>
          </cell>
          <cell r="B188" t="str">
            <v>Germany</v>
          </cell>
          <cell r="C188" t="str">
            <v>CD2</v>
          </cell>
          <cell r="D188" t="str">
            <v>Additional notification requirements in case of collective dismissals</v>
          </cell>
          <cell r="E188" t="str">
            <v>Notification of employee representatives: Consultation with Works Council. Notification of public authorities: Notification of local employment office.</v>
          </cell>
          <cell r="F188" t="str">
            <v>Notification of employee representatives: Consultation with Works Council. Notification of public authorities: Notification of local employment office.</v>
          </cell>
          <cell r="G188">
            <v>1</v>
          </cell>
          <cell r="J188">
            <v>1</v>
          </cell>
          <cell r="M188">
            <v>3</v>
          </cell>
          <cell r="P188">
            <v>3</v>
          </cell>
        </row>
        <row r="189">
          <cell r="A189" t="str">
            <v>GermanyCD3</v>
          </cell>
          <cell r="B189" t="str">
            <v>Germany</v>
          </cell>
          <cell r="C189" t="str">
            <v>CD3</v>
          </cell>
          <cell r="D189" t="str">
            <v>Additional delays involved in case of collective dismissals</v>
          </cell>
          <cell r="E189" t="str">
            <v>1 month delay after notice to PES, can be extended to two months.</v>
          </cell>
          <cell r="F189" t="str">
            <v>1 month delay after notice to PES, can be extended to two months.</v>
          </cell>
          <cell r="G189">
            <v>30</v>
          </cell>
          <cell r="J189">
            <v>30</v>
          </cell>
          <cell r="M189">
            <v>3</v>
          </cell>
          <cell r="P189">
            <v>3</v>
          </cell>
        </row>
        <row r="190">
          <cell r="A190" t="str">
            <v>GermanyCD4</v>
          </cell>
          <cell r="B190" t="str">
            <v>Germany</v>
          </cell>
          <cell r="C190" t="str">
            <v>CD4</v>
          </cell>
          <cell r="D190" t="str">
            <v>Other special costs to employers in case of collective dismissals</v>
          </cell>
          <cell r="E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F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G190">
            <v>1</v>
          </cell>
          <cell r="J190">
            <v>1</v>
          </cell>
          <cell r="M190">
            <v>3</v>
          </cell>
          <cell r="P190">
            <v>3</v>
          </cell>
        </row>
        <row r="191">
          <cell r="A191" t="str">
            <v>GreeceEPL1A</v>
          </cell>
          <cell r="B191" t="str">
            <v>Greece</v>
          </cell>
          <cell r="C191" t="str">
            <v>EPL1A</v>
          </cell>
          <cell r="D191" t="str">
            <v>Notification proceduresa</v>
          </cell>
          <cell r="E191" t="str">
            <v>Written notice to employee, plus additional notification to OAED local office (public employment service).  Previous warning in case of dismissal for poor performance may be advisable.</v>
          </cell>
          <cell r="F191" t="str">
            <v>Written notice to employee, plus additional notification to OAED local office (public employment service).  Previous warning in case of dismissal for poor performance may be advisable.</v>
          </cell>
          <cell r="G191">
            <v>2</v>
          </cell>
          <cell r="J191">
            <v>2</v>
          </cell>
          <cell r="M191">
            <v>4</v>
          </cell>
          <cell r="P191">
            <v>4</v>
          </cell>
        </row>
        <row r="192">
          <cell r="A192" t="str">
            <v>GreeceEPL1B</v>
          </cell>
          <cell r="B192" t="str">
            <v>Greece</v>
          </cell>
          <cell r="C192" t="str">
            <v>EPL1B</v>
          </cell>
          <cell r="D192" t="str">
            <v>Delay before notice can starta</v>
          </cell>
          <cell r="E192" t="str">
            <v>Letter sent by mail or handed directly to employee.</v>
          </cell>
          <cell r="F192" t="str">
            <v>Letter sent by mail or handed directly to employee.</v>
          </cell>
          <cell r="G192">
            <v>1</v>
          </cell>
          <cell r="J192">
            <v>1</v>
          </cell>
          <cell r="M192">
            <v>0</v>
          </cell>
          <cell r="P192">
            <v>0</v>
          </cell>
        </row>
        <row r="193">
          <cell r="A193" t="str">
            <v>GreeceEPL2A1, EPL2A2, EPL2A3</v>
          </cell>
          <cell r="B193" t="str">
            <v>Greece</v>
          </cell>
          <cell r="C193" t="str">
            <v>EPL2A1, EPL2A2, EPL2A3</v>
          </cell>
          <cell r="D193" t="str">
            <v>Notice / tenurea</v>
          </cell>
          <cell r="E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F19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G193">
            <v>0.5</v>
          </cell>
          <cell r="H193">
            <v>1.5</v>
          </cell>
          <cell r="I193">
            <v>8</v>
          </cell>
          <cell r="J193">
            <v>0.5</v>
          </cell>
          <cell r="K193">
            <v>1.5</v>
          </cell>
          <cell r="L193">
            <v>8</v>
          </cell>
          <cell r="M193">
            <v>2</v>
          </cell>
          <cell r="N193">
            <v>3</v>
          </cell>
          <cell r="O193">
            <v>4</v>
          </cell>
          <cell r="P193">
            <v>2</v>
          </cell>
          <cell r="Q193">
            <v>3</v>
          </cell>
          <cell r="R193">
            <v>4</v>
          </cell>
        </row>
        <row r="194">
          <cell r="A194" t="str">
            <v>GreeceEPL2B1, EPL2B2, EPL2B3</v>
          </cell>
          <cell r="B194" t="str">
            <v>Greece</v>
          </cell>
          <cell r="C194" t="str">
            <v>EPL2B1, EPL2B2, EPL2B3</v>
          </cell>
          <cell r="D194" t="str">
            <v>Severance pay / tenurea</v>
          </cell>
          <cell r="E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F19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G194">
            <v>0.3</v>
          </cell>
          <cell r="H194">
            <v>1</v>
          </cell>
          <cell r="I194">
            <v>5.9</v>
          </cell>
          <cell r="J194">
            <v>0.3</v>
          </cell>
          <cell r="K194">
            <v>1</v>
          </cell>
          <cell r="L194">
            <v>6</v>
          </cell>
          <cell r="M194">
            <v>1</v>
          </cell>
          <cell r="N194">
            <v>2</v>
          </cell>
          <cell r="O194">
            <v>2</v>
          </cell>
          <cell r="P194">
            <v>1</v>
          </cell>
          <cell r="Q194">
            <v>2</v>
          </cell>
          <cell r="R194">
            <v>2</v>
          </cell>
        </row>
        <row r="195">
          <cell r="A195" t="str">
            <v>GreeceEPL3A</v>
          </cell>
          <cell r="B195" t="str">
            <v>Greece</v>
          </cell>
          <cell r="C195" t="str">
            <v>EPL3A</v>
          </cell>
          <cell r="D195" t="str">
            <v>Definition of justified or unfair dismissal</v>
          </cell>
          <cell r="E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F195" t="str">
            <v>The termination of an employment contracts according to Greek law is a unilateral, non-causative legal act, except for those cases stipulated otherwise by law (e.g. dismissal of employee representatives, recent mothers, or for reasons of pregnancy or discrimination). The definition of fair or unfair (abusive) dismissal is based on case law. Generally, dismissals for non-performance of business needs are considered fair. In larger companies, dismissals have to be a "last resort" possibly only after exhaustion of oral and written warnings, pay reductions and suspensions, and after consultation with employer representatives.</v>
          </cell>
          <cell r="G195">
            <v>0.5</v>
          </cell>
          <cell r="J195">
            <v>0.5</v>
          </cell>
          <cell r="M195">
            <v>1</v>
          </cell>
          <cell r="P195">
            <v>1</v>
          </cell>
        </row>
        <row r="196">
          <cell r="A196" t="str">
            <v>GreeceEPL3B</v>
          </cell>
          <cell r="B196" t="str">
            <v>Greece</v>
          </cell>
          <cell r="C196" t="str">
            <v>EPL3B</v>
          </cell>
          <cell r="D196" t="str">
            <v>Trial period</v>
          </cell>
          <cell r="E196" t="str">
            <v xml:space="preserve"> 2 months </v>
          </cell>
          <cell r="F196" t="str">
            <v xml:space="preserve"> 2 months </v>
          </cell>
          <cell r="G196">
            <v>2</v>
          </cell>
          <cell r="J196">
            <v>2</v>
          </cell>
          <cell r="M196">
            <v>5</v>
          </cell>
          <cell r="P196">
            <v>5</v>
          </cell>
        </row>
        <row r="197">
          <cell r="A197" t="str">
            <v>GreeceEPL3C</v>
          </cell>
          <cell r="B197" t="str">
            <v>Greece</v>
          </cell>
          <cell r="C197" t="str">
            <v>EPL3C</v>
          </cell>
          <cell r="D197" t="str">
            <v>compensation following unfair dismissalb</v>
          </cell>
          <cell r="E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F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6 months of backpay
Calculation: doesn't include severance pay; backpay calculated based on assumption that case lasts 6 months</v>
          </cell>
          <cell r="G197">
            <v>6</v>
          </cell>
          <cell r="J197">
            <v>6</v>
          </cell>
          <cell r="M197">
            <v>1</v>
          </cell>
          <cell r="P197">
            <v>1</v>
          </cell>
        </row>
        <row r="198">
          <cell r="A198" t="str">
            <v>GreeceEPL3D</v>
          </cell>
          <cell r="B198" t="str">
            <v>Greece</v>
          </cell>
          <cell r="C198" t="str">
            <v>EPL3D</v>
          </cell>
          <cell r="D198" t="str">
            <v>Possibility of reinstatement following unfair dismissal</v>
          </cell>
          <cell r="E198" t="str">
            <v>Frequent reinstatement orders, accompanied by indemnity for the period of time between notice of termination and court ruling.  No reinstatement, if severance pay has been requested.</v>
          </cell>
          <cell r="F198" t="str">
            <v>Frequent reinstatement orders, accompanied by indemnity for the period of time between notice of termination and court ruling.  No reinstatement, if severance pay has been requested.</v>
          </cell>
          <cell r="G198">
            <v>2</v>
          </cell>
          <cell r="J198">
            <v>2</v>
          </cell>
          <cell r="M198">
            <v>4</v>
          </cell>
          <cell r="P198">
            <v>4</v>
          </cell>
        </row>
        <row r="199">
          <cell r="A199" t="str">
            <v>GreeceEPL3E</v>
          </cell>
          <cell r="B199" t="str">
            <v>Greece</v>
          </cell>
          <cell r="C199" t="str">
            <v>EPL3E</v>
          </cell>
          <cell r="D199" t="str">
            <v>Max time for claim</v>
          </cell>
          <cell r="F199" t="str">
            <v>Three months.</v>
          </cell>
          <cell r="J199">
            <v>3</v>
          </cell>
          <cell r="P199">
            <v>2</v>
          </cell>
        </row>
        <row r="200">
          <cell r="A200" t="str">
            <v>GreeceFT1</v>
          </cell>
          <cell r="B200" t="str">
            <v>Greece</v>
          </cell>
          <cell r="C200" t="str">
            <v>FT1</v>
          </cell>
          <cell r="D200" t="str">
            <v>Valid cases for use of fixed-term contracts, other than  “objective”  or “material” situationc</v>
          </cell>
          <cell r="E200" t="str">
            <v>Objective situations only (mainly seasonal work and special projects), with the exception of the public service.</v>
          </cell>
          <cell r="F200" t="str">
            <v>Objective situations only.</v>
          </cell>
          <cell r="G200">
            <v>0</v>
          </cell>
          <cell r="J200">
            <v>0</v>
          </cell>
          <cell r="M200">
            <v>6</v>
          </cell>
          <cell r="P200">
            <v>6</v>
          </cell>
        </row>
        <row r="201">
          <cell r="A201" t="str">
            <v>GreeceFT2</v>
          </cell>
          <cell r="B201" t="str">
            <v>Greece</v>
          </cell>
          <cell r="C201" t="str">
            <v>FT2</v>
          </cell>
          <cell r="D201" t="str">
            <v>Maximum number of successive fixed-term contractsd</v>
          </cell>
          <cell r="E201" t="str">
            <v>3 Article 5 para 3 of the PD 81/2003 stipulates that after 3 renewals the contract is assumed to cover a constant need for the entreprise and consequently it is converted into a working relationship of an indefinite term.</v>
          </cell>
          <cell r="F201" t="str">
            <v>If three renewals are made within a period of two years, then the contract is assumed to cover a constant need for the enterprise and consequently it is converted into an employment contract or working relationship of an indefinite term.</v>
          </cell>
          <cell r="G201">
            <v>4</v>
          </cell>
          <cell r="J201">
            <v>4</v>
          </cell>
          <cell r="M201">
            <v>2</v>
          </cell>
          <cell r="P201">
            <v>2</v>
          </cell>
        </row>
        <row r="202">
          <cell r="A202" t="str">
            <v>GreeceFT3</v>
          </cell>
          <cell r="B202" t="str">
            <v>Greece</v>
          </cell>
          <cell r="C202" t="str">
            <v>FT3</v>
          </cell>
          <cell r="D202" t="str">
            <v>Maximum cumulated duration of successive fixed-term contracts</v>
          </cell>
          <cell r="E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F202" t="str">
            <v>If the duration of successive fixed-term contracts exceeds two years in total, then the contract is assumed to cover a constant need for the enterprise and consequently it is converted into an employment contract or working relationship of an indefinite term.</v>
          </cell>
          <cell r="G202">
            <v>24</v>
          </cell>
          <cell r="J202">
            <v>24</v>
          </cell>
          <cell r="M202">
            <v>3</v>
          </cell>
          <cell r="P202">
            <v>3</v>
          </cell>
        </row>
        <row r="203">
          <cell r="A203" t="str">
            <v>GreeceTWA1</v>
          </cell>
          <cell r="B203" t="str">
            <v>Greece</v>
          </cell>
          <cell r="C203" t="str">
            <v>TWA1</v>
          </cell>
          <cell r="D203" t="str">
            <v>Types of work for which TWA employment is legal</v>
          </cell>
          <cell r="E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F203" t="str">
            <v>The employment of TWA workers is permitted in all forms of employment.</v>
          </cell>
          <cell r="G203">
            <v>4</v>
          </cell>
          <cell r="J203">
            <v>4</v>
          </cell>
          <cell r="M203">
            <v>0</v>
          </cell>
          <cell r="P203">
            <v>0</v>
          </cell>
        </row>
        <row r="204">
          <cell r="A204" t="str">
            <v>GreeceTWA2</v>
          </cell>
          <cell r="B204" t="str">
            <v>Greece</v>
          </cell>
          <cell r="C204" t="str">
            <v>TWA2</v>
          </cell>
          <cell r="D204" t="str">
            <v>Are there any restrictions on the number of renewals of a TWA contract?</v>
          </cell>
          <cell r="E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F20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G204" t="str">
            <v>Yes</v>
          </cell>
          <cell r="J204" t="str">
            <v>Yes</v>
          </cell>
          <cell r="M204">
            <v>4</v>
          </cell>
          <cell r="P204">
            <v>4</v>
          </cell>
        </row>
        <row r="205">
          <cell r="A205" t="str">
            <v>GreeceTWA3</v>
          </cell>
          <cell r="B205" t="str">
            <v>Greece</v>
          </cell>
          <cell r="C205" t="str">
            <v>TWA3</v>
          </cell>
          <cell r="D205" t="str">
            <v>Maximum cumulated duration of temporary work contractse</v>
          </cell>
          <cell r="E205" t="str">
            <v>16 months</v>
          </cell>
          <cell r="F205" t="str">
            <v>16 months.</v>
          </cell>
          <cell r="G205">
            <v>16</v>
          </cell>
          <cell r="J205">
            <v>16</v>
          </cell>
          <cell r="M205">
            <v>4</v>
          </cell>
          <cell r="P205">
            <v>4</v>
          </cell>
        </row>
        <row r="206">
          <cell r="A206" t="str">
            <v>GreeceTWA4</v>
          </cell>
          <cell r="B206" t="str">
            <v>Greece</v>
          </cell>
          <cell r="C206" t="str">
            <v>TWA4</v>
          </cell>
          <cell r="D206" t="str">
            <v>Authorisation and reporting obligations</v>
          </cell>
          <cell r="F20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206">
            <v>3</v>
          </cell>
          <cell r="P206">
            <v>6</v>
          </cell>
        </row>
        <row r="207">
          <cell r="A207" t="str">
            <v>GreeceTWA5</v>
          </cell>
          <cell r="B207" t="str">
            <v>Greece</v>
          </cell>
          <cell r="C207" t="str">
            <v>TWA5</v>
          </cell>
          <cell r="D207" t="str">
            <v>Equal treatment of TWA workers</v>
          </cell>
          <cell r="F20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207">
            <v>1</v>
          </cell>
          <cell r="P207">
            <v>3</v>
          </cell>
        </row>
        <row r="208">
          <cell r="A208" t="str">
            <v>GreeceCD1</v>
          </cell>
          <cell r="B208" t="str">
            <v>Greece</v>
          </cell>
          <cell r="C208" t="str">
            <v>CD1</v>
          </cell>
          <cell r="D208" t="str">
            <v>Definition of collective dismissal</v>
          </cell>
          <cell r="E208" t="str">
            <v>Within a month, &gt;5 workers in firms 20-200 employees; &gt;2% or &gt;30 workers in firms &gt;=200 employees (at the beginning of the month).</v>
          </cell>
          <cell r="F208" t="str">
            <v>Within a month, &gt;4 workers in firms 20-200 employees; &gt;2% or &gt;30 workers in firms &gt;=200 employees (at the beginning of the month).</v>
          </cell>
          <cell r="G208">
            <v>4</v>
          </cell>
          <cell r="J208">
            <v>4</v>
          </cell>
          <cell r="M208">
            <v>6</v>
          </cell>
          <cell r="P208">
            <v>6</v>
          </cell>
        </row>
        <row r="209">
          <cell r="A209" t="str">
            <v>GreeceCD2</v>
          </cell>
          <cell r="B209" t="str">
            <v>Greece</v>
          </cell>
          <cell r="C209" t="str">
            <v>CD2</v>
          </cell>
          <cell r="D209" t="str">
            <v>Additional notification requirements in case of collective dismissals</v>
          </cell>
          <cell r="E209" t="str">
            <v>Notification of employee representatives: Notification of reasons to employee representatives. Notification of public authorities: Notification to Prefect and Labour Inspection, with request for approval.</v>
          </cell>
          <cell r="F209" t="str">
            <v>Notification of employee representatives: Notification of reasons to employee representatives. Notification of public authorities: Notification to Prefect and Labour Inspection, with request for approval.</v>
          </cell>
          <cell r="G209">
            <v>1</v>
          </cell>
          <cell r="J209">
            <v>1</v>
          </cell>
          <cell r="M209">
            <v>3</v>
          </cell>
          <cell r="P209">
            <v>3</v>
          </cell>
        </row>
        <row r="210">
          <cell r="A210" t="str">
            <v>GreeceCD3</v>
          </cell>
          <cell r="B210" t="str">
            <v>Greece</v>
          </cell>
          <cell r="C210" t="str">
            <v>CD3</v>
          </cell>
          <cell r="D210" t="str">
            <v>Additional delays involved in case of collective dismissals</v>
          </cell>
          <cell r="E210" t="str">
            <v>If social partners agree and Ministry approves, notice can be given after 10 days.  Ministry can extend time for negotiation by another 20 days.</v>
          </cell>
          <cell r="F210" t="str">
            <v>If social partners agree and Ministry approves, notice can be given after 10 days.  Ministry can extend time for negotiation by another 20 days.</v>
          </cell>
          <cell r="G210">
            <v>19</v>
          </cell>
          <cell r="J210">
            <v>19</v>
          </cell>
          <cell r="M210">
            <v>1</v>
          </cell>
          <cell r="P210">
            <v>1</v>
          </cell>
        </row>
        <row r="211">
          <cell r="A211" t="str">
            <v>GreeceCD4</v>
          </cell>
          <cell r="B211" t="str">
            <v>Greece</v>
          </cell>
          <cell r="C211" t="str">
            <v>CD4</v>
          </cell>
          <cell r="D211" t="str">
            <v>Other special costs to employers in case of collective dismissals</v>
          </cell>
          <cell r="E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F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G211">
            <v>1</v>
          </cell>
          <cell r="J211">
            <v>1</v>
          </cell>
          <cell r="M211">
            <v>3</v>
          </cell>
          <cell r="P211">
            <v>3</v>
          </cell>
        </row>
        <row r="212">
          <cell r="A212" t="str">
            <v>HungaryEPL1A</v>
          </cell>
          <cell r="B212" t="str">
            <v>Hungary</v>
          </cell>
          <cell r="C212" t="str">
            <v>EPL1A</v>
          </cell>
          <cell r="D212" t="str">
            <v>Notification proceduresa</v>
          </cell>
          <cell r="E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F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G212">
            <v>1</v>
          </cell>
          <cell r="J212">
            <v>1</v>
          </cell>
          <cell r="M212">
            <v>2</v>
          </cell>
          <cell r="P212">
            <v>2</v>
          </cell>
        </row>
        <row r="213">
          <cell r="A213" t="str">
            <v>HungaryEPL1B</v>
          </cell>
          <cell r="B213" t="str">
            <v>Hungary</v>
          </cell>
          <cell r="C213" t="str">
            <v>EPL1B</v>
          </cell>
          <cell r="D213" t="str">
            <v>Delay before notice can starta</v>
          </cell>
          <cell r="E213" t="str">
            <v>Advance discussion, then letter sent by mail or handed directly to employee.</v>
          </cell>
          <cell r="F213" t="str">
            <v>The notice period starts on the next day after the written notification is given to the employee. Employee shall be given an opportunity for defence against the objections raised against him/her.</v>
          </cell>
          <cell r="G213">
            <v>7</v>
          </cell>
          <cell r="J213">
            <v>7</v>
          </cell>
          <cell r="M213">
            <v>1</v>
          </cell>
          <cell r="P213">
            <v>1</v>
          </cell>
        </row>
        <row r="214">
          <cell r="A214" t="str">
            <v>HungaryEPL2A1, EPL2A2, EPL2A3</v>
          </cell>
          <cell r="B214" t="str">
            <v>Hungary</v>
          </cell>
          <cell r="C214" t="str">
            <v>EPL2A1, EPL2A2, EPL2A3</v>
          </cell>
          <cell r="D214" t="str">
            <v>Notice / tenurea</v>
          </cell>
          <cell r="E214" t="str">
            <v>All workers: 30d&lt;3y, 35d&lt;5y, going up to 90d&gt;20y.
9 months tenure: 30 days, 4 years tenure: 35 days, 20 years tenure: 90 days.</v>
          </cell>
          <cell r="F214" t="str">
            <v>All workers: 30d&lt;3y, 35d&lt;5y, going up to 90d&gt;20y.
9 months tenure: 30 days, 4 years tenure: 35 days, 20 years tenure: 90 days.</v>
          </cell>
          <cell r="G214">
            <v>1</v>
          </cell>
          <cell r="H214">
            <v>1.2</v>
          </cell>
          <cell r="I214">
            <v>3</v>
          </cell>
          <cell r="J214">
            <v>1</v>
          </cell>
          <cell r="K214">
            <v>1.2</v>
          </cell>
          <cell r="L214">
            <v>3</v>
          </cell>
          <cell r="M214">
            <v>3</v>
          </cell>
          <cell r="N214">
            <v>2</v>
          </cell>
          <cell r="O214">
            <v>2</v>
          </cell>
          <cell r="P214">
            <v>3</v>
          </cell>
          <cell r="Q214">
            <v>2</v>
          </cell>
          <cell r="R214">
            <v>2</v>
          </cell>
        </row>
        <row r="215">
          <cell r="A215" t="str">
            <v>HungaryEPL2B1, EPL2B2, EPL2B3</v>
          </cell>
          <cell r="B215" t="str">
            <v>Hungary</v>
          </cell>
          <cell r="C215" t="str">
            <v>EPL2B1, EPL2B2, EPL2B3</v>
          </cell>
          <cell r="D215" t="str">
            <v>Severance pay / tenurea</v>
          </cell>
          <cell r="E215" t="str">
            <v>All workers: 0&lt;3y, 1m&lt;5y, 2m&lt;10y, going up to 5m&gt;20y and 6m&gt;25y.
9 months tenure: 0, 4 years tenure: 1 month, 20 years tenure: 5 months.</v>
          </cell>
          <cell r="F215" t="str">
            <v>All workers: 0&lt;3y, 1m&lt;5y, 2m&lt;10y, going up to 5m&gt;20y and 6m&gt;25y.
9 months tenure: 0, 4 years tenure: 1 month, 20 years tenure: 5 months.</v>
          </cell>
          <cell r="G215">
            <v>0</v>
          </cell>
          <cell r="H215">
            <v>1</v>
          </cell>
          <cell r="I215">
            <v>5</v>
          </cell>
          <cell r="J215">
            <v>0</v>
          </cell>
          <cell r="K215">
            <v>1</v>
          </cell>
          <cell r="L215">
            <v>5</v>
          </cell>
          <cell r="M215">
            <v>0</v>
          </cell>
          <cell r="N215">
            <v>2</v>
          </cell>
          <cell r="O215">
            <v>2</v>
          </cell>
          <cell r="P215">
            <v>0</v>
          </cell>
          <cell r="Q215">
            <v>2</v>
          </cell>
          <cell r="R215">
            <v>2</v>
          </cell>
        </row>
        <row r="216">
          <cell r="A216" t="str">
            <v>HungaryEPL3A</v>
          </cell>
          <cell r="B216" t="str">
            <v>Hungary</v>
          </cell>
          <cell r="C216" t="str">
            <v>EPL3A</v>
          </cell>
          <cell r="D216" t="str">
            <v>Definition of justified or unfair dismissal</v>
          </cell>
          <cell r="E216" t="str">
            <v>Fair: Dismissals are justified for non-performance or business needs.
Unfair: Dismissals without notice and workers on sick leave, maternity leave and child care leave.</v>
          </cell>
          <cell r="F216" t="str">
            <v>A regular employment contract may be lawfully terminated: 
(a) by mutual consent of the employer and employee; 
(b) by ordinary notice (e.g. for reasons in connection with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v>
          </cell>
          <cell r="G216">
            <v>0</v>
          </cell>
          <cell r="J216">
            <v>0</v>
          </cell>
          <cell r="M216">
            <v>0</v>
          </cell>
          <cell r="P216">
            <v>0</v>
          </cell>
        </row>
        <row r="217">
          <cell r="A217" t="str">
            <v>HungaryEPL3B</v>
          </cell>
          <cell r="B217" t="str">
            <v>Hungary</v>
          </cell>
          <cell r="C217" t="str">
            <v>EPL3B</v>
          </cell>
          <cell r="D217" t="str">
            <v>Trial period</v>
          </cell>
          <cell r="E217" t="str">
            <v>maximum 3 months</v>
          </cell>
          <cell r="F217" t="str">
            <v>maximum 3 months</v>
          </cell>
          <cell r="G217">
            <v>3</v>
          </cell>
          <cell r="J217">
            <v>3</v>
          </cell>
          <cell r="M217">
            <v>4</v>
          </cell>
          <cell r="P217">
            <v>4</v>
          </cell>
        </row>
        <row r="218">
          <cell r="A218" t="str">
            <v>HungaryEPL3C</v>
          </cell>
          <cell r="B218" t="str">
            <v>Hungary</v>
          </cell>
          <cell r="C218" t="str">
            <v>EPL3C</v>
          </cell>
          <cell r="D218" t="str">
            <v>compensation following unfair dismissalb</v>
          </cell>
          <cell r="E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F218" t="str">
            <v>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G218">
            <v>10</v>
          </cell>
          <cell r="J218">
            <v>10</v>
          </cell>
          <cell r="M218">
            <v>2</v>
          </cell>
          <cell r="P218">
            <v>2</v>
          </cell>
        </row>
        <row r="219">
          <cell r="A219" t="str">
            <v>HungaryEPL3D</v>
          </cell>
          <cell r="B219" t="str">
            <v>Hungary</v>
          </cell>
          <cell r="C219" t="str">
            <v>EPL3D</v>
          </cell>
          <cell r="D219" t="str">
            <v>Possibility of reinstatement following unfair dismissal</v>
          </cell>
          <cell r="E219" t="str">
            <v>Reinstatement orders fairly frequent.</v>
          </cell>
          <cell r="F219"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G219">
            <v>2</v>
          </cell>
          <cell r="J219">
            <v>2</v>
          </cell>
          <cell r="M219">
            <v>4</v>
          </cell>
          <cell r="P219">
            <v>4</v>
          </cell>
        </row>
        <row r="220">
          <cell r="A220" t="str">
            <v>HungaryEPL3E</v>
          </cell>
          <cell r="B220" t="str">
            <v>Hungary</v>
          </cell>
          <cell r="C220" t="str">
            <v>EPL3E</v>
          </cell>
          <cell r="D220" t="str">
            <v>Max time for claim</v>
          </cell>
          <cell r="F220" t="str">
            <v>A dismissal claim may be filed within 30 days after the written notice is received.</v>
          </cell>
          <cell r="J220">
            <v>1</v>
          </cell>
          <cell r="P220">
            <v>1</v>
          </cell>
        </row>
        <row r="221">
          <cell r="A221" t="str">
            <v>HungaryFT1</v>
          </cell>
          <cell r="B221" t="str">
            <v>Hungary</v>
          </cell>
          <cell r="C221" t="str">
            <v>FT1</v>
          </cell>
          <cell r="D221" t="str">
            <v>Valid cases for use of fixed-term contracts, other than  “objective”  or “material” situationc</v>
          </cell>
          <cell r="E221" t="str">
            <v>No restrictions for the first contract, except for public service (objective reasons only).</v>
          </cell>
          <cell r="F221" t="str">
            <v>No restrictions for the first contract, except for public service (objective reasons only).</v>
          </cell>
          <cell r="G221">
            <v>2.5</v>
          </cell>
          <cell r="J221">
            <v>2.5</v>
          </cell>
          <cell r="M221">
            <v>1</v>
          </cell>
          <cell r="P221">
            <v>1</v>
          </cell>
        </row>
        <row r="222">
          <cell r="A222" t="str">
            <v>HungaryFT2</v>
          </cell>
          <cell r="B222" t="str">
            <v>Hungary</v>
          </cell>
          <cell r="C222" t="str">
            <v>FT2</v>
          </cell>
          <cell r="D222" t="str">
            <v>Maximum number of successive fixed-term contractsd</v>
          </cell>
          <cell r="E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F222" t="str">
            <v>No limit specified. Any fixed-term contract shall be deemed as indefinite if the contract is repeatedly established or extended without the employer having a legitimate reason to do so and this violates the employee's legitimate interests.
Estimated 2.5.</v>
          </cell>
          <cell r="G222">
            <v>2.5</v>
          </cell>
          <cell r="J222">
            <v>2.5</v>
          </cell>
          <cell r="M222">
            <v>4</v>
          </cell>
          <cell r="P222">
            <v>4</v>
          </cell>
        </row>
        <row r="223">
          <cell r="A223" t="str">
            <v>HungaryFT3</v>
          </cell>
          <cell r="B223" t="str">
            <v>Hungary</v>
          </cell>
          <cell r="C223" t="str">
            <v>FT3</v>
          </cell>
          <cell r="D223" t="str">
            <v>Maximum cumulated duration of successive fixed-term contracts</v>
          </cell>
          <cell r="E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F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G223">
            <v>60</v>
          </cell>
          <cell r="J223">
            <v>60</v>
          </cell>
          <cell r="M223">
            <v>1</v>
          </cell>
          <cell r="P223">
            <v>1</v>
          </cell>
        </row>
        <row r="224">
          <cell r="A224" t="str">
            <v>HungaryTWA1</v>
          </cell>
          <cell r="B224" t="str">
            <v>Hungary</v>
          </cell>
          <cell r="C224" t="str">
            <v>TWA1</v>
          </cell>
          <cell r="D224" t="str">
            <v>Types of work for which TWA employment is legal</v>
          </cell>
          <cell r="E224" t="str">
            <v>General</v>
          </cell>
          <cell r="F224"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G224">
            <v>4</v>
          </cell>
          <cell r="J224">
            <v>4</v>
          </cell>
          <cell r="M224">
            <v>0</v>
          </cell>
          <cell r="P224">
            <v>0</v>
          </cell>
        </row>
        <row r="225">
          <cell r="A225" t="str">
            <v>HungaryTWA2</v>
          </cell>
          <cell r="B225" t="str">
            <v>Hungary</v>
          </cell>
          <cell r="C225" t="str">
            <v>TWA2</v>
          </cell>
          <cell r="D225" t="str">
            <v>Are there any restrictions on the number of renewals of a TWA contract?</v>
          </cell>
          <cell r="E225" t="str">
            <v>No</v>
          </cell>
          <cell r="F225" t="str">
            <v>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v>
          </cell>
          <cell r="G225" t="str">
            <v>No</v>
          </cell>
          <cell r="J225" t="str">
            <v>Yes</v>
          </cell>
          <cell r="M225">
            <v>2</v>
          </cell>
          <cell r="P225">
            <v>4</v>
          </cell>
        </row>
        <row r="226">
          <cell r="A226" t="str">
            <v>HungaryTWA3</v>
          </cell>
          <cell r="B226" t="str">
            <v>Hungary</v>
          </cell>
          <cell r="C226" t="str">
            <v>TWA3</v>
          </cell>
          <cell r="D226" t="str">
            <v>Maximum cumulated duration of temporary work contractse</v>
          </cell>
          <cell r="E226" t="str">
            <v>No limit</v>
          </cell>
          <cell r="F226" t="str">
            <v>No limit</v>
          </cell>
          <cell r="G226">
            <v>100</v>
          </cell>
          <cell r="J226">
            <v>100</v>
          </cell>
          <cell r="M226">
            <v>0</v>
          </cell>
          <cell r="P226">
            <v>0</v>
          </cell>
        </row>
        <row r="227">
          <cell r="A227" t="str">
            <v>HungaryTWA4</v>
          </cell>
          <cell r="B227" t="str">
            <v>Hungary</v>
          </cell>
          <cell r="C227" t="str">
            <v>TWA4</v>
          </cell>
          <cell r="D227" t="str">
            <v>Authorisation and reporting obligations</v>
          </cell>
          <cell r="F227" t="str">
            <v>A temporary agency b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v>
          </cell>
          <cell r="J227">
            <v>3</v>
          </cell>
          <cell r="P227">
            <v>6</v>
          </cell>
        </row>
        <row r="228">
          <cell r="A228" t="str">
            <v>HungaryTWA5</v>
          </cell>
          <cell r="B228" t="str">
            <v>Hungary</v>
          </cell>
          <cell r="C228" t="str">
            <v>TWA5</v>
          </cell>
          <cell r="D228" t="str">
            <v>Equal treatment of TWA workers</v>
          </cell>
          <cell r="F228" t="str">
            <v>Equal treatment shall be granted for temporary agency workers from the first day of the employment, excluding wages. As regards wages, equal treatment shall be granted after 6 months employment at the same user firm.</v>
          </cell>
          <cell r="J228">
            <v>1.5</v>
          </cell>
          <cell r="P228">
            <v>4.5</v>
          </cell>
        </row>
        <row r="229">
          <cell r="A229" t="str">
            <v>HungaryCD1</v>
          </cell>
          <cell r="B229" t="str">
            <v>Hungary</v>
          </cell>
          <cell r="C229" t="str">
            <v>CD1</v>
          </cell>
          <cell r="D229" t="str">
            <v>Definition of collective dismissal</v>
          </cell>
          <cell r="E229" t="str">
            <v>10+ workers in firms 20-299 employees; &gt;10% in firms 100-299; 30+ workers in firms 300+ employees.</v>
          </cell>
          <cell r="F229" t="str">
            <v>10+ workers in firms 20-99 employees; &gt;10% in firms 100-299; 30+ workers in firms 300+ employees.</v>
          </cell>
          <cell r="G229">
            <v>3</v>
          </cell>
          <cell r="J229">
            <v>3</v>
          </cell>
          <cell r="M229">
            <v>4.5</v>
          </cell>
          <cell r="P229">
            <v>4.5</v>
          </cell>
        </row>
        <row r="230">
          <cell r="A230" t="str">
            <v>HungaryCD2</v>
          </cell>
          <cell r="B230" t="str">
            <v>Hungary</v>
          </cell>
          <cell r="C230" t="str">
            <v>CD2</v>
          </cell>
          <cell r="D230" t="str">
            <v>Additional notification requirements in case of collective dismissals</v>
          </cell>
          <cell r="E230" t="str">
            <v>Notification of employee representatives: Committee to be set up, including Works Council or trade union representatives  to consult on procedures and benefits.
Notification of public authorities: Notification of local employment office.</v>
          </cell>
          <cell r="F230"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G230">
            <v>2</v>
          </cell>
          <cell r="J230">
            <v>2</v>
          </cell>
          <cell r="M230">
            <v>6</v>
          </cell>
          <cell r="P230">
            <v>6</v>
          </cell>
        </row>
        <row r="231">
          <cell r="A231" t="str">
            <v>HungaryCD3</v>
          </cell>
          <cell r="B231" t="str">
            <v>Hungary</v>
          </cell>
          <cell r="C231" t="str">
            <v>CD3</v>
          </cell>
          <cell r="D231" t="str">
            <v>Additional delays involved in case of collective dismissals</v>
          </cell>
          <cell r="E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F231" t="str">
            <v>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v>
          </cell>
          <cell r="G231">
            <v>23</v>
          </cell>
          <cell r="J231">
            <v>23</v>
          </cell>
          <cell r="M231">
            <v>1</v>
          </cell>
          <cell r="P231">
            <v>1</v>
          </cell>
        </row>
        <row r="232">
          <cell r="A232" t="str">
            <v>HungaryCD4</v>
          </cell>
          <cell r="B232" t="str">
            <v>Hungary</v>
          </cell>
          <cell r="C232" t="str">
            <v>CD4</v>
          </cell>
          <cell r="D232" t="str">
            <v>Other special costs to employers in case of collective dismissals</v>
          </cell>
          <cell r="E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F232" t="str">
            <v>Type of negotiation requiredf: Consultation on principles of staff reduction, and ways to mitigate its effects.
Selection criteria: Negotiation with workers’ representatives, but no specific selection criteria for dismissal.
Severance pay: No special regulations for collective dismissal.</v>
          </cell>
          <cell r="G232">
            <v>0</v>
          </cell>
          <cell r="J232">
            <v>0</v>
          </cell>
          <cell r="M232">
            <v>0</v>
          </cell>
          <cell r="P232">
            <v>0</v>
          </cell>
        </row>
        <row r="233">
          <cell r="A233" t="str">
            <v>IrelandEPL1A</v>
          </cell>
          <cell r="B233" t="str">
            <v>Ireland</v>
          </cell>
          <cell r="C233" t="str">
            <v>EPL1A</v>
          </cell>
          <cell r="D233" t="str">
            <v>Notification proceduresa</v>
          </cell>
          <cell r="E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F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G233">
            <v>1.5</v>
          </cell>
          <cell r="J233">
            <v>1.5</v>
          </cell>
          <cell r="M233">
            <v>3</v>
          </cell>
          <cell r="P233">
            <v>3</v>
          </cell>
        </row>
        <row r="234">
          <cell r="A234" t="str">
            <v>IrelandEPL1B</v>
          </cell>
          <cell r="B234" t="str">
            <v>Ireland</v>
          </cell>
          <cell r="C234" t="str">
            <v>EPL1B</v>
          </cell>
          <cell r="D234" t="str">
            <v>Delay before notice can starta</v>
          </cell>
          <cell r="E234" t="str">
            <v>None specified in legislation. Notice may be oral or written as long as it is certain. In case of individual termination, advisable to serve notice in writing after warnings specifying what aspect of behaviour is sub-standard.</v>
          </cell>
          <cell r="F234" t="str">
            <v>None specified in legislation. Notice may be oral or written as long as it is certain. In case of individual termination, advisable to serve notice in writing after warnings specifying what aspect of behaviour is sub-standard.</v>
          </cell>
          <cell r="G234">
            <v>4.5</v>
          </cell>
          <cell r="J234">
            <v>4.5</v>
          </cell>
          <cell r="M234">
            <v>1</v>
          </cell>
          <cell r="P234">
            <v>1</v>
          </cell>
        </row>
        <row r="235">
          <cell r="A235" t="str">
            <v>IrelandEPL2A1, EPL2A2, EPL2A3</v>
          </cell>
          <cell r="B235" t="str">
            <v>Ireland</v>
          </cell>
          <cell r="C235" t="str">
            <v>EPL2A1, EPL2A2, EPL2A3</v>
          </cell>
          <cell r="D235" t="str">
            <v>Notice / tenurea</v>
          </cell>
          <cell r="E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F235" t="str">
            <v>All workers covered by the Minimum Notice &amp; Terms of Employment Act excluding inter alia, Defence Forces, Police and certain Merchant Shipping employment agreements.  Notice as follows: 0&lt;13w, 1w&lt;2y, 2w&lt;5y, 4w&lt;10y, 6w&lt;15y, 8w&gt;15y.
Redundancy cases: 2w min. 
9 months tenure:1 week, 4 years tenure: 2 weeks, 20 years tenure: 8 weeks.</v>
          </cell>
          <cell r="G235">
            <v>0.375</v>
          </cell>
          <cell r="H235">
            <v>0.5</v>
          </cell>
          <cell r="I235">
            <v>2</v>
          </cell>
          <cell r="J235">
            <v>0.25</v>
          </cell>
          <cell r="K235">
            <v>0.5</v>
          </cell>
          <cell r="L235">
            <v>2</v>
          </cell>
          <cell r="M235">
            <v>1</v>
          </cell>
          <cell r="N235">
            <v>1</v>
          </cell>
          <cell r="O235">
            <v>1</v>
          </cell>
          <cell r="P235">
            <v>1</v>
          </cell>
          <cell r="Q235">
            <v>1</v>
          </cell>
          <cell r="R235">
            <v>1</v>
          </cell>
        </row>
        <row r="236">
          <cell r="A236" t="str">
            <v>IrelandEPL2B1, EPL2B2, EPL2B3</v>
          </cell>
          <cell r="B236" t="str">
            <v>Ireland</v>
          </cell>
          <cell r="C236" t="str">
            <v>EPL2B1, EPL2B2, EPL2B3</v>
          </cell>
          <cell r="D236" t="str">
            <v>Severance pay / tenurea</v>
          </cell>
          <cell r="E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F236" t="str">
            <v>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v>
          </cell>
          <cell r="G236">
            <v>0</v>
          </cell>
          <cell r="H236">
            <v>0.45</v>
          </cell>
          <cell r="I236">
            <v>2.0499999999999998</v>
          </cell>
          <cell r="J236">
            <v>0</v>
          </cell>
          <cell r="K236">
            <v>0.45</v>
          </cell>
          <cell r="L236">
            <v>2.0499999999999998</v>
          </cell>
          <cell r="M236">
            <v>0</v>
          </cell>
          <cell r="N236">
            <v>1</v>
          </cell>
          <cell r="O236">
            <v>1</v>
          </cell>
          <cell r="P236">
            <v>0</v>
          </cell>
          <cell r="Q236">
            <v>1</v>
          </cell>
          <cell r="R236">
            <v>1</v>
          </cell>
        </row>
        <row r="237">
          <cell r="A237" t="str">
            <v>IrelandEPL3A</v>
          </cell>
          <cell r="B237" t="str">
            <v>Ireland</v>
          </cell>
          <cell r="C237" t="str">
            <v>EPL3A</v>
          </cell>
          <cell r="D237" t="str">
            <v>Definition of justified or unfair dismissal</v>
          </cell>
          <cell r="E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F237"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G237">
            <v>0</v>
          </cell>
          <cell r="J237">
            <v>0</v>
          </cell>
          <cell r="M237">
            <v>0</v>
          </cell>
          <cell r="P237">
            <v>0</v>
          </cell>
        </row>
        <row r="238">
          <cell r="A238" t="str">
            <v>IrelandEPL3B</v>
          </cell>
          <cell r="B238" t="str">
            <v>Ireland</v>
          </cell>
          <cell r="C238" t="str">
            <v>EPL3B</v>
          </cell>
          <cell r="D238" t="str">
            <v>Trial period</v>
          </cell>
          <cell r="E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F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G238">
            <v>12</v>
          </cell>
          <cell r="J238">
            <v>12</v>
          </cell>
          <cell r="M238">
            <v>2</v>
          </cell>
          <cell r="P238">
            <v>2</v>
          </cell>
        </row>
        <row r="239">
          <cell r="A239" t="str">
            <v>IrelandEPL3C</v>
          </cell>
          <cell r="B239" t="str">
            <v>Ireland</v>
          </cell>
          <cell r="C239" t="str">
            <v>EPL3C</v>
          </cell>
          <cell r="D239" t="str">
            <v>compensation following unfair dismissalb</v>
          </cell>
          <cell r="E239" t="str">
            <v>Maximum compensation equals 104 weeks’ pay.  Compensation awards based on financial loss.  Minimum 4 weeks’  award where no loss established.  (Average Employment Appeals Tribunal award in 2001 = €5,286.23;  2002 - €5,317.19.)</v>
          </cell>
          <cell r="F239" t="str">
            <v>Maximum compensation equals 104 weeks’ pay.  Compensation awards based on financial loss.  Maximum 4 weeks’  award where no loss established.  (Average Employment Appeals Tribunal award in 2007 was 7280 EUR)</v>
          </cell>
          <cell r="G239">
            <v>24</v>
          </cell>
          <cell r="J239">
            <v>24</v>
          </cell>
          <cell r="M239">
            <v>4</v>
          </cell>
          <cell r="P239">
            <v>4</v>
          </cell>
        </row>
        <row r="240">
          <cell r="A240" t="str">
            <v>IrelandEPL3D</v>
          </cell>
          <cell r="B240" t="str">
            <v>Ireland</v>
          </cell>
          <cell r="C240" t="str">
            <v>EPL3D</v>
          </cell>
          <cell r="D240" t="str">
            <v>Possibility of reinstatement following unfair dismissal</v>
          </cell>
          <cell r="E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F240"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v>
          </cell>
          <cell r="G240">
            <v>1</v>
          </cell>
          <cell r="J240">
            <v>1</v>
          </cell>
          <cell r="M240">
            <v>2</v>
          </cell>
          <cell r="P240">
            <v>2</v>
          </cell>
        </row>
        <row r="241">
          <cell r="A241" t="str">
            <v>IrelandEPL3E</v>
          </cell>
          <cell r="B241" t="str">
            <v>Ireland</v>
          </cell>
          <cell r="C241" t="str">
            <v>EPL3E</v>
          </cell>
          <cell r="D241" t="str">
            <v>Max time for claim</v>
          </cell>
          <cell r="F241" t="str">
            <v>6 months, extended to 12 months in exceptional circumstances</v>
          </cell>
          <cell r="J241">
            <v>6</v>
          </cell>
          <cell r="P241">
            <v>3</v>
          </cell>
        </row>
        <row r="242">
          <cell r="A242" t="str">
            <v>IrelandFT1</v>
          </cell>
          <cell r="B242" t="str">
            <v>Ireland</v>
          </cell>
          <cell r="C242" t="str">
            <v>FT1</v>
          </cell>
          <cell r="D242" t="str">
            <v>Valid cases for use of fixed-term contracts, other than  “objective”  or “material” situationc</v>
          </cell>
          <cell r="E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F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 </v>
          </cell>
          <cell r="G242">
            <v>2.5</v>
          </cell>
          <cell r="J242">
            <v>2.5</v>
          </cell>
          <cell r="M242">
            <v>1</v>
          </cell>
          <cell r="P242">
            <v>1</v>
          </cell>
        </row>
        <row r="243">
          <cell r="A243" t="str">
            <v>IrelandFT2</v>
          </cell>
          <cell r="B243" t="str">
            <v>Ireland</v>
          </cell>
          <cell r="C243" t="str">
            <v>FT2</v>
          </cell>
          <cell r="D243" t="str">
            <v>Maximum number of successive fixed-term contractsd</v>
          </cell>
          <cell r="E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F243" t="str">
            <v xml:space="preserve">No limit in case of objective grounds justifying the renewal but some possibility for unfair dismissal/penalisation claims under unfair dismissals/fixed-term legislation after having been employed for successive contracts. </v>
          </cell>
          <cell r="G243">
            <v>100</v>
          </cell>
          <cell r="J243">
            <v>100</v>
          </cell>
          <cell r="M243">
            <v>0</v>
          </cell>
          <cell r="P243">
            <v>0</v>
          </cell>
        </row>
        <row r="244">
          <cell r="A244" t="str">
            <v>IrelandFT3</v>
          </cell>
          <cell r="B244" t="str">
            <v>Ireland</v>
          </cell>
          <cell r="C244" t="str">
            <v>FT3</v>
          </cell>
          <cell r="D244" t="str">
            <v>Maximum cumulated duration of successive fixed-term contracts</v>
          </cell>
          <cell r="E244" t="str">
            <v> The maximum cumulated duration of successive fixed-term contracts under the Protection of Employees (Fixed-Term Work) Act 2002 is 4 years.</v>
          </cell>
          <cell r="F244" t="str">
            <v> The maximum cumulated duration of successive fixed-term contracts is 4 years.</v>
          </cell>
          <cell r="G244">
            <v>48</v>
          </cell>
          <cell r="J244">
            <v>48</v>
          </cell>
          <cell r="M244">
            <v>1</v>
          </cell>
          <cell r="P244">
            <v>1</v>
          </cell>
        </row>
        <row r="245">
          <cell r="A245" t="str">
            <v>IrelandTWA1</v>
          </cell>
          <cell r="B245" t="str">
            <v>Ireland</v>
          </cell>
          <cell r="C245" t="str">
            <v>TWA1</v>
          </cell>
          <cell r="D245" t="str">
            <v>Types of work for which TWA employment is legal</v>
          </cell>
          <cell r="E245" t="str">
            <v>All employments.</v>
          </cell>
          <cell r="F245" t="str">
            <v>All employments.</v>
          </cell>
          <cell r="G245">
            <v>4</v>
          </cell>
          <cell r="J245">
            <v>4</v>
          </cell>
          <cell r="M245">
            <v>0</v>
          </cell>
          <cell r="P245">
            <v>0</v>
          </cell>
        </row>
        <row r="246">
          <cell r="A246" t="str">
            <v>IrelandTWA2</v>
          </cell>
          <cell r="B246" t="str">
            <v>Ireland</v>
          </cell>
          <cell r="C246" t="str">
            <v>TWA2</v>
          </cell>
          <cell r="D246" t="str">
            <v>Are there any restrictions on the number of renewals of a TWA contract?</v>
          </cell>
          <cell r="E246" t="str">
            <v>No. The Protection of Employees (Fixed-Term Work) Act 2003 does not apply to agency workers placed by a temporary work agency at the disposition of a user enterprise.</v>
          </cell>
          <cell r="F246" t="str">
            <v>No. The Protection of Employees (Fixed-Term Work) Act 2003 does not apply to agency workers placed by a temporary work agency at the disposition of a user enterprise.</v>
          </cell>
          <cell r="G246" t="str">
            <v>No</v>
          </cell>
          <cell r="J246" t="str">
            <v>No</v>
          </cell>
          <cell r="M246">
            <v>2</v>
          </cell>
          <cell r="P246">
            <v>2</v>
          </cell>
        </row>
        <row r="247">
          <cell r="A247" t="str">
            <v>IrelandTWA3</v>
          </cell>
          <cell r="B247" t="str">
            <v>Ireland</v>
          </cell>
          <cell r="C247" t="str">
            <v>TWA3</v>
          </cell>
          <cell r="D247" t="str">
            <v>Maximum cumulated duration of temporary work contractse</v>
          </cell>
          <cell r="E247" t="str">
            <v>No limit. The Protection of Employees (Fixed-Term Work) Act 2003 does not apply to agency workers placed by a temporary work agency at the disposition of a user enterprise.</v>
          </cell>
          <cell r="F247" t="str">
            <v>No limit. The Protection of Employees (Fixed-Term Work) Act 2003 does not apply to agency workers placed by a temporary work agency at the disposition of a user enterprise.</v>
          </cell>
          <cell r="G247">
            <v>100</v>
          </cell>
          <cell r="J247">
            <v>100</v>
          </cell>
          <cell r="M247">
            <v>0</v>
          </cell>
          <cell r="P247">
            <v>0</v>
          </cell>
        </row>
        <row r="248">
          <cell r="A248" t="str">
            <v>IrelandTWA4</v>
          </cell>
          <cell r="B248" t="str">
            <v>Ireland</v>
          </cell>
          <cell r="C248" t="str">
            <v>TWA4</v>
          </cell>
          <cell r="D248" t="str">
            <v>Authorisation and reporting obligations</v>
          </cell>
          <cell r="F248" t="str">
            <v>In order to operate in the State, an employment agency must obtain an employment agency license from the Minister of Enterprise, Trade and Employment.</v>
          </cell>
          <cell r="J248">
            <v>1</v>
          </cell>
          <cell r="P248">
            <v>2</v>
          </cell>
        </row>
        <row r="249">
          <cell r="A249" t="str">
            <v>IrelandTWA5</v>
          </cell>
          <cell r="B249" t="str">
            <v>Ireland</v>
          </cell>
          <cell r="C249" t="str">
            <v>TWA5</v>
          </cell>
          <cell r="D249" t="str">
            <v>Equal treatment of TWA workers</v>
          </cell>
          <cell r="F249" t="str">
            <v>No such regulations.</v>
          </cell>
          <cell r="J249">
            <v>0</v>
          </cell>
          <cell r="P249">
            <v>0</v>
          </cell>
        </row>
        <row r="250">
          <cell r="A250" t="str">
            <v>IrelandCD1</v>
          </cell>
          <cell r="B250" t="str">
            <v>Ireland</v>
          </cell>
          <cell r="C250" t="str">
            <v>CD1</v>
          </cell>
          <cell r="D250" t="str">
            <v>Definition of collective dismissal</v>
          </cell>
          <cell r="E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F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G250">
            <v>3</v>
          </cell>
          <cell r="J250">
            <v>3</v>
          </cell>
          <cell r="M250">
            <v>4.5</v>
          </cell>
          <cell r="P250">
            <v>4.5</v>
          </cell>
        </row>
        <row r="251">
          <cell r="A251" t="str">
            <v>IrelandCD2</v>
          </cell>
          <cell r="B251" t="str">
            <v>Ireland</v>
          </cell>
          <cell r="C251" t="str">
            <v>CD2</v>
          </cell>
          <cell r="D251" t="str">
            <v>Additional notification requirements in case of collective dismissals</v>
          </cell>
          <cell r="E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F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G251">
            <v>1</v>
          </cell>
          <cell r="J251">
            <v>1</v>
          </cell>
          <cell r="M251">
            <v>3</v>
          </cell>
          <cell r="P251">
            <v>3</v>
          </cell>
        </row>
        <row r="252">
          <cell r="A252" t="str">
            <v>IrelandCD3</v>
          </cell>
          <cell r="B252" t="str">
            <v>Ireland</v>
          </cell>
          <cell r="C252" t="str">
            <v>CD3</v>
          </cell>
          <cell r="D252" t="str">
            <v>Additional delays involved in case of collective dismissals</v>
          </cell>
          <cell r="E252" t="str">
            <v>Information to trade union and Ministry 30 days before implementation. (30 - 1 for individual redundancies)</v>
          </cell>
          <cell r="F252" t="str">
            <v>Information to trade union and Ministry 30 days before implementation. (30 - 1 for individual redundancies)</v>
          </cell>
          <cell r="G252">
            <v>29</v>
          </cell>
          <cell r="J252">
            <v>29</v>
          </cell>
          <cell r="M252">
            <v>2</v>
          </cell>
          <cell r="P252">
            <v>2</v>
          </cell>
        </row>
        <row r="253">
          <cell r="A253" t="str">
            <v>IrelandCD4</v>
          </cell>
          <cell r="B253" t="str">
            <v>Ireland</v>
          </cell>
          <cell r="C253" t="str">
            <v>CD4</v>
          </cell>
          <cell r="D253" t="str">
            <v>Other special costs to employers in case of collective dismissals</v>
          </cell>
          <cell r="E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F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G253">
            <v>0</v>
          </cell>
          <cell r="J253">
            <v>0</v>
          </cell>
          <cell r="M253">
            <v>0</v>
          </cell>
          <cell r="P253">
            <v>0</v>
          </cell>
        </row>
        <row r="254">
          <cell r="A254" t="str">
            <v>ItalyEPL1A</v>
          </cell>
          <cell r="B254" t="str">
            <v>Italy</v>
          </cell>
          <cell r="C254" t="str">
            <v>EPL1A</v>
          </cell>
          <cell r="D254" t="str">
            <v>Notification proceduresa</v>
          </cell>
          <cell r="E254" t="str">
            <v>Written notice to employee who can require communication of detailed reasons and can request conciliation by the provincial employment office or through conciliation committees set up under collective agreements.</v>
          </cell>
          <cell r="F254" t="str">
            <v>Written notice to employee who can require communication of detailed reasons and can request conciliation by the provincial employment office or through conciliation committees set up under collective agreements.</v>
          </cell>
          <cell r="G254">
            <v>1.5</v>
          </cell>
          <cell r="J254">
            <v>1.5</v>
          </cell>
          <cell r="M254">
            <v>3</v>
          </cell>
          <cell r="P254">
            <v>3</v>
          </cell>
        </row>
        <row r="255">
          <cell r="A255" t="str">
            <v>ItalyEPL1B</v>
          </cell>
          <cell r="B255" t="str">
            <v>Italy</v>
          </cell>
          <cell r="C255" t="str">
            <v>EPL1B</v>
          </cell>
          <cell r="D255" t="str">
            <v>Delay before notice can starta</v>
          </cell>
          <cell r="E255" t="str">
            <v>Letter sent by mail or handed directly to employee.</v>
          </cell>
          <cell r="F255" t="str">
            <v>Letter sent by mail or handed directly to employee.</v>
          </cell>
          <cell r="G255">
            <v>1</v>
          </cell>
          <cell r="J255">
            <v>1</v>
          </cell>
          <cell r="M255">
            <v>0</v>
          </cell>
          <cell r="P255">
            <v>0</v>
          </cell>
        </row>
        <row r="256">
          <cell r="A256" t="str">
            <v>ItalyEPL2A1, EPL2A2, EPL2A3</v>
          </cell>
          <cell r="B256" t="str">
            <v>Italy</v>
          </cell>
          <cell r="C256" t="str">
            <v>EPL2A1, EPL2A2, EPL2A3</v>
          </cell>
          <cell r="D256" t="str">
            <v>Notice / tenurea</v>
          </cell>
          <cell r="E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F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G256">
            <v>0.3</v>
          </cell>
          <cell r="H256">
            <v>1.1000000000000001</v>
          </cell>
          <cell r="I256">
            <v>2.2000000000000002</v>
          </cell>
          <cell r="J256">
            <v>0.3</v>
          </cell>
          <cell r="K256">
            <v>1.1000000000000001</v>
          </cell>
          <cell r="L256">
            <v>2.2000000000000002</v>
          </cell>
          <cell r="M256">
            <v>1</v>
          </cell>
          <cell r="N256">
            <v>2</v>
          </cell>
          <cell r="O256">
            <v>1</v>
          </cell>
          <cell r="P256">
            <v>1</v>
          </cell>
          <cell r="Q256">
            <v>2</v>
          </cell>
          <cell r="R256">
            <v>1</v>
          </cell>
        </row>
        <row r="257">
          <cell r="A257" t="str">
            <v>ItalyEPL2B1, EPL2B2, EPL2B3</v>
          </cell>
          <cell r="B257" t="str">
            <v>Italy</v>
          </cell>
          <cell r="C257" t="str">
            <v>EPL2B1, EPL2B2, EPL2B3</v>
          </cell>
          <cell r="D257" t="str">
            <v>Severance pay / tenurea</v>
          </cell>
          <cell r="E257" t="str">
            <v>All workers: none.</v>
          </cell>
          <cell r="F257" t="str">
            <v>All workers: none.</v>
          </cell>
          <cell r="G257">
            <v>0</v>
          </cell>
          <cell r="H257">
            <v>0</v>
          </cell>
          <cell r="I257">
            <v>0</v>
          </cell>
          <cell r="J257">
            <v>0</v>
          </cell>
          <cell r="K257">
            <v>0</v>
          </cell>
          <cell r="L257">
            <v>0</v>
          </cell>
          <cell r="M257">
            <v>0</v>
          </cell>
          <cell r="N257">
            <v>0</v>
          </cell>
          <cell r="O257">
            <v>0</v>
          </cell>
          <cell r="P257">
            <v>0</v>
          </cell>
          <cell r="Q257">
            <v>0</v>
          </cell>
          <cell r="R257">
            <v>0</v>
          </cell>
        </row>
        <row r="258">
          <cell r="A258" t="str">
            <v>ItalyEPL3A</v>
          </cell>
          <cell r="B258" t="str">
            <v>Italy</v>
          </cell>
          <cell r="C258" t="str">
            <v>EPL3A</v>
          </cell>
          <cell r="D258" t="str">
            <v>Definition of justified or unfair dismissal</v>
          </cell>
          <cell r="E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F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G258">
            <v>0</v>
          </cell>
          <cell r="J258">
            <v>0</v>
          </cell>
          <cell r="M258">
            <v>0</v>
          </cell>
          <cell r="P258">
            <v>0</v>
          </cell>
        </row>
        <row r="259">
          <cell r="A259" t="str">
            <v>ItalyEPL3B</v>
          </cell>
          <cell r="B259" t="str">
            <v>Italy</v>
          </cell>
          <cell r="C259" t="str">
            <v>EPL3B</v>
          </cell>
          <cell r="D259" t="str">
            <v>Trial period</v>
          </cell>
          <cell r="E259" t="str">
            <v>Blue collar: 1-2 weeks (the trial periods cited are those common in collective agreements which are enforceable). White collar: 3-8 weeks.</v>
          </cell>
          <cell r="F259" t="str">
            <v>Blue collar: 1-2 weeks (the trial periods cited are those common in collective agreements). White collar: 3-8 weeks.</v>
          </cell>
          <cell r="G259">
            <v>0.8</v>
          </cell>
          <cell r="J259">
            <v>0.8</v>
          </cell>
          <cell r="M259">
            <v>6</v>
          </cell>
          <cell r="P259">
            <v>6</v>
          </cell>
        </row>
        <row r="260">
          <cell r="A260" t="str">
            <v>ItalyEPL3C</v>
          </cell>
          <cell r="B260" t="str">
            <v>Italy</v>
          </cell>
          <cell r="C260" t="str">
            <v>EPL3C</v>
          </cell>
          <cell r="D260" t="str">
            <v>compensation following unfair dismissalb</v>
          </cell>
          <cell r="E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F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G260">
            <v>15</v>
          </cell>
          <cell r="J260">
            <v>15</v>
          </cell>
          <cell r="M260">
            <v>3</v>
          </cell>
          <cell r="P260">
            <v>3</v>
          </cell>
        </row>
        <row r="261">
          <cell r="A261" t="str">
            <v>ItalyEPL3D</v>
          </cell>
          <cell r="B261" t="str">
            <v>Italy</v>
          </cell>
          <cell r="C261" t="str">
            <v>EPL3D</v>
          </cell>
          <cell r="D261" t="str">
            <v>Possibility of reinstatement following unfair dismissal</v>
          </cell>
          <cell r="E261" t="str">
            <v>The option of  reinstatement is fairly often made avalaible to the employee.</v>
          </cell>
          <cell r="F261" t="str">
            <v>The option of  reinstatement is fairly often made avalaible to the employee.</v>
          </cell>
          <cell r="G261">
            <v>2</v>
          </cell>
          <cell r="J261">
            <v>2</v>
          </cell>
          <cell r="M261">
            <v>4</v>
          </cell>
          <cell r="P261">
            <v>4</v>
          </cell>
        </row>
        <row r="262">
          <cell r="A262" t="str">
            <v>ItalyEPL3E</v>
          </cell>
          <cell r="B262" t="str">
            <v>Italy</v>
          </cell>
          <cell r="C262" t="str">
            <v>EPL3E</v>
          </cell>
          <cell r="D262" t="str">
            <v>Max time for claim</v>
          </cell>
          <cell r="F262" t="str">
            <v>60 days</v>
          </cell>
          <cell r="J262">
            <v>2</v>
          </cell>
          <cell r="P262">
            <v>2</v>
          </cell>
        </row>
        <row r="263">
          <cell r="A263" t="str">
            <v>ItalyFT1</v>
          </cell>
          <cell r="B263" t="str">
            <v>Italy</v>
          </cell>
          <cell r="C263" t="str">
            <v>FT1</v>
          </cell>
          <cell r="D263" t="str">
            <v>Valid cases for use of fixed-term contracts, other than  “objective”  or “material” situationc</v>
          </cell>
          <cell r="E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F263" t="str">
            <v xml:space="preserve">Fixed term contracts can be used for technical, production and organizational reasons including the replacement of absent workers (also referring to the ordinary activities of the employer). </v>
          </cell>
          <cell r="G263">
            <v>2</v>
          </cell>
          <cell r="J263">
            <v>2</v>
          </cell>
          <cell r="M263">
            <v>2</v>
          </cell>
          <cell r="P263">
            <v>2</v>
          </cell>
        </row>
        <row r="264">
          <cell r="A264" t="str">
            <v>ItalyFT2</v>
          </cell>
          <cell r="B264" t="str">
            <v>Italy</v>
          </cell>
          <cell r="C264" t="str">
            <v>FT2</v>
          </cell>
          <cell r="D264" t="str">
            <v>Maximum number of successive fixed-term contractsd</v>
          </cell>
          <cell r="E264" t="str">
            <v>1 One renewal is possible provided that the duration initially agreed is less than three years.</v>
          </cell>
          <cell r="F264" t="str">
            <v>One renewal is possible provided that the duration initially agreed is less than three years.</v>
          </cell>
          <cell r="G264">
            <v>2</v>
          </cell>
          <cell r="J264">
            <v>2</v>
          </cell>
          <cell r="M264">
            <v>4</v>
          </cell>
          <cell r="P264">
            <v>4</v>
          </cell>
        </row>
        <row r="265">
          <cell r="A265" t="str">
            <v>ItalyFT3</v>
          </cell>
          <cell r="B265" t="str">
            <v>Italy</v>
          </cell>
          <cell r="C265" t="str">
            <v>FT3</v>
          </cell>
          <cell r="D265" t="str">
            <v>Maximum cumulated duration of successive fixed-term contracts</v>
          </cell>
          <cell r="E265" t="str">
            <v xml:space="preserve">No maximum duration except for managers (5 years). When the contract is subject to a renewal the total duration cannot exceed three years. </v>
          </cell>
          <cell r="F265" t="str">
            <v>36 months, with further renewal possible with agreement of the labour authority.</v>
          </cell>
          <cell r="G265">
            <v>100</v>
          </cell>
          <cell r="J265">
            <v>36</v>
          </cell>
          <cell r="M265">
            <v>0</v>
          </cell>
          <cell r="P265">
            <v>1</v>
          </cell>
        </row>
        <row r="266">
          <cell r="A266" t="str">
            <v>ItalyTWA1</v>
          </cell>
          <cell r="B266" t="str">
            <v>Italy</v>
          </cell>
          <cell r="C266" t="str">
            <v>TWA1</v>
          </cell>
          <cell r="D266" t="str">
            <v>Types of work for which TWA employment is legal</v>
          </cell>
          <cell r="E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F266" t="str">
            <v xml:space="preserve">TWA contracts can be used for technical, production and organizational reasons including the replacement of absent workers and for types of work normally carried out by the enterprise. Collective agreement may lay down upper limits for the use of temporary workers. In addition to the supply of workers on temporary contracts there now exists staff leasing i.e. supply of workers on permanent contracts, excluding for firms which have resorted to collective dismissals in the previous 6 months.
</v>
          </cell>
          <cell r="G266">
            <v>3</v>
          </cell>
          <cell r="J266">
            <v>3</v>
          </cell>
          <cell r="M266">
            <v>1.5</v>
          </cell>
          <cell r="P266">
            <v>1.5</v>
          </cell>
        </row>
        <row r="267">
          <cell r="A267" t="str">
            <v>ItalyTWA2</v>
          </cell>
          <cell r="B267" t="str">
            <v>Italy</v>
          </cell>
          <cell r="C267" t="str">
            <v>TWA2</v>
          </cell>
          <cell r="D267" t="str">
            <v>Are there any restrictions on the number of renewals of a TWA contract?</v>
          </cell>
          <cell r="E267" t="str">
            <v>Yes, in the cases and for the duration set forth in the collective agreement used by temporary work agencies.</v>
          </cell>
          <cell r="F267" t="str">
            <v>Yes, in the cases and for the duration set forth in the collective agreement used by temporary work agencies.</v>
          </cell>
          <cell r="G267" t="str">
            <v>Yes</v>
          </cell>
          <cell r="J267" t="str">
            <v>Yes</v>
          </cell>
          <cell r="M267">
            <v>4</v>
          </cell>
          <cell r="P267">
            <v>4</v>
          </cell>
        </row>
        <row r="268">
          <cell r="A268" t="str">
            <v>ItalyTWA3</v>
          </cell>
          <cell r="B268" t="str">
            <v>Italy</v>
          </cell>
          <cell r="C268" t="str">
            <v>TWA3</v>
          </cell>
          <cell r="D268" t="str">
            <v>Maximum cumulated duration of temporary work contractse</v>
          </cell>
          <cell r="E268" t="str">
            <v>No limit</v>
          </cell>
          <cell r="F268" t="str">
            <v>There is no legal maximum duration of temporary work contracts, but it is set by collective agreements applied by temporary work agencies.</v>
          </cell>
          <cell r="G268">
            <v>100</v>
          </cell>
          <cell r="J268">
            <v>100</v>
          </cell>
          <cell r="M268">
            <v>0</v>
          </cell>
          <cell r="P268">
            <v>0</v>
          </cell>
        </row>
        <row r="269">
          <cell r="A269" t="str">
            <v>ItalyTWA4</v>
          </cell>
          <cell r="B269" t="str">
            <v>Italy</v>
          </cell>
          <cell r="C269" t="str">
            <v>TWA4</v>
          </cell>
          <cell r="D269" t="str">
            <v>Authorisation and reporting obligations</v>
          </cell>
          <cell r="F269" t="str">
            <v>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v>
          </cell>
          <cell r="J269">
            <v>2</v>
          </cell>
          <cell r="P269">
            <v>4</v>
          </cell>
        </row>
        <row r="270">
          <cell r="A270" t="str">
            <v>ItalyTWA5</v>
          </cell>
          <cell r="B270" t="str">
            <v>Italy</v>
          </cell>
          <cell r="C270" t="str">
            <v>TWA5</v>
          </cell>
          <cell r="D270" t="str">
            <v>Equal treatment of TWA workers</v>
          </cell>
          <cell r="F270" t="str">
            <v>TWA workers are entitled to receive the same pay and conditions as other workers at the user firm.</v>
          </cell>
          <cell r="J270">
            <v>2</v>
          </cell>
          <cell r="P270">
            <v>6</v>
          </cell>
        </row>
        <row r="271">
          <cell r="A271" t="str">
            <v>ItalyCD1</v>
          </cell>
          <cell r="B271" t="str">
            <v>Italy</v>
          </cell>
          <cell r="C271" t="str">
            <v>CD1</v>
          </cell>
          <cell r="D271" t="str">
            <v>Definition of collective dismissal</v>
          </cell>
          <cell r="E271" t="str">
            <v>In firms with 15 and more employees and over  a period of 120 days, 5+ workers in a single production unit; 5+ workers in several units within one province.</v>
          </cell>
          <cell r="F271" t="str">
            <v>In firms with 15 and more employees and over  a period of 120 days, 5+ workers in a single production unit; 5+ workers in several units within one province.</v>
          </cell>
          <cell r="G271">
            <v>4</v>
          </cell>
          <cell r="J271">
            <v>4</v>
          </cell>
          <cell r="M271">
            <v>6</v>
          </cell>
          <cell r="P271">
            <v>6</v>
          </cell>
        </row>
        <row r="272">
          <cell r="A272" t="str">
            <v>ItalyCD2</v>
          </cell>
          <cell r="B272" t="str">
            <v>Italy</v>
          </cell>
          <cell r="C272" t="str">
            <v>CD2</v>
          </cell>
          <cell r="D272" t="str">
            <v>Additional notification requirements in case of collective dismissals</v>
          </cell>
          <cell r="E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F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G272">
            <v>1.5</v>
          </cell>
          <cell r="J272">
            <v>1.5</v>
          </cell>
          <cell r="M272">
            <v>4.5</v>
          </cell>
          <cell r="P272">
            <v>4.5</v>
          </cell>
        </row>
        <row r="273">
          <cell r="A273" t="str">
            <v>ItalyCD3</v>
          </cell>
          <cell r="B273" t="str">
            <v>Italy</v>
          </cell>
          <cell r="C273" t="str">
            <v>CD3</v>
          </cell>
          <cell r="D273" t="str">
            <v>Additional delays involved in case of collective dismissals</v>
          </cell>
          <cell r="E273" t="str">
            <v>Up to 45 days negotiation in joint examination committee before implementation.  Conciliation if no agreement reached.</v>
          </cell>
          <cell r="F273" t="str">
            <v>Up to 45 days negotiation in joint examination committee before implementation.  Conciliation if no agreement reached.</v>
          </cell>
          <cell r="G273">
            <v>44</v>
          </cell>
          <cell r="J273">
            <v>44</v>
          </cell>
          <cell r="M273">
            <v>3</v>
          </cell>
          <cell r="P273">
            <v>3</v>
          </cell>
        </row>
        <row r="274">
          <cell r="A274" t="str">
            <v>ItalyCD4</v>
          </cell>
          <cell r="B274" t="str">
            <v>Italy</v>
          </cell>
          <cell r="C274" t="str">
            <v>CD4</v>
          </cell>
          <cell r="D274" t="str">
            <v>Other special costs to employers in case of collective dismissals</v>
          </cell>
          <cell r="E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F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G274">
            <v>2</v>
          </cell>
          <cell r="J274">
            <v>2</v>
          </cell>
          <cell r="M274">
            <v>6</v>
          </cell>
          <cell r="P274">
            <v>6</v>
          </cell>
        </row>
        <row r="275">
          <cell r="A275" t="str">
            <v>JapanEPL1A</v>
          </cell>
          <cell r="B275" t="str">
            <v>Japan</v>
          </cell>
          <cell r="C275" t="str">
            <v>EPL1A</v>
          </cell>
          <cell r="D275" t="str">
            <v>Notification proceduresa</v>
          </cell>
          <cell r="E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F275" t="str">
            <v>There are no legally prescribed procedures for dismissal. In judging unfair dismissal, courts may consider whether trade unions have been adequately consulted.</v>
          </cell>
          <cell r="G275">
            <v>1.5</v>
          </cell>
          <cell r="J275">
            <v>1.5</v>
          </cell>
          <cell r="M275">
            <v>3</v>
          </cell>
          <cell r="P275">
            <v>3</v>
          </cell>
        </row>
        <row r="276">
          <cell r="A276" t="str">
            <v>JapanEPL1B</v>
          </cell>
          <cell r="B276" t="str">
            <v>Japan</v>
          </cell>
          <cell r="C276" t="str">
            <v>EPL1B</v>
          </cell>
          <cell r="D276" t="str">
            <v>Delay before notice can starta</v>
          </cell>
          <cell r="E276" t="str">
            <v>Personal reasons: Written or oral notification.
Managerial reasons: Sincere consultation on need for dismissal and standards of selection, then letter of dismissal.</v>
          </cell>
          <cell r="F276" t="str">
            <v>There are no prescribed procedures. Written or oral notification is common practice.</v>
          </cell>
          <cell r="G276">
            <v>1</v>
          </cell>
          <cell r="J276">
            <v>1</v>
          </cell>
          <cell r="M276">
            <v>0</v>
          </cell>
          <cell r="P276">
            <v>0</v>
          </cell>
        </row>
        <row r="277">
          <cell r="A277" t="str">
            <v>JapanEPL2A1, EPL2A2, EPL2A3</v>
          </cell>
          <cell r="B277" t="str">
            <v>Japan</v>
          </cell>
          <cell r="C277" t="str">
            <v>EPL2A1, EPL2A2, EPL2A3</v>
          </cell>
          <cell r="D277" t="str">
            <v>Notice / tenurea</v>
          </cell>
          <cell r="E277" t="str">
            <v xml:space="preserve">All workers: 30 days. </v>
          </cell>
          <cell r="F277" t="str">
            <v>30 days</v>
          </cell>
          <cell r="G277">
            <v>1</v>
          </cell>
          <cell r="H277">
            <v>1</v>
          </cell>
          <cell r="I277">
            <v>1</v>
          </cell>
          <cell r="J277">
            <v>1</v>
          </cell>
          <cell r="K277">
            <v>1</v>
          </cell>
          <cell r="L277">
            <v>1</v>
          </cell>
          <cell r="M277">
            <v>3</v>
          </cell>
          <cell r="N277">
            <v>2</v>
          </cell>
          <cell r="O277">
            <v>1</v>
          </cell>
          <cell r="P277">
            <v>3</v>
          </cell>
          <cell r="Q277">
            <v>2</v>
          </cell>
          <cell r="R277">
            <v>1</v>
          </cell>
        </row>
        <row r="278">
          <cell r="A278" t="str">
            <v>JapanEPL2B1, EPL2B2, EPL2B3</v>
          </cell>
          <cell r="B278" t="str">
            <v>Japan</v>
          </cell>
          <cell r="C278" t="str">
            <v>EPL2B1, EPL2B2, EPL2B3</v>
          </cell>
          <cell r="D278" t="str">
            <v>Severance pay / tenurea</v>
          </cell>
          <cell r="E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F278" t="str">
            <v>Severance pay is not legally required. In practice, some enterprises may provide for severance pay on a voluntary basis.</v>
          </cell>
          <cell r="G278">
            <v>0</v>
          </cell>
          <cell r="H278">
            <v>0</v>
          </cell>
          <cell r="I278">
            <v>0</v>
          </cell>
          <cell r="J278">
            <v>0</v>
          </cell>
          <cell r="K278">
            <v>0</v>
          </cell>
          <cell r="L278">
            <v>0</v>
          </cell>
          <cell r="M278">
            <v>0</v>
          </cell>
          <cell r="N278">
            <v>0</v>
          </cell>
          <cell r="O278">
            <v>0</v>
          </cell>
          <cell r="P278">
            <v>0</v>
          </cell>
          <cell r="Q278">
            <v>0</v>
          </cell>
          <cell r="R278">
            <v>0</v>
          </cell>
        </row>
        <row r="279">
          <cell r="A279" t="str">
            <v>JapanEPL3A</v>
          </cell>
          <cell r="B279" t="str">
            <v>Japan</v>
          </cell>
          <cell r="C279" t="str">
            <v>EPL3A</v>
          </cell>
          <cell r="D279" t="str">
            <v>Definition of justified or unfair dismissal</v>
          </cell>
          <cell r="E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F279"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G279">
            <v>1</v>
          </cell>
          <cell r="J279">
            <v>1</v>
          </cell>
          <cell r="M279">
            <v>2</v>
          </cell>
          <cell r="P279">
            <v>2</v>
          </cell>
        </row>
        <row r="280">
          <cell r="A280" t="str">
            <v>JapanEPL3B</v>
          </cell>
          <cell r="B280" t="str">
            <v>Japan</v>
          </cell>
          <cell r="C280" t="str">
            <v>EPL3B</v>
          </cell>
          <cell r="D280" t="str">
            <v>Trial period</v>
          </cell>
          <cell r="E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F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G280">
            <v>3</v>
          </cell>
          <cell r="J280">
            <v>3</v>
          </cell>
          <cell r="M280">
            <v>4</v>
          </cell>
          <cell r="P280">
            <v>4</v>
          </cell>
        </row>
        <row r="281">
          <cell r="A281" t="str">
            <v>JapanEPL3C</v>
          </cell>
          <cell r="B281" t="str">
            <v>Japan</v>
          </cell>
          <cell r="C281" t="str">
            <v>EPL3C</v>
          </cell>
          <cell r="D281" t="str">
            <v>compensation following unfair dismissalb</v>
          </cell>
          <cell r="E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F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6 months.</v>
          </cell>
          <cell r="G281">
            <v>6</v>
          </cell>
          <cell r="J281">
            <v>6</v>
          </cell>
          <cell r="M281">
            <v>1</v>
          </cell>
          <cell r="P281">
            <v>1</v>
          </cell>
        </row>
        <row r="282">
          <cell r="A282" t="str">
            <v>JapanEPL3D</v>
          </cell>
          <cell r="B282" t="str">
            <v>Japan</v>
          </cell>
          <cell r="C282" t="str">
            <v>EPL3D</v>
          </cell>
          <cell r="D282" t="str">
            <v>Possibility of reinstatement following unfair dismissal</v>
          </cell>
          <cell r="E282" t="str">
            <v>Frequent orders of reinstatement with back pay.</v>
          </cell>
          <cell r="F282" t="str">
            <v>Frequent orders of reinstatement with back pay.</v>
          </cell>
          <cell r="G282">
            <v>3</v>
          </cell>
          <cell r="J282">
            <v>3</v>
          </cell>
          <cell r="M282">
            <v>6</v>
          </cell>
          <cell r="P282">
            <v>6</v>
          </cell>
        </row>
        <row r="283">
          <cell r="A283" t="str">
            <v>JapanEPL3E</v>
          </cell>
          <cell r="B283" t="str">
            <v>Japan</v>
          </cell>
          <cell r="C283" t="str">
            <v>EPL3E</v>
          </cell>
          <cell r="D283" t="str">
            <v>Max time for claim</v>
          </cell>
          <cell r="F283" t="str">
            <v>There is no statutory limit on the period where an employee, who has been unduly dismissed by an employer, files an action against the employer seeking a judgement which delcares that he/she is entitled to rights as an employee under a labour condtract.</v>
          </cell>
          <cell r="J283">
            <v>100</v>
          </cell>
          <cell r="P283">
            <v>6</v>
          </cell>
        </row>
        <row r="284">
          <cell r="A284" t="str">
            <v>JapanFT1</v>
          </cell>
          <cell r="B284" t="str">
            <v>Japan</v>
          </cell>
          <cell r="C284" t="str">
            <v>FT1</v>
          </cell>
          <cell r="D284" t="str">
            <v>Valid cases for use of fixed-term contracts, other than  “objective”  or “material” situationc</v>
          </cell>
          <cell r="E284" t="str">
            <v>Fixed-term  contracts under 3 year duration widely possible without specifying an objective reason. The contract can be of 5 years for highly skilled employees or those aged 60+.</v>
          </cell>
          <cell r="F284" t="str">
            <v>Fixed-term  contracts under 3 year duration widely possible without specifying an objective reason. The contract can be of 5 years for highly skilled employees or those aged 60+.</v>
          </cell>
          <cell r="G284">
            <v>2.5</v>
          </cell>
          <cell r="J284">
            <v>2.5</v>
          </cell>
          <cell r="M284">
            <v>1</v>
          </cell>
          <cell r="P284">
            <v>1</v>
          </cell>
        </row>
        <row r="285">
          <cell r="A285" t="str">
            <v>JapanFT2</v>
          </cell>
          <cell r="B285" t="str">
            <v>Japan</v>
          </cell>
          <cell r="C285" t="str">
            <v>FT2</v>
          </cell>
          <cell r="D285" t="str">
            <v>Maximum number of successive fixed-term contractsd</v>
          </cell>
          <cell r="E285" t="str">
            <v>No legal limit specified; after repeated renewal  the employee becomes entitled to expect renewal of his contract and the employer must have just cause to refuse renewal.</v>
          </cell>
          <cell r="F285" t="str">
            <v>No legal limit specified; after repeated renewal  the employee becomes entitled to expect renewal of his contract and the employer must have just cause to refuse renewal.</v>
          </cell>
          <cell r="G285">
            <v>100</v>
          </cell>
          <cell r="J285">
            <v>100</v>
          </cell>
          <cell r="M285">
            <v>0</v>
          </cell>
          <cell r="P285">
            <v>0</v>
          </cell>
        </row>
        <row r="286">
          <cell r="A286" t="str">
            <v>JapanFT3</v>
          </cell>
          <cell r="B286" t="str">
            <v>Japan</v>
          </cell>
          <cell r="C286" t="str">
            <v>FT3</v>
          </cell>
          <cell r="D286" t="str">
            <v>Maximum cumulated duration of successive fixed-term contracts</v>
          </cell>
          <cell r="E286" t="str">
            <v>No limit</v>
          </cell>
          <cell r="F286" t="str">
            <v>No limit</v>
          </cell>
          <cell r="G286">
            <v>100</v>
          </cell>
          <cell r="J286">
            <v>100</v>
          </cell>
          <cell r="M286">
            <v>0</v>
          </cell>
          <cell r="P286">
            <v>0</v>
          </cell>
        </row>
        <row r="287">
          <cell r="A287" t="str">
            <v>JapanTWA1</v>
          </cell>
          <cell r="B287" t="str">
            <v>Japan</v>
          </cell>
          <cell r="C287" t="str">
            <v>TWA1</v>
          </cell>
          <cell r="D287" t="str">
            <v>Types of work for which TWA employment is legal</v>
          </cell>
          <cell r="E287" t="str">
            <v>"Dispatching agencies" allowed for all occupations except port transport services, construction work, security services, medical-related work at hospital etc. and manufacturing products.</v>
          </cell>
          <cell r="F287" t="str">
            <v xml:space="preserve">"Dispatching agencies" allowed for all occupations except port transport services, construction work, security services, medical-related work at hospital etc. </v>
          </cell>
          <cell r="G287">
            <v>3</v>
          </cell>
          <cell r="J287">
            <v>3</v>
          </cell>
          <cell r="M287">
            <v>1.5</v>
          </cell>
          <cell r="P287">
            <v>1.5</v>
          </cell>
        </row>
        <row r="288">
          <cell r="A288" t="str">
            <v>JapanTWA2</v>
          </cell>
          <cell r="B288" t="str">
            <v>Japan</v>
          </cell>
          <cell r="C288" t="str">
            <v>TWA2</v>
          </cell>
          <cell r="D288" t="str">
            <v>Are there any restrictions on the number of renewals of a TWA contract?</v>
          </cell>
          <cell r="E288" t="str">
            <v>No restrictions</v>
          </cell>
          <cell r="F288" t="str">
            <v>No restrictions</v>
          </cell>
          <cell r="G288" t="str">
            <v>No</v>
          </cell>
          <cell r="J288" t="str">
            <v>No</v>
          </cell>
          <cell r="M288">
            <v>2</v>
          </cell>
          <cell r="P288">
            <v>2</v>
          </cell>
        </row>
        <row r="289">
          <cell r="A289" t="str">
            <v>JapanTWA3</v>
          </cell>
          <cell r="B289" t="str">
            <v>Japan</v>
          </cell>
          <cell r="C289" t="str">
            <v>TWA3</v>
          </cell>
          <cell r="D289" t="str">
            <v>Maximum cumulated duration of temporary work contractse</v>
          </cell>
          <cell r="E289" t="str">
            <v>36 months (12 months contracts renewable twice) for the 26 original occupations and 12 months for all other allowed occupations (36 because the decrease to 24 would just be the result of the increase in the occupations allowed)</v>
          </cell>
          <cell r="F289"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G289">
            <v>36</v>
          </cell>
          <cell r="J289">
            <v>36</v>
          </cell>
          <cell r="M289">
            <v>1</v>
          </cell>
          <cell r="P289">
            <v>1</v>
          </cell>
        </row>
        <row r="290">
          <cell r="A290" t="str">
            <v>JapanTWA4</v>
          </cell>
          <cell r="B290" t="str">
            <v>Japan</v>
          </cell>
          <cell r="C290" t="str">
            <v>TWA4</v>
          </cell>
          <cell r="D290" t="str">
            <v>Authorisation and reporting obligations</v>
          </cell>
          <cell r="F290" t="str">
            <v>Setting up a TWA requires the permission or notification of the Ministry for Health, Labour and Welfare. After set-up, the TWA is required to report on its operations, etc., once a year.</v>
          </cell>
          <cell r="J290">
            <v>3</v>
          </cell>
          <cell r="P290">
            <v>6</v>
          </cell>
        </row>
        <row r="291">
          <cell r="A291" t="str">
            <v>JapanTWA5</v>
          </cell>
          <cell r="B291" t="str">
            <v>Japan</v>
          </cell>
          <cell r="C291" t="str">
            <v>TWA5</v>
          </cell>
          <cell r="D291" t="str">
            <v>Equal treatment of TWA workers</v>
          </cell>
          <cell r="F291"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91">
            <v>1</v>
          </cell>
          <cell r="P291">
            <v>3</v>
          </cell>
        </row>
        <row r="292">
          <cell r="A292" t="str">
            <v>JapanCD1</v>
          </cell>
          <cell r="B292" t="str">
            <v>Japan</v>
          </cell>
          <cell r="C292" t="str">
            <v>CD1</v>
          </cell>
          <cell r="D292" t="str">
            <v>Definition of collective dismissal</v>
          </cell>
          <cell r="E292" t="str">
            <v>No special statute on collective dismissal, but notification requirement in cases of 30+ dismissals.</v>
          </cell>
          <cell r="F292" t="str">
            <v>Firms intending to dismissal 30+ workers in one month face additional notification requirements</v>
          </cell>
          <cell r="G292">
            <v>2</v>
          </cell>
          <cell r="J292">
            <v>2</v>
          </cell>
          <cell r="M292">
            <v>3</v>
          </cell>
          <cell r="P292">
            <v>3</v>
          </cell>
        </row>
        <row r="293">
          <cell r="A293" t="str">
            <v>JapanCD2</v>
          </cell>
          <cell r="B293" t="str">
            <v>Japan</v>
          </cell>
          <cell r="C293" t="str">
            <v>CD2</v>
          </cell>
          <cell r="D293" t="str">
            <v>Additional notification requirements in case of collective dismissals</v>
          </cell>
          <cell r="E293" t="str">
            <v>Notification of employee representatives: information and consultation with trade union or employee representatives required. Notification of public authorities: Notification of public employment service.</v>
          </cell>
          <cell r="F293" t="str">
            <v xml:space="preserve">Firms are required to notify the public employment service. Courts may also require that the firm has engaged in sincere negotiation with the trade union prior to making dismissals when deciding whether dismissals are justified. </v>
          </cell>
          <cell r="G293">
            <v>1</v>
          </cell>
          <cell r="J293">
            <v>1</v>
          </cell>
          <cell r="M293">
            <v>3</v>
          </cell>
          <cell r="P293">
            <v>3</v>
          </cell>
        </row>
        <row r="294">
          <cell r="A294" t="str">
            <v>JapanCD3</v>
          </cell>
          <cell r="B294" t="str">
            <v>Japan</v>
          </cell>
          <cell r="C294" t="str">
            <v>CD3</v>
          </cell>
          <cell r="D294" t="str">
            <v>Additional delays involved in case of collective dismissals</v>
          </cell>
          <cell r="E294" t="str">
            <v>No special regulations.</v>
          </cell>
          <cell r="F294" t="str">
            <v>No special regulations.</v>
          </cell>
          <cell r="G294">
            <v>0</v>
          </cell>
          <cell r="J294">
            <v>0</v>
          </cell>
          <cell r="M294">
            <v>0</v>
          </cell>
          <cell r="P294">
            <v>0</v>
          </cell>
        </row>
        <row r="295">
          <cell r="A295" t="str">
            <v>JapanCD4</v>
          </cell>
          <cell r="B295" t="str">
            <v>Japan</v>
          </cell>
          <cell r="C295" t="str">
            <v>CD4</v>
          </cell>
          <cell r="D295" t="str">
            <v>Other special costs to employers in case of collective dismissals</v>
          </cell>
          <cell r="E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F295" t="str">
            <v>No special costs specified.</v>
          </cell>
          <cell r="G295">
            <v>0</v>
          </cell>
          <cell r="J295">
            <v>0</v>
          </cell>
          <cell r="M295">
            <v>0</v>
          </cell>
          <cell r="P295">
            <v>0</v>
          </cell>
        </row>
        <row r="296">
          <cell r="A296" t="str">
            <v>KoreaEPL1A</v>
          </cell>
          <cell r="B296" t="str">
            <v>Korea</v>
          </cell>
          <cell r="C296" t="str">
            <v>EPL1A</v>
          </cell>
          <cell r="D296" t="str">
            <v>Notification proceduresa</v>
          </cell>
          <cell r="E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F296" t="str">
            <v>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Calculation: (1 + 2.5)/2</v>
          </cell>
          <cell r="G296">
            <v>1.75</v>
          </cell>
          <cell r="J296">
            <v>1.75</v>
          </cell>
          <cell r="M296">
            <v>3.5</v>
          </cell>
          <cell r="P296">
            <v>3.5</v>
          </cell>
        </row>
        <row r="297">
          <cell r="A297" t="str">
            <v>KoreaEPL1B</v>
          </cell>
          <cell r="B297" t="str">
            <v>Korea</v>
          </cell>
          <cell r="C297" t="str">
            <v>EPL1B</v>
          </cell>
          <cell r="D297" t="str">
            <v>Delay before notice can starta</v>
          </cell>
          <cell r="E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F297" t="str">
            <v xml:space="preserve">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G297">
            <v>20</v>
          </cell>
          <cell r="J297">
            <v>20</v>
          </cell>
          <cell r="M297">
            <v>3</v>
          </cell>
          <cell r="P297">
            <v>3</v>
          </cell>
        </row>
        <row r="298">
          <cell r="A298" t="str">
            <v>KoreaEPL2A1, EPL2A2, EPL2A3</v>
          </cell>
          <cell r="B298" t="str">
            <v>Korea</v>
          </cell>
          <cell r="C298" t="str">
            <v>EPL2A1, EPL2A2, EPL2A3</v>
          </cell>
          <cell r="D298" t="str">
            <v>Notice / tenurea</v>
          </cell>
          <cell r="E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F298" t="str">
            <v>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to severance pay. 
9 months tenure: 1 month, 4 years tenure: 1 month, 20 years tenure: 1 month.</v>
          </cell>
          <cell r="G298">
            <v>1</v>
          </cell>
          <cell r="H298">
            <v>1</v>
          </cell>
          <cell r="I298">
            <v>1</v>
          </cell>
          <cell r="J298">
            <v>1</v>
          </cell>
          <cell r="K298">
            <v>1</v>
          </cell>
          <cell r="L298">
            <v>1</v>
          </cell>
          <cell r="M298">
            <v>3</v>
          </cell>
          <cell r="N298">
            <v>2</v>
          </cell>
          <cell r="O298">
            <v>1</v>
          </cell>
          <cell r="P298">
            <v>3</v>
          </cell>
          <cell r="Q298">
            <v>2</v>
          </cell>
          <cell r="R298">
            <v>1</v>
          </cell>
        </row>
        <row r="299">
          <cell r="A299" t="str">
            <v>KoreaEPL2B1, EPL2B2, EPL2B3</v>
          </cell>
          <cell r="B299" t="str">
            <v>Korea</v>
          </cell>
          <cell r="C299" t="str">
            <v>EPL2B1, EPL2B2, EPL2B3</v>
          </cell>
          <cell r="D299" t="str">
            <v>Severance pay / tenurea</v>
          </cell>
          <cell r="E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F299" t="str">
            <v>There is no severance pay. Firms with 5 or more employees are required to pay at least 30 days pay per year of service whatever the reason for separation (voluntary quit, layoff) to those with at least one year of tenure, but this is not considered severance pay.</v>
          </cell>
          <cell r="G299">
            <v>0</v>
          </cell>
          <cell r="H299">
            <v>0</v>
          </cell>
          <cell r="I299">
            <v>0</v>
          </cell>
          <cell r="J299">
            <v>0</v>
          </cell>
          <cell r="K299">
            <v>0</v>
          </cell>
          <cell r="L299">
            <v>0</v>
          </cell>
          <cell r="M299">
            <v>0</v>
          </cell>
          <cell r="N299">
            <v>0</v>
          </cell>
          <cell r="O299">
            <v>0</v>
          </cell>
          <cell r="P299">
            <v>0</v>
          </cell>
          <cell r="Q299">
            <v>0</v>
          </cell>
          <cell r="R299">
            <v>0</v>
          </cell>
        </row>
        <row r="300">
          <cell r="A300" t="str">
            <v>KoreaEPL3A</v>
          </cell>
          <cell r="B300" t="str">
            <v>Korea</v>
          </cell>
          <cell r="C300" t="str">
            <v>EPL3A</v>
          </cell>
          <cell r="D300" t="str">
            <v>Definition of justified or unfair dismissal</v>
          </cell>
          <cell r="E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F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G300">
            <v>1</v>
          </cell>
          <cell r="J300">
            <v>1</v>
          </cell>
          <cell r="M300">
            <v>2</v>
          </cell>
          <cell r="P300">
            <v>2</v>
          </cell>
        </row>
        <row r="301">
          <cell r="A301" t="str">
            <v>KoreaEPL3B</v>
          </cell>
          <cell r="B301" t="str">
            <v>Korea</v>
          </cell>
          <cell r="C301" t="str">
            <v>EPL3B</v>
          </cell>
          <cell r="D301" t="str">
            <v>Trial period</v>
          </cell>
          <cell r="E301" t="str">
            <v>Not legally regulated, varies from case to case.</v>
          </cell>
          <cell r="F301" t="str">
            <v>Although there is no set deadline for bringing a case of unfair dismissal before the courts, such a claim should be filed with the Labor Relations Commission within three months of dismissal if a complaint is to be made with the Labor Relations Commission.</v>
          </cell>
          <cell r="G301" t="str">
            <v>..</v>
          </cell>
          <cell r="J301" t="str">
            <v>..</v>
          </cell>
          <cell r="M301" t="e">
            <v>#N/A</v>
          </cell>
          <cell r="P301" t="e">
            <v>#N/A</v>
          </cell>
        </row>
        <row r="302">
          <cell r="A302" t="str">
            <v>KoreaEPL3C</v>
          </cell>
          <cell r="B302" t="str">
            <v>Korea</v>
          </cell>
          <cell r="C302" t="str">
            <v>EPL3C</v>
          </cell>
          <cell r="D302" t="str">
            <v>compensation following unfair dismissalb</v>
          </cell>
          <cell r="E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F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G302">
            <v>6</v>
          </cell>
          <cell r="J302">
            <v>6</v>
          </cell>
          <cell r="M302">
            <v>1</v>
          </cell>
          <cell r="P302">
            <v>1</v>
          </cell>
        </row>
        <row r="303">
          <cell r="A303" t="str">
            <v>KoreaEPL3D</v>
          </cell>
          <cell r="B303" t="str">
            <v>Korea</v>
          </cell>
          <cell r="C303" t="str">
            <v>EPL3D</v>
          </cell>
          <cell r="D303" t="str">
            <v>Possibility of reinstatement following unfair dismissal</v>
          </cell>
          <cell r="E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F303"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G303">
            <v>3</v>
          </cell>
          <cell r="J303">
            <v>3</v>
          </cell>
          <cell r="M303">
            <v>6</v>
          </cell>
          <cell r="P303">
            <v>6</v>
          </cell>
        </row>
        <row r="304">
          <cell r="A304" t="str">
            <v>KoreaEPL3E</v>
          </cell>
          <cell r="B304" t="str">
            <v>Korea</v>
          </cell>
          <cell r="C304" t="str">
            <v>EPL3E</v>
          </cell>
          <cell r="D304" t="str">
            <v>Max time for claim</v>
          </cell>
          <cell r="F304" t="str">
            <v>Within three months after unfair dismissal.</v>
          </cell>
          <cell r="J304">
            <v>3</v>
          </cell>
          <cell r="P304">
            <v>2</v>
          </cell>
        </row>
        <row r="305">
          <cell r="A305" t="str">
            <v>KoreaFT1</v>
          </cell>
          <cell r="B305" t="str">
            <v>Korea</v>
          </cell>
          <cell r="C305" t="str">
            <v>FT1</v>
          </cell>
          <cell r="D305" t="str">
            <v>Valid cases for use of fixed-term contracts, other than  “objective”  or “material” situationc</v>
          </cell>
          <cell r="E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F305" t="str">
            <v xml:space="preserve">Fixed term contracts do not require objective situations or reasons (no restrictions). </v>
          </cell>
          <cell r="G305">
            <v>2.5</v>
          </cell>
          <cell r="J305">
            <v>3</v>
          </cell>
          <cell r="M305">
            <v>1</v>
          </cell>
          <cell r="P305">
            <v>0</v>
          </cell>
        </row>
        <row r="306">
          <cell r="A306" t="str">
            <v>KoreaFT2</v>
          </cell>
          <cell r="B306" t="str">
            <v>Korea</v>
          </cell>
          <cell r="C306" t="str">
            <v>FT2</v>
          </cell>
          <cell r="D306" t="str">
            <v>Maximum number of successive fixed-term contractsd</v>
          </cell>
          <cell r="E306" t="str">
            <v>There is no limit specified by laws, but several successive renewals imply the risk that a court will declare a fixed-term contract invalid. Recently, a court declared a fixed-term contract to be valid after 7-8 renewals were made.</v>
          </cell>
          <cell r="F306" t="str">
            <v>The number of renewals is not limited within the 2-year limit for fixed term contracts.</v>
          </cell>
          <cell r="G306">
            <v>5</v>
          </cell>
          <cell r="J306">
            <v>100</v>
          </cell>
          <cell r="M306">
            <v>1</v>
          </cell>
          <cell r="P306">
            <v>0</v>
          </cell>
        </row>
        <row r="307">
          <cell r="A307" t="str">
            <v>KoreaFT3</v>
          </cell>
          <cell r="B307" t="str">
            <v>Korea</v>
          </cell>
          <cell r="C307" t="str">
            <v>FT3</v>
          </cell>
          <cell r="D307" t="str">
            <v>Maximum cumulated duration of successive fixed-term contracts</v>
          </cell>
          <cell r="E307" t="str">
            <v>No limit specified</v>
          </cell>
          <cell r="F307"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nment as an unemployment or welfare measure, etc.; and (v) the job requires professional knowledge and skills.</v>
          </cell>
          <cell r="G307">
            <v>100</v>
          </cell>
          <cell r="J307">
            <v>24</v>
          </cell>
          <cell r="M307">
            <v>0</v>
          </cell>
          <cell r="P307">
            <v>3</v>
          </cell>
        </row>
        <row r="308">
          <cell r="A308" t="str">
            <v>KoreaTWA1</v>
          </cell>
          <cell r="B308" t="str">
            <v>Korea</v>
          </cell>
          <cell r="C308" t="str">
            <v>TWA1</v>
          </cell>
          <cell r="D308" t="str">
            <v>Types of work for which TWA employment is legal</v>
          </cell>
          <cell r="E308" t="str">
            <v>TWA employment, in principle, is allowed in only 26 occupations requiring professional knowledge, skills or experiences. However, in case the reasons to use TWA employment are temporary and intermittent, it is possible to use TWA employment in all occupations.</v>
          </cell>
          <cell r="F308" t="str">
            <v>TWA employment, in principle, is allowed in only 32 occupations determined by consideration of professional knowledge, skills, experience and the nature of jobs. However, where TWA employment is required for temporary or intermittant reasons, it is possible to use TWA employment in other occupations. In some occupations, such as construction work, seaman, harmful and dangerous work, work with dust, etc., the use of TWA employment is completely prohibited.</v>
          </cell>
          <cell r="G308">
            <v>2.5</v>
          </cell>
          <cell r="J308">
            <v>2.5</v>
          </cell>
          <cell r="M308">
            <v>2.25</v>
          </cell>
          <cell r="P308">
            <v>2.25</v>
          </cell>
        </row>
        <row r="309">
          <cell r="A309" t="str">
            <v>KoreaTWA2</v>
          </cell>
          <cell r="B309" t="str">
            <v>Korea</v>
          </cell>
          <cell r="C309" t="str">
            <v>TWA2</v>
          </cell>
          <cell r="D309" t="str">
            <v>Are there any restrictions on the number of renewals of a TWA contract?</v>
          </cell>
          <cell r="E309" t="str">
            <v>Yes. (it can only be renewed once)</v>
          </cell>
          <cell r="F309" t="str">
            <v>No</v>
          </cell>
          <cell r="G309" t="str">
            <v>Yes</v>
          </cell>
          <cell r="J309" t="str">
            <v>No</v>
          </cell>
          <cell r="M309">
            <v>4</v>
          </cell>
          <cell r="P309">
            <v>2</v>
          </cell>
        </row>
        <row r="310">
          <cell r="A310" t="str">
            <v>KoreaTWA3</v>
          </cell>
          <cell r="B310" t="str">
            <v>Korea</v>
          </cell>
          <cell r="C310" t="str">
            <v>TWA3</v>
          </cell>
          <cell r="D310" t="str">
            <v>Maximum cumulated duration of temporary work contractse</v>
          </cell>
          <cell r="E310" t="str">
            <v>The maximum duration of temporary work contracts is 2 years in case of the 26 occupations. But in the case of temporary and intermittent reasons, the duration of TWA contracts is three months in principle and can be extended for up to another three months.</v>
          </cell>
          <cell r="F310" t="str">
            <v>The maximum duration of temporary work contracts is 2 years in case of the 32 occupations for which TWA employment is allowed. But in the case of temporary and intermittent reasons, the duration of TWA contracts is three months in principle and can be extended for up to another three months, bringing the maximum duration up to six months.</v>
          </cell>
          <cell r="G310">
            <v>24</v>
          </cell>
          <cell r="J310">
            <v>24</v>
          </cell>
          <cell r="M310">
            <v>2</v>
          </cell>
          <cell r="P310">
            <v>2</v>
          </cell>
        </row>
        <row r="311">
          <cell r="A311" t="str">
            <v>KoreaTWA4</v>
          </cell>
          <cell r="B311" t="str">
            <v>Korea</v>
          </cell>
          <cell r="C311" t="str">
            <v>TWA4</v>
          </cell>
          <cell r="D311" t="str">
            <v>Authorisation and reporting obligations</v>
          </cell>
          <cell r="F311"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311">
            <v>3</v>
          </cell>
          <cell r="P311">
            <v>6</v>
          </cell>
        </row>
        <row r="312">
          <cell r="A312" t="str">
            <v>KoreaTWA5</v>
          </cell>
          <cell r="B312" t="str">
            <v>Korea</v>
          </cell>
          <cell r="C312" t="str">
            <v>TWA5</v>
          </cell>
          <cell r="D312" t="str">
            <v>Equal treatment of TWA workers</v>
          </cell>
          <cell r="F312"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312">
            <v>2</v>
          </cell>
          <cell r="P312">
            <v>6</v>
          </cell>
        </row>
        <row r="313">
          <cell r="A313" t="str">
            <v>KoreaCD1</v>
          </cell>
          <cell r="B313" t="str">
            <v>Korea</v>
          </cell>
          <cell r="C313" t="str">
            <v>CD1</v>
          </cell>
          <cell r="D313" t="str">
            <v>Definition of collective dismissal</v>
          </cell>
          <cell r="E313" t="str">
            <v>&gt;10 workers in firms &lt;100 employees; &gt;10% of workers in firms 100-999; &gt;100 workers in firms &gt;1000 employees.</v>
          </cell>
          <cell r="F313" t="str">
            <v>&gt;10 workers in firms &lt;100 employees; &gt;10% of workers in firms 100-999; &gt;100 workers in firms &gt;1000 employees.</v>
          </cell>
          <cell r="G313">
            <v>3</v>
          </cell>
          <cell r="J313">
            <v>3</v>
          </cell>
          <cell r="M313">
            <v>4.5</v>
          </cell>
          <cell r="P313">
            <v>4.5</v>
          </cell>
        </row>
        <row r="314">
          <cell r="A314" t="str">
            <v>KoreaCD2</v>
          </cell>
          <cell r="B314" t="str">
            <v>Korea</v>
          </cell>
          <cell r="C314" t="str">
            <v>CD2</v>
          </cell>
          <cell r="D314" t="str">
            <v>Additional notification requirements in case of collective dismissals</v>
          </cell>
          <cell r="E314" t="str">
            <v>Notification of employee representatives: Information and sincere consultation with trade union/employee representatives at least 60 days before the dismissal. Notification of public authorities: Notification to Ministry of Labour 30 days before the dismissal.</v>
          </cell>
          <cell r="F314" t="str">
            <v>Notification of employee representatives: Information and sincere consultation with trade union/employee representatives at least 50 days before the dismissal. Notification of public authorities: Notification to Ministry of Labour 30 days before the dismissal. But there are no sanctions for failing to notify.</v>
          </cell>
          <cell r="G314">
            <v>1</v>
          </cell>
          <cell r="J314">
            <v>1</v>
          </cell>
          <cell r="M314">
            <v>3</v>
          </cell>
          <cell r="P314">
            <v>3</v>
          </cell>
        </row>
        <row r="315">
          <cell r="A315" t="str">
            <v>KoreaCD3</v>
          </cell>
          <cell r="B315" t="str">
            <v>Korea</v>
          </cell>
          <cell r="C315" t="str">
            <v>CD3</v>
          </cell>
          <cell r="D315" t="str">
            <v>Additional delays involved in case of collective dismissals</v>
          </cell>
          <cell r="E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F315" t="str">
            <v>No special regualations (as for the case of dismissal for managerial reasons, an employer should have a sincere consultation with workers’ representatives over efforts to avoid dismissal and fair and rational criteria for selecting workers to be dismissed for 50 days).</v>
          </cell>
          <cell r="G315">
            <v>0</v>
          </cell>
          <cell r="J315">
            <v>0</v>
          </cell>
          <cell r="M315">
            <v>0</v>
          </cell>
          <cell r="P315">
            <v>0</v>
          </cell>
        </row>
        <row r="316">
          <cell r="A316" t="str">
            <v>KoreaCD4</v>
          </cell>
          <cell r="B316" t="str">
            <v>Korea</v>
          </cell>
          <cell r="C316" t="str">
            <v>CD4</v>
          </cell>
          <cell r="D316" t="str">
            <v>Other special costs to employers in case of collective dismissals</v>
          </cell>
          <cell r="E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F316"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G316">
            <v>0</v>
          </cell>
          <cell r="J316">
            <v>0</v>
          </cell>
          <cell r="M316">
            <v>0</v>
          </cell>
          <cell r="P316">
            <v>0</v>
          </cell>
        </row>
        <row r="317">
          <cell r="A317" t="str">
            <v>MexicoEPL1A</v>
          </cell>
          <cell r="B317" t="str">
            <v>Mexico</v>
          </cell>
          <cell r="C317" t="str">
            <v>EPL1A</v>
          </cell>
          <cell r="D317" t="str">
            <v>Notification proceduresa</v>
          </cell>
          <cell r="E317" t="str">
            <v>Statement of reasons to the employee.</v>
          </cell>
          <cell r="F317" t="str">
            <v>The employer must give the employee written notice of the date and cause or causes of termination. If the employee fails to accept the notice, the employer can appear before the Board of Conciliation and Arbitration and request that notice be given to the employee.</v>
          </cell>
          <cell r="G317">
            <v>1</v>
          </cell>
          <cell r="J317">
            <v>1</v>
          </cell>
          <cell r="M317">
            <v>2</v>
          </cell>
          <cell r="P317">
            <v>2</v>
          </cell>
        </row>
        <row r="318">
          <cell r="A318" t="str">
            <v>MexicoEPL1B</v>
          </cell>
          <cell r="B318" t="str">
            <v>Mexico</v>
          </cell>
          <cell r="C318" t="str">
            <v>EPL1B</v>
          </cell>
          <cell r="D318" t="str">
            <v>Delay before notice can starta</v>
          </cell>
          <cell r="E318" t="str">
            <v>Letter sent by mail or handed directly to employee.</v>
          </cell>
          <cell r="F318" t="str">
            <v xml:space="preserve">Letter sent by mail or handed directly to employee. </v>
          </cell>
          <cell r="G318">
            <v>1</v>
          </cell>
          <cell r="J318">
            <v>1</v>
          </cell>
          <cell r="M318">
            <v>0</v>
          </cell>
          <cell r="P318">
            <v>0</v>
          </cell>
        </row>
        <row r="319">
          <cell r="A319" t="str">
            <v>MexicoEPL2A1, EPL2A2, EPL2A3</v>
          </cell>
          <cell r="B319" t="str">
            <v>Mexico</v>
          </cell>
          <cell r="C319" t="str">
            <v>EPL2A1, EPL2A2, EPL2A3</v>
          </cell>
          <cell r="D319" t="str">
            <v>Notice / tenurea</v>
          </cell>
          <cell r="E319" t="str">
            <v>All workers: No minimum notice period.</v>
          </cell>
          <cell r="F319" t="str">
            <v>All workers: No minimum notice period.</v>
          </cell>
          <cell r="G319">
            <v>0</v>
          </cell>
          <cell r="H319">
            <v>0</v>
          </cell>
          <cell r="I319">
            <v>0</v>
          </cell>
          <cell r="J319">
            <v>0</v>
          </cell>
          <cell r="K319">
            <v>0</v>
          </cell>
          <cell r="L319">
            <v>0</v>
          </cell>
          <cell r="M319">
            <v>0</v>
          </cell>
          <cell r="N319">
            <v>0</v>
          </cell>
          <cell r="O319">
            <v>0</v>
          </cell>
          <cell r="P319">
            <v>0</v>
          </cell>
          <cell r="Q319">
            <v>0</v>
          </cell>
          <cell r="R319">
            <v>0</v>
          </cell>
        </row>
        <row r="320">
          <cell r="A320" t="str">
            <v>MexicoEPL2B1, EPL2B2, EPL2B3</v>
          </cell>
          <cell r="B320" t="str">
            <v>Mexico</v>
          </cell>
          <cell r="C320" t="str">
            <v>EPL2B1, EPL2B2, EPL2B3</v>
          </cell>
          <cell r="D320" t="str">
            <v>Severance pay / tenurea</v>
          </cell>
          <cell r="E320" t="str">
            <v>All workers: 3 months.</v>
          </cell>
          <cell r="F320" t="str">
            <v>All workers: 3 months.</v>
          </cell>
          <cell r="G320">
            <v>3</v>
          </cell>
          <cell r="H320">
            <v>3</v>
          </cell>
          <cell r="I320">
            <v>3</v>
          </cell>
          <cell r="J320">
            <v>3</v>
          </cell>
          <cell r="K320">
            <v>3</v>
          </cell>
          <cell r="L320">
            <v>3</v>
          </cell>
          <cell r="M320">
            <v>6</v>
          </cell>
          <cell r="N320">
            <v>4</v>
          </cell>
          <cell r="O320">
            <v>1</v>
          </cell>
          <cell r="P320">
            <v>6</v>
          </cell>
          <cell r="Q320">
            <v>4</v>
          </cell>
          <cell r="R320">
            <v>1</v>
          </cell>
        </row>
        <row r="321">
          <cell r="A321" t="str">
            <v>MexicoEPL3A</v>
          </cell>
          <cell r="B321" t="str">
            <v>Mexico</v>
          </cell>
          <cell r="C321" t="str">
            <v>EPL3A</v>
          </cell>
          <cell r="D321" t="str">
            <v>Definition of justified or unfair dismissal</v>
          </cell>
          <cell r="E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F321" t="str">
            <v xml:space="preserve">Fair: Dismissals are fair only when the employer can demonstrate the worker’s lack of integrity or actions prejudicial to the company’s interests (such as negligence, imprudence, or disobedience).  
Unfair: In all other cases, including where relevant notification procedures have not been followed, the dismissal will usually be ruled unfair. Redundancy or poor performance are normally not legal grounds for dismissal. </v>
          </cell>
          <cell r="G321">
            <v>3</v>
          </cell>
          <cell r="J321">
            <v>3</v>
          </cell>
          <cell r="M321">
            <v>6</v>
          </cell>
          <cell r="P321">
            <v>6</v>
          </cell>
        </row>
        <row r="322">
          <cell r="A322" t="str">
            <v>MexicoEPL3B</v>
          </cell>
          <cell r="B322" t="str">
            <v>Mexico</v>
          </cell>
          <cell r="C322" t="str">
            <v>EPL3B</v>
          </cell>
          <cell r="D322" t="str">
            <v>Trial period</v>
          </cell>
          <cell r="E322" t="str">
            <v>Not legally regulated.</v>
          </cell>
          <cell r="F322" t="str">
            <v>Not legally regulated.</v>
          </cell>
          <cell r="G322" t="str">
            <v>..</v>
          </cell>
          <cell r="J322" t="str">
            <v>..</v>
          </cell>
          <cell r="M322" t="e">
            <v>#N/A</v>
          </cell>
          <cell r="P322" t="e">
            <v>#N/A</v>
          </cell>
        </row>
        <row r="323">
          <cell r="A323" t="str">
            <v>MexicoEPL3C</v>
          </cell>
          <cell r="B323" t="str">
            <v>Mexico</v>
          </cell>
          <cell r="C323" t="str">
            <v>EPL3C</v>
          </cell>
          <cell r="D323" t="str">
            <v>compensation following unfair dismissalb</v>
          </cell>
          <cell r="E323" t="str">
            <v>In the case of dismissal without “just cause”, compensation of 3 months plus 20 days per year of service. Typical compensation at 20 years tenure (all workers): 16 months.</v>
          </cell>
          <cell r="F323" t="str">
            <v>In the case of dismissal without “just cause”, compensation of 3 months plus 20 days per year of service. Typical compensation at 20 years tenure (all workers): 16 months.</v>
          </cell>
          <cell r="G323">
            <v>16</v>
          </cell>
          <cell r="J323">
            <v>16</v>
          </cell>
          <cell r="M323">
            <v>3</v>
          </cell>
          <cell r="P323">
            <v>3</v>
          </cell>
        </row>
        <row r="324">
          <cell r="A324" t="str">
            <v>MexicoEPL3D</v>
          </cell>
          <cell r="B324" t="str">
            <v>Mexico</v>
          </cell>
          <cell r="C324" t="str">
            <v>EPL3D</v>
          </cell>
          <cell r="D324" t="str">
            <v>Possibility of reinstatement following unfair dismissal</v>
          </cell>
          <cell r="E324" t="str">
            <v>Reinstatement orders are rare, although possible by law.</v>
          </cell>
          <cell r="F324" t="str">
            <v>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As such, reinstatement orders are rare.</v>
          </cell>
          <cell r="G324">
            <v>1</v>
          </cell>
          <cell r="J324">
            <v>1</v>
          </cell>
          <cell r="M324">
            <v>2</v>
          </cell>
          <cell r="P324">
            <v>2</v>
          </cell>
        </row>
        <row r="325">
          <cell r="A325" t="str">
            <v>MexicoEPL3E</v>
          </cell>
          <cell r="B325" t="str">
            <v>Mexico</v>
          </cell>
          <cell r="C325" t="str">
            <v>EPL3E</v>
          </cell>
          <cell r="D325" t="str">
            <v>Max time for claim</v>
          </cell>
          <cell r="F325" t="str">
            <v>The Board of Conciliaton and Arbitration, upon receiving notification of dismissal, decides whether the case should proceed to the court.</v>
          </cell>
          <cell r="J325" t="str">
            <v>..</v>
          </cell>
          <cell r="P325" t="e">
            <v>#N/A</v>
          </cell>
        </row>
        <row r="326">
          <cell r="A326" t="str">
            <v>MexicoFT1</v>
          </cell>
          <cell r="B326" t="str">
            <v>Mexico</v>
          </cell>
          <cell r="C326" t="str">
            <v>FT1</v>
          </cell>
          <cell r="D326" t="str">
            <v>Valid cases for use of fixed-term contracts, other than  “objective”  or “material” situationc</v>
          </cell>
          <cell r="E326" t="str">
            <v>Restricted to objective situations (replacement, temporary increase in workload, etc.), with the exception of a few occupations.  Extent of use determined in consultation with union delegates.</v>
          </cell>
          <cell r="F326" t="str">
            <v>Restricted to objective situations (replacement, temporary increase in workload, work on a project that is iteself of a fixed-term nature, etc.), with the exception of a few occupations.  Extent of use determined in consultation with union delegates.</v>
          </cell>
          <cell r="G326">
            <v>0.5</v>
          </cell>
          <cell r="J326">
            <v>0.5</v>
          </cell>
          <cell r="M326">
            <v>5</v>
          </cell>
          <cell r="P326">
            <v>5</v>
          </cell>
        </row>
        <row r="327">
          <cell r="A327" t="str">
            <v>MexicoFT2</v>
          </cell>
          <cell r="B327" t="str">
            <v>Mexico</v>
          </cell>
          <cell r="C327" t="str">
            <v>FT2</v>
          </cell>
          <cell r="D327" t="str">
            <v>Maximum number of successive fixed-term contractsd</v>
          </cell>
          <cell r="E327" t="str">
            <v>No limit specified, negotiable by both parties.</v>
          </cell>
          <cell r="F327" t="str">
            <v xml:space="preserve">No limit specified, negotiable by both parties. </v>
          </cell>
          <cell r="G327">
            <v>100</v>
          </cell>
          <cell r="J327">
            <v>100</v>
          </cell>
          <cell r="M327">
            <v>0</v>
          </cell>
          <cell r="P327">
            <v>0</v>
          </cell>
        </row>
        <row r="328">
          <cell r="A328" t="str">
            <v>MexicoFT3</v>
          </cell>
          <cell r="B328" t="str">
            <v>Mexico</v>
          </cell>
          <cell r="C328" t="str">
            <v>FT3</v>
          </cell>
          <cell r="D328" t="str">
            <v>Maximum cumulated duration of successive fixed-term contracts</v>
          </cell>
          <cell r="E328" t="str">
            <v>No limit specified, negotiable by both parties.</v>
          </cell>
          <cell r="F328" t="str">
            <v>No limit specified, negotiable by both parties. If the fixed term contract is to perform work of a fixed-term nature, the contract will extend as long as the work extends.</v>
          </cell>
          <cell r="G328">
            <v>100</v>
          </cell>
          <cell r="J328">
            <v>100</v>
          </cell>
          <cell r="M328">
            <v>0</v>
          </cell>
          <cell r="P328">
            <v>0</v>
          </cell>
        </row>
        <row r="329">
          <cell r="A329" t="str">
            <v>MexicoTWA1</v>
          </cell>
          <cell r="B329" t="str">
            <v>Mexico</v>
          </cell>
          <cell r="C329" t="str">
            <v>TWA1</v>
          </cell>
          <cell r="D329" t="str">
            <v>Types of work for which TWA employment is legal</v>
          </cell>
          <cell r="E329" t="str">
            <v>Score as illegal</v>
          </cell>
          <cell r="F329" t="str">
            <v>Score as illegal</v>
          </cell>
          <cell r="G329">
            <v>0</v>
          </cell>
          <cell r="J329">
            <v>0</v>
          </cell>
          <cell r="M329">
            <v>6</v>
          </cell>
          <cell r="P329">
            <v>6</v>
          </cell>
        </row>
        <row r="330">
          <cell r="A330" t="str">
            <v>MexicoTWA2</v>
          </cell>
          <cell r="B330" t="str">
            <v>Mexico</v>
          </cell>
          <cell r="C330" t="str">
            <v>TWA2</v>
          </cell>
          <cell r="D330" t="str">
            <v>Are there any restrictions on the number of renewals of a TWA contract?</v>
          </cell>
          <cell r="E330" t="str">
            <v>Scored as not applicable (- or YES or TC2A=0 scored 4)</v>
          </cell>
          <cell r="G330" t="str">
            <v>-</v>
          </cell>
          <cell r="J330" t="str">
            <v>-</v>
          </cell>
          <cell r="M330">
            <v>4</v>
          </cell>
          <cell r="P330">
            <v>4</v>
          </cell>
        </row>
        <row r="331">
          <cell r="A331" t="str">
            <v>MexicoTWA3</v>
          </cell>
          <cell r="B331" t="str">
            <v>Mexico</v>
          </cell>
          <cell r="C331" t="str">
            <v>TWA3</v>
          </cell>
          <cell r="D331" t="str">
            <v>Maximum cumulated duration of temporary work contractse</v>
          </cell>
          <cell r="E331" t="str">
            <v>Scored as minimum (6 or TC2A=0 scored 6)</v>
          </cell>
          <cell r="G331">
            <v>6</v>
          </cell>
          <cell r="J331">
            <v>6</v>
          </cell>
          <cell r="M331">
            <v>6</v>
          </cell>
          <cell r="P331">
            <v>6</v>
          </cell>
        </row>
        <row r="332">
          <cell r="A332" t="str">
            <v>MexicoTWA4</v>
          </cell>
          <cell r="B332" t="str">
            <v>Mexico</v>
          </cell>
          <cell r="C332" t="str">
            <v>TWA4</v>
          </cell>
          <cell r="D332" t="str">
            <v>Authorisation and reporting obligations</v>
          </cell>
          <cell r="F332" t="str">
            <v>n/a</v>
          </cell>
          <cell r="J332" t="str">
            <v>..</v>
          </cell>
          <cell r="P332" t="e">
            <v>#VALUE!</v>
          </cell>
        </row>
        <row r="333">
          <cell r="A333" t="str">
            <v>MexicoTWA5</v>
          </cell>
          <cell r="B333" t="str">
            <v>Mexico</v>
          </cell>
          <cell r="C333" t="str">
            <v>TWA5</v>
          </cell>
          <cell r="D333" t="str">
            <v>Equal treatment of TWA workers</v>
          </cell>
          <cell r="F333" t="str">
            <v>n/a</v>
          </cell>
          <cell r="J333" t="str">
            <v>..</v>
          </cell>
          <cell r="P333" t="e">
            <v>#VALUE!</v>
          </cell>
        </row>
        <row r="334">
          <cell r="A334" t="str">
            <v>MexicoCD1</v>
          </cell>
          <cell r="B334" t="str">
            <v>Mexico</v>
          </cell>
          <cell r="C334" t="str">
            <v>CD1</v>
          </cell>
          <cell r="D334" t="str">
            <v>Definition of collective dismissal</v>
          </cell>
          <cell r="E334" t="str">
            <v>Unspecified number to be dismissed for economic reasons; provisions restricted to companies with 20+ employees.</v>
          </cell>
          <cell r="F334" t="str">
            <v>Unspecified number to be dismissed for economic reasons; provisions restricted to companies with 20+ employees.</v>
          </cell>
          <cell r="G334">
            <v>4</v>
          </cell>
          <cell r="J334">
            <v>4</v>
          </cell>
          <cell r="M334">
            <v>6</v>
          </cell>
          <cell r="P334">
            <v>6</v>
          </cell>
        </row>
        <row r="335">
          <cell r="A335" t="str">
            <v>MexicoCD2</v>
          </cell>
          <cell r="B335" t="str">
            <v>Mexico</v>
          </cell>
          <cell r="C335" t="str">
            <v>CD2</v>
          </cell>
          <cell r="D335" t="str">
            <v>Additional notification requirements in case of collective dismissals</v>
          </cell>
          <cell r="E335" t="str">
            <v>Notification of employee representatives: Duty to inform and consult with trade union/employee representatives. Notification of public authorities: Notification to Conciliation and Arbitration Board (Junta) if no agreement with union can be found.</v>
          </cell>
          <cell r="F335" t="str">
            <v>Notification of employee representatives: Duty to inform and consult with trade union/employee representatives. Notification of public authorities: Notification to Conciliation and Arbitration Board if no agreement with union can be found.</v>
          </cell>
          <cell r="G335">
            <v>2</v>
          </cell>
          <cell r="J335">
            <v>2</v>
          </cell>
          <cell r="M335">
            <v>6</v>
          </cell>
          <cell r="P335">
            <v>6</v>
          </cell>
        </row>
        <row r="336">
          <cell r="A336" t="str">
            <v>MexicoCD3</v>
          </cell>
          <cell r="B336" t="str">
            <v>Mexico</v>
          </cell>
          <cell r="C336" t="str">
            <v>CD3</v>
          </cell>
          <cell r="D336" t="str">
            <v>Additional delays involved in case of collective dismissals</v>
          </cell>
          <cell r="E336" t="str">
            <v>No special regulations for collective dismissal.</v>
          </cell>
          <cell r="F336" t="str">
            <v>No special regulations for collective dismissal.</v>
          </cell>
          <cell r="G336">
            <v>0</v>
          </cell>
          <cell r="J336">
            <v>0</v>
          </cell>
          <cell r="M336">
            <v>0</v>
          </cell>
          <cell r="P336">
            <v>0</v>
          </cell>
        </row>
        <row r="337">
          <cell r="A337" t="str">
            <v>MexicoCD4</v>
          </cell>
          <cell r="B337" t="str">
            <v>Mexico</v>
          </cell>
          <cell r="C337" t="str">
            <v>CD4</v>
          </cell>
          <cell r="D337" t="str">
            <v>Other special costs to employers in case of collective dismissals</v>
          </cell>
          <cell r="E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F337" t="str">
            <v>Type of negotiation requiredf: Negotiation with employee representatives on conditions and procedures of dismissal.  If no agreement is reached, agreement by Conciliation and Arbitration Board on terms of dismissal required. Selection criteria: Usually seniority-based. Severance pay: No special regulation for collective dismissal</v>
          </cell>
          <cell r="G337">
            <v>1</v>
          </cell>
          <cell r="J337">
            <v>1</v>
          </cell>
          <cell r="M337">
            <v>3</v>
          </cell>
          <cell r="P337">
            <v>3</v>
          </cell>
        </row>
        <row r="338">
          <cell r="A338" t="str">
            <v>NetherlandsEPL1A</v>
          </cell>
          <cell r="B338" t="str">
            <v>Netherlands</v>
          </cell>
          <cell r="C338" t="str">
            <v>EPL1A</v>
          </cell>
          <cell r="D338" t="str">
            <v>Notification proceduresa</v>
          </cell>
          <cell r="E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F338" t="str">
            <v xml:space="preserve">Dutch dismissal law is governed by a dual system. Termination via PES: where a private sector employer wishes to terminate an employment contract and the parties do not agree about ending the contract, the employer requires prior premission from a public administrative body, the Centre for Work and Income (CWI). This procedure acts as a preventive check to determine the reasobableness of any intended dismissal. It is financially less onerous than the alternative but takes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v>
          </cell>
          <cell r="G338">
            <v>2</v>
          </cell>
          <cell r="J338">
            <v>2</v>
          </cell>
          <cell r="M338">
            <v>4</v>
          </cell>
          <cell r="P338">
            <v>4</v>
          </cell>
        </row>
        <row r="339">
          <cell r="A339" t="str">
            <v>NetherlandsEPL1B</v>
          </cell>
          <cell r="B339" t="str">
            <v>Netherlands</v>
          </cell>
          <cell r="C339" t="str">
            <v>EPL1B</v>
          </cell>
          <cell r="D339" t="str">
            <v>Delay before notice can starta</v>
          </cell>
          <cell r="E339" t="str">
            <v>Termination via PES: Authorisation procedure normally takes 4‑6 weeks. In case of economic redundancy a shortened procedure is possible if the employee agrees with the dismissal. Then the authorization procedure takes 1 or 2 weeks.</v>
          </cell>
          <cell r="F339" t="str">
            <v>Termination via PES: Authorisation procedure normally takes 4 6 weeks. 
Termination via courts: The delay in cases which proceed to court varies from 1-30 days. 
Calculation: average of PES (5 weeks on average) and courts (15 days on average).</v>
          </cell>
          <cell r="G339">
            <v>31</v>
          </cell>
          <cell r="J339">
            <v>25</v>
          </cell>
          <cell r="M339">
            <v>4</v>
          </cell>
          <cell r="P339">
            <v>3</v>
          </cell>
        </row>
        <row r="340">
          <cell r="A340" t="str">
            <v>NetherlandsEPL2A1, EPL2A2, EPL2A3</v>
          </cell>
          <cell r="B340" t="str">
            <v>Netherlands</v>
          </cell>
          <cell r="C340" t="str">
            <v>EPL2A1, EPL2A2, EPL2A3</v>
          </cell>
          <cell r="D340" t="str">
            <v>Notice / tenurea</v>
          </cell>
          <cell r="E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F340"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G340">
            <v>0.5</v>
          </cell>
          <cell r="H340">
            <v>0.5</v>
          </cell>
          <cell r="I340">
            <v>1.5</v>
          </cell>
          <cell r="J340">
            <v>0.5</v>
          </cell>
          <cell r="K340">
            <v>0.5</v>
          </cell>
          <cell r="L340">
            <v>1.5</v>
          </cell>
          <cell r="M340">
            <v>2</v>
          </cell>
          <cell r="N340">
            <v>1</v>
          </cell>
          <cell r="O340">
            <v>1</v>
          </cell>
          <cell r="P340">
            <v>2</v>
          </cell>
          <cell r="Q340">
            <v>1</v>
          </cell>
          <cell r="R340">
            <v>1</v>
          </cell>
        </row>
        <row r="341">
          <cell r="A341" t="str">
            <v>NetherlandsEPL2B1, EPL2B2, EPL2B3</v>
          </cell>
          <cell r="B341" t="str">
            <v>Netherlands</v>
          </cell>
          <cell r="C341" t="str">
            <v>EPL2B1, EPL2B2, EPL2B3</v>
          </cell>
          <cell r="D341" t="str">
            <v>Severance pay / tenurea</v>
          </cell>
          <cell r="E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F341" t="str">
            <v>Termination via PES: no sev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G341">
            <v>0</v>
          </cell>
          <cell r="H341">
            <v>3</v>
          </cell>
          <cell r="I341">
            <v>9</v>
          </cell>
          <cell r="J341">
            <v>0</v>
          </cell>
          <cell r="K341">
            <v>3</v>
          </cell>
          <cell r="L341">
            <v>9</v>
          </cell>
          <cell r="M341">
            <v>0</v>
          </cell>
          <cell r="N341">
            <v>4</v>
          </cell>
          <cell r="O341">
            <v>3</v>
          </cell>
          <cell r="P341">
            <v>0</v>
          </cell>
          <cell r="Q341">
            <v>4</v>
          </cell>
          <cell r="R341">
            <v>3</v>
          </cell>
        </row>
        <row r="342">
          <cell r="A342" t="str">
            <v>NetherlandsEPL3A</v>
          </cell>
          <cell r="B342" t="str">
            <v>Netherlands</v>
          </cell>
          <cell r="C342" t="str">
            <v>EPL3A</v>
          </cell>
          <cell r="D342" t="str">
            <v>Definition of justified or unfair dismissal</v>
          </cell>
          <cell r="E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F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G342">
            <v>1.5</v>
          </cell>
          <cell r="J342">
            <v>1.5</v>
          </cell>
          <cell r="M342">
            <v>3</v>
          </cell>
          <cell r="P342">
            <v>3</v>
          </cell>
        </row>
        <row r="343">
          <cell r="A343" t="str">
            <v>NetherlandsEPL3B</v>
          </cell>
          <cell r="B343" t="str">
            <v>Netherlands</v>
          </cell>
          <cell r="C343" t="str">
            <v>EPL3B</v>
          </cell>
          <cell r="D343" t="str">
            <v>Trial period</v>
          </cell>
          <cell r="E343" t="str">
            <v>All workers: 1 month for contract of &lt; 2 years duration; 2 months for contract of &gt;2 years duration.</v>
          </cell>
          <cell r="F343" t="str">
            <v>All workers: 1 month for contract of &lt; 2 years duration; 2 months for contract of &gt;2 years duration.</v>
          </cell>
          <cell r="G343">
            <v>2</v>
          </cell>
          <cell r="J343">
            <v>2</v>
          </cell>
          <cell r="M343">
            <v>5</v>
          </cell>
          <cell r="P343">
            <v>5</v>
          </cell>
        </row>
        <row r="344">
          <cell r="A344" t="str">
            <v>NetherlandsEPL3C</v>
          </cell>
          <cell r="B344" t="str">
            <v>Netherlands</v>
          </cell>
          <cell r="C344" t="str">
            <v>EPL3C</v>
          </cell>
          <cell r="D344" t="str">
            <v>compensation following unfair dismissalb</v>
          </cell>
          <cell r="E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F344"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G344">
            <v>18</v>
          </cell>
          <cell r="J344">
            <v>7</v>
          </cell>
          <cell r="M344">
            <v>3</v>
          </cell>
          <cell r="P344">
            <v>1</v>
          </cell>
        </row>
        <row r="345">
          <cell r="A345" t="str">
            <v>NetherlandsEPL3D</v>
          </cell>
          <cell r="B345" t="str">
            <v>Netherlands</v>
          </cell>
          <cell r="C345" t="str">
            <v>EPL3D</v>
          </cell>
          <cell r="D345" t="str">
            <v>Possibility of reinstatement following unfair dismissal</v>
          </cell>
          <cell r="E345" t="str">
            <v>The option of  reinstatement is rarely made available to the employee.</v>
          </cell>
          <cell r="F345" t="str">
            <v>The option of  reinstatement is rarely made available to the employee.</v>
          </cell>
          <cell r="G345">
            <v>1</v>
          </cell>
          <cell r="J345">
            <v>1</v>
          </cell>
          <cell r="M345">
            <v>2</v>
          </cell>
          <cell r="P345">
            <v>2</v>
          </cell>
        </row>
        <row r="346">
          <cell r="A346" t="str">
            <v>NetherlandsEPL3E</v>
          </cell>
          <cell r="B346" t="str">
            <v>Netherlands</v>
          </cell>
          <cell r="C346" t="str">
            <v>EPL3E</v>
          </cell>
          <cell r="D346" t="str">
            <v>Max time for claim</v>
          </cell>
          <cell r="E346" t="str">
            <v>-</v>
          </cell>
          <cell r="F346" t="str">
            <v>6 months</v>
          </cell>
          <cell r="J346">
            <v>6</v>
          </cell>
          <cell r="P346">
            <v>3</v>
          </cell>
        </row>
        <row r="347">
          <cell r="A347" t="str">
            <v>NetherlandsFT1</v>
          </cell>
          <cell r="B347" t="str">
            <v>Netherlands</v>
          </cell>
          <cell r="C347" t="str">
            <v>FT1</v>
          </cell>
          <cell r="D347" t="str">
            <v>Valid cases for use of fixed-term contracts, other than  “objective”  or “material” situationc</v>
          </cell>
          <cell r="E347" t="str">
            <v xml:space="preserve">No restrictions. </v>
          </cell>
          <cell r="F347" t="str">
            <v xml:space="preserve">No restrictions. </v>
          </cell>
          <cell r="G347">
            <v>3</v>
          </cell>
          <cell r="J347">
            <v>3</v>
          </cell>
          <cell r="M347">
            <v>0</v>
          </cell>
          <cell r="P347">
            <v>0</v>
          </cell>
        </row>
        <row r="348">
          <cell r="A348" t="str">
            <v>NetherlandsFT2</v>
          </cell>
          <cell r="B348" t="str">
            <v>Netherlands</v>
          </cell>
          <cell r="C348" t="str">
            <v>FT2</v>
          </cell>
          <cell r="D348" t="str">
            <v>Maximum number of successive fixed-term contractsd</v>
          </cell>
          <cell r="E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F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G348">
            <v>3</v>
          </cell>
          <cell r="J348">
            <v>3</v>
          </cell>
          <cell r="M348">
            <v>3</v>
          </cell>
          <cell r="P348">
            <v>3</v>
          </cell>
        </row>
        <row r="349">
          <cell r="A349" t="str">
            <v>NetherlandsFT3</v>
          </cell>
          <cell r="B349" t="str">
            <v>Netherlands</v>
          </cell>
          <cell r="C349" t="str">
            <v>FT3</v>
          </cell>
          <cell r="D349" t="str">
            <v>Maximum cumulated duration of successive fixed-term contracts</v>
          </cell>
          <cell r="E349" t="str">
            <v>No limit for first fixed-term contracts, but 3 years in case of renewals.</v>
          </cell>
          <cell r="F349" t="str">
            <v>No limit for first fixed-term contracts, but 3 years in case of renewals.</v>
          </cell>
          <cell r="G349">
            <v>100</v>
          </cell>
          <cell r="J349">
            <v>100</v>
          </cell>
          <cell r="M349">
            <v>0</v>
          </cell>
          <cell r="P349">
            <v>0</v>
          </cell>
        </row>
        <row r="350">
          <cell r="A350" t="str">
            <v>NetherlandsTWA1</v>
          </cell>
          <cell r="B350" t="str">
            <v>Netherlands</v>
          </cell>
          <cell r="C350" t="str">
            <v>TWA1</v>
          </cell>
          <cell r="D350" t="str">
            <v>Types of work for which TWA employment is legal</v>
          </cell>
          <cell r="E350" t="str">
            <v>General, with the exception of seamen. (previous restrictions in transport and construction now removed).</v>
          </cell>
          <cell r="F350" t="str">
            <v>General, with the exception of seamen.</v>
          </cell>
          <cell r="G350">
            <v>3.5</v>
          </cell>
          <cell r="J350">
            <v>3.5</v>
          </cell>
          <cell r="M350">
            <v>0.75</v>
          </cell>
          <cell r="P350">
            <v>0.75</v>
          </cell>
        </row>
        <row r="351">
          <cell r="A351" t="str">
            <v>NetherlandsTWA2</v>
          </cell>
          <cell r="B351" t="str">
            <v>Netherlands</v>
          </cell>
          <cell r="C351" t="str">
            <v>TWA2</v>
          </cell>
          <cell r="D351" t="str">
            <v>Are there any restrictions on the number of renewals of a TWA contract?</v>
          </cell>
          <cell r="E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F351" t="str">
            <v>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v>
          </cell>
          <cell r="G351" t="str">
            <v>Yes</v>
          </cell>
          <cell r="J351" t="str">
            <v>Yes</v>
          </cell>
          <cell r="M351">
            <v>4</v>
          </cell>
          <cell r="P351">
            <v>4</v>
          </cell>
        </row>
        <row r="352">
          <cell r="A352" t="str">
            <v>NetherlandsTWA3</v>
          </cell>
          <cell r="B352" t="str">
            <v>Netherlands</v>
          </cell>
          <cell r="C352" t="str">
            <v>TWA3</v>
          </cell>
          <cell r="D352" t="str">
            <v>Maximum cumulated duration of temporary work contractse</v>
          </cell>
          <cell r="E352" t="str">
            <v> Unlimited. After 3 years of cumulation of TWA-contracts, the last fixed-term contract will be altered into a contract for an indefinite period with the TWA.</v>
          </cell>
          <cell r="F352" t="str">
            <v> Unlimited. After 3.5 years of cumulation of TWA-contracts, the last fixed-term contract will be altered into a contract for an indefinite period with the TWA.</v>
          </cell>
          <cell r="G352">
            <v>36</v>
          </cell>
          <cell r="J352">
            <v>42</v>
          </cell>
          <cell r="M352">
            <v>1</v>
          </cell>
          <cell r="P352">
            <v>1</v>
          </cell>
        </row>
        <row r="353">
          <cell r="A353" t="str">
            <v>NetherlandsTWA4</v>
          </cell>
          <cell r="B353" t="str">
            <v>Netherlands</v>
          </cell>
          <cell r="C353" t="str">
            <v>TWA4</v>
          </cell>
          <cell r="D353" t="str">
            <v>Authorisation and reporting obligations</v>
          </cell>
          <cell r="E353" t="str">
            <v>-</v>
          </cell>
          <cell r="F353" t="str">
            <v>No</v>
          </cell>
          <cell r="J353">
            <v>0</v>
          </cell>
          <cell r="P353">
            <v>0</v>
          </cell>
        </row>
        <row r="354">
          <cell r="A354" t="str">
            <v>NetherlandsTWA5</v>
          </cell>
          <cell r="B354" t="str">
            <v>Netherlands</v>
          </cell>
          <cell r="C354" t="str">
            <v>TWA5</v>
          </cell>
          <cell r="D354" t="str">
            <v>Equal treatment of TWA workers</v>
          </cell>
          <cell r="E354" t="str">
            <v>-</v>
          </cell>
          <cell r="F354" t="str">
            <v>Yes, equal treatment on pay and conditions, but can deviate from this regulation by collective agreement.</v>
          </cell>
          <cell r="J354">
            <v>2</v>
          </cell>
          <cell r="P354">
            <v>6</v>
          </cell>
        </row>
        <row r="355">
          <cell r="A355" t="str">
            <v>NetherlandsCD1</v>
          </cell>
          <cell r="B355" t="str">
            <v>Netherlands</v>
          </cell>
          <cell r="C355" t="str">
            <v>CD1</v>
          </cell>
          <cell r="D355" t="str">
            <v>Definition of collective dismissal</v>
          </cell>
          <cell r="E355" t="str">
            <v>Over 3 months, 20+ workers dismissed by one employer in one employment service region.</v>
          </cell>
          <cell r="F355" t="str">
            <v>Over 3 months, 20+ workers dismissed by one employer in one employment service region.</v>
          </cell>
          <cell r="G355">
            <v>2</v>
          </cell>
          <cell r="J355">
            <v>2</v>
          </cell>
          <cell r="M355">
            <v>3</v>
          </cell>
          <cell r="P355">
            <v>3</v>
          </cell>
        </row>
        <row r="356">
          <cell r="A356" t="str">
            <v>NetherlandsCD2</v>
          </cell>
          <cell r="B356" t="str">
            <v>Netherlands</v>
          </cell>
          <cell r="C356" t="str">
            <v>CD2</v>
          </cell>
          <cell r="D356" t="str">
            <v>Additional notification requirements in case of collective dismissals</v>
          </cell>
          <cell r="E356" t="str">
            <v>Notification of employee representatives: Duty to inform and consult with Works Council and trade union delegation.
Notification of public authorities: Notification of regional employment office.</v>
          </cell>
          <cell r="F356" t="str">
            <v>Notification of employee representatives: Duty to inform and consult with Works Council and trade union delegation.
Notification of public authorities: Notification of regional employment office.</v>
          </cell>
          <cell r="G356">
            <v>1</v>
          </cell>
          <cell r="J356">
            <v>1</v>
          </cell>
          <cell r="M356">
            <v>3</v>
          </cell>
          <cell r="P356">
            <v>3</v>
          </cell>
        </row>
        <row r="357">
          <cell r="A357" t="str">
            <v>NetherlandsCD3</v>
          </cell>
          <cell r="B357" t="str">
            <v>Netherlands</v>
          </cell>
          <cell r="C357" t="str">
            <v>CD3</v>
          </cell>
          <cell r="D357" t="str">
            <v>Additional delays involved in case of collective dismissals</v>
          </cell>
          <cell r="E357" t="str">
            <v>30 days waiting period to allow for social plan negotiations (unless the social partners have agreed in writing to refrain from the waiting period.</v>
          </cell>
          <cell r="F357" t="str">
            <v>30 days waiting period to allow for social plan negotiations (unless the social partners have agreed in writing to refrain from the waiting period.</v>
          </cell>
          <cell r="G357">
            <v>30</v>
          </cell>
          <cell r="J357">
            <v>30</v>
          </cell>
          <cell r="M357">
            <v>3</v>
          </cell>
          <cell r="P357">
            <v>3</v>
          </cell>
        </row>
        <row r="358">
          <cell r="A358" t="str">
            <v>NetherlandsCD4</v>
          </cell>
          <cell r="B358" t="str">
            <v>Netherlands</v>
          </cell>
          <cell r="C358" t="str">
            <v>CD4</v>
          </cell>
          <cell r="D358" t="str">
            <v>Other special costs to employers in case of collective dismissals</v>
          </cell>
          <cell r="E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F358"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G358">
            <v>1</v>
          </cell>
          <cell r="J358">
            <v>1</v>
          </cell>
          <cell r="M358">
            <v>3</v>
          </cell>
          <cell r="P358">
            <v>3</v>
          </cell>
        </row>
        <row r="359">
          <cell r="A359" t="str">
            <v>New ZealandEPL1A</v>
          </cell>
          <cell r="B359" t="str">
            <v>New Zealand</v>
          </cell>
          <cell r="C359" t="str">
            <v>EPL1A</v>
          </cell>
          <cell r="D359" t="str">
            <v>Notification proceduresa</v>
          </cell>
          <cell r="E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F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t.
Are there specific procedures for the new test of justification? Is there a decision about the fairness/reasonableness of the employer’s action prior to dismissal taking place, or only if the employee subsequently challenges the dismissal?
Calculation: 1.5 = (1+2)/2
</v>
          </cell>
          <cell r="G359">
            <v>1.5</v>
          </cell>
          <cell r="J359">
            <v>1.5</v>
          </cell>
          <cell r="M359">
            <v>3</v>
          </cell>
          <cell r="P359">
            <v>3</v>
          </cell>
        </row>
        <row r="360">
          <cell r="A360" t="str">
            <v>New ZealandEPL1B</v>
          </cell>
          <cell r="B360" t="str">
            <v>New Zealand</v>
          </cell>
          <cell r="C360" t="str">
            <v>EPL1B</v>
          </cell>
          <cell r="D360" t="str">
            <v>Delay before notice can starta</v>
          </cell>
          <cell r="E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F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1 day for written notice + 6 days for prior warning procedure.</v>
          </cell>
          <cell r="G360">
            <v>7</v>
          </cell>
          <cell r="J360">
            <v>7</v>
          </cell>
          <cell r="M360">
            <v>1</v>
          </cell>
          <cell r="P360">
            <v>1</v>
          </cell>
        </row>
        <row r="361">
          <cell r="A361" t="str">
            <v>New ZealandEPL2A1, EPL2A2, EPL2A3</v>
          </cell>
          <cell r="B361" t="str">
            <v>New Zealand</v>
          </cell>
          <cell r="C361" t="str">
            <v>EPL2A1, EPL2A2, EPL2A3</v>
          </cell>
          <cell r="D361" t="str">
            <v>Notice / tenurea</v>
          </cell>
          <cell r="E361" t="str">
            <v xml:space="preserve">All workers: No specific period is required under the ERA, but the duty of good faith, as well as case law, requires that reasonable notice be provided. Usually 1-2 weeks for blue collar and 2+ weeks for white collar workers.
</v>
          </cell>
          <cell r="F361" t="str">
            <v xml:space="preserve">All workers: No specific period is required under the ERA, but the duty of good faith, as well as case law, requires that reasonable notice be provided. Usually 1-2 weeks for blue collar and 2+ weeks for white collar workers.
</v>
          </cell>
          <cell r="G361">
            <v>0.5</v>
          </cell>
          <cell r="H361">
            <v>0.5</v>
          </cell>
          <cell r="I361">
            <v>0.5</v>
          </cell>
          <cell r="J361">
            <v>0.5</v>
          </cell>
          <cell r="K361">
            <v>0.5</v>
          </cell>
          <cell r="L361">
            <v>0.5</v>
          </cell>
          <cell r="M361">
            <v>2</v>
          </cell>
          <cell r="N361">
            <v>1</v>
          </cell>
          <cell r="O361">
            <v>0</v>
          </cell>
          <cell r="P361">
            <v>2</v>
          </cell>
          <cell r="Q361">
            <v>1</v>
          </cell>
          <cell r="R361">
            <v>0</v>
          </cell>
        </row>
        <row r="362">
          <cell r="A362" t="str">
            <v>New ZealandEPL2B1, EPL2B2, EPL2B3</v>
          </cell>
          <cell r="B362" t="str">
            <v>New Zealand</v>
          </cell>
          <cell r="C362" t="str">
            <v>EPL2B1, EPL2B2, EPL2B3</v>
          </cell>
          <cell r="D362" t="str">
            <v>Severance pay / tenurea</v>
          </cell>
          <cell r="E362" t="str">
            <v xml:space="preserve">Personal reasons: none.
Redundacy cases: no statutory requirements to pay severance pay. </v>
          </cell>
          <cell r="F362" t="str">
            <v>Personal reasons: none.
Redundacy cases: no statutory requirements to pay severance pay. However, collective agreements often require severance pay.</v>
          </cell>
          <cell r="G362">
            <v>0</v>
          </cell>
          <cell r="H362">
            <v>0</v>
          </cell>
          <cell r="I362">
            <v>0</v>
          </cell>
          <cell r="J362">
            <v>0</v>
          </cell>
          <cell r="K362">
            <v>0</v>
          </cell>
          <cell r="L362">
            <v>0</v>
          </cell>
          <cell r="M362">
            <v>0</v>
          </cell>
          <cell r="N362">
            <v>0</v>
          </cell>
          <cell r="O362">
            <v>0</v>
          </cell>
          <cell r="P362">
            <v>0</v>
          </cell>
          <cell r="Q362">
            <v>0</v>
          </cell>
          <cell r="R362">
            <v>0</v>
          </cell>
        </row>
        <row r="363">
          <cell r="A363" t="str">
            <v>New ZealandEPL3A</v>
          </cell>
          <cell r="B363" t="str">
            <v>New Zealand</v>
          </cell>
          <cell r="C363" t="str">
            <v>EPL3A</v>
          </cell>
          <cell r="D363" t="str">
            <v>Definition of justified or unfair dismissal</v>
          </cell>
          <cell r="E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F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v>
          </cell>
          <cell r="G363">
            <v>0</v>
          </cell>
          <cell r="J363">
            <v>0</v>
          </cell>
          <cell r="M363">
            <v>0</v>
          </cell>
          <cell r="P363">
            <v>0</v>
          </cell>
        </row>
        <row r="364">
          <cell r="A364" t="str">
            <v>New ZealandEPL3B</v>
          </cell>
          <cell r="B364" t="str">
            <v>New Zealand</v>
          </cell>
          <cell r="C364" t="str">
            <v>EPL3B</v>
          </cell>
          <cell r="D364" t="str">
            <v>Trial period</v>
          </cell>
          <cell r="E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F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G364">
            <v>0</v>
          </cell>
          <cell r="J364">
            <v>0</v>
          </cell>
          <cell r="M364">
            <v>6</v>
          </cell>
          <cell r="P364">
            <v>6</v>
          </cell>
        </row>
        <row r="365">
          <cell r="A365" t="str">
            <v>New ZealandEPL3C</v>
          </cell>
          <cell r="B365" t="str">
            <v>New Zealand</v>
          </cell>
          <cell r="C365" t="str">
            <v>EPL3C</v>
          </cell>
          <cell r="D365" t="str">
            <v>compensation following unfair dismissalb</v>
          </cell>
          <cell r="E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F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6,500 (equivalent to 1.7 months wages based on average weekly earnings taken from 2007 Labour Market Statistics publication).</v>
          </cell>
          <cell r="G365" t="str">
            <v>..</v>
          </cell>
          <cell r="J365">
            <v>7.7</v>
          </cell>
          <cell r="M365" t="e">
            <v>#N/A</v>
          </cell>
          <cell r="P365">
            <v>1</v>
          </cell>
        </row>
        <row r="366">
          <cell r="A366" t="str">
            <v>New ZealandEPL3D</v>
          </cell>
          <cell r="B366" t="str">
            <v>New Zealand</v>
          </cell>
          <cell r="C366" t="str">
            <v>EPL3D</v>
          </cell>
          <cell r="D366" t="str">
            <v>Possibility of reinstatement following unfair dismissal</v>
          </cell>
          <cell r="E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F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G366">
            <v>1</v>
          </cell>
          <cell r="J366">
            <v>1</v>
          </cell>
          <cell r="M366">
            <v>2</v>
          </cell>
          <cell r="P366">
            <v>2</v>
          </cell>
        </row>
        <row r="367">
          <cell r="A367" t="str">
            <v>New ZealandEPL3E</v>
          </cell>
          <cell r="B367" t="str">
            <v>New Zealand</v>
          </cell>
          <cell r="C367" t="str">
            <v>EPL3E</v>
          </cell>
          <cell r="D367" t="str">
            <v>Max time for claim</v>
          </cell>
          <cell r="E367" t="str">
            <v>-</v>
          </cell>
          <cell r="F367"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367">
            <v>3</v>
          </cell>
          <cell r="P367">
            <v>2</v>
          </cell>
        </row>
        <row r="368">
          <cell r="A368" t="str">
            <v>New ZealandFT1</v>
          </cell>
          <cell r="B368" t="str">
            <v>New Zealand</v>
          </cell>
          <cell r="C368" t="str">
            <v>FT1</v>
          </cell>
          <cell r="D368" t="str">
            <v>Valid cases for use of fixed-term contracts, other than  “objective”  or “material” situationc</v>
          </cell>
          <cell r="E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F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G368">
            <v>2</v>
          </cell>
          <cell r="J368">
            <v>2</v>
          </cell>
          <cell r="M368">
            <v>2</v>
          </cell>
          <cell r="P368">
            <v>2</v>
          </cell>
        </row>
        <row r="369">
          <cell r="A369" t="str">
            <v>New ZealandFT2</v>
          </cell>
          <cell r="B369" t="str">
            <v>New Zealand</v>
          </cell>
          <cell r="C369" t="str">
            <v>FT2</v>
          </cell>
          <cell r="D369" t="str">
            <v>Maximum number of successive fixed-term contractsd</v>
          </cell>
          <cell r="E369" t="str">
            <v>4 No limit specified, but the requirement that an employer must have genuine reasons based on reasonable grounds may mean that there will be a risk that upon continuous renewal the Courts will find a fixed-term agreement to be a “sham”.</v>
          </cell>
          <cell r="F369" t="str">
            <v>4 No limit specified, but the requirement that an employer must have genuine reasons based on reasonable grounds may mean that there will be a risk that upon continuous renewal the Courts will find a fixed-term agreement to be a “sham”.</v>
          </cell>
          <cell r="G369">
            <v>4</v>
          </cell>
          <cell r="J369">
            <v>4</v>
          </cell>
          <cell r="M369">
            <v>2</v>
          </cell>
          <cell r="P369">
            <v>2</v>
          </cell>
        </row>
        <row r="370">
          <cell r="A370" t="str">
            <v>New ZealandFT3</v>
          </cell>
          <cell r="B370" t="str">
            <v>New Zealand</v>
          </cell>
          <cell r="C370" t="str">
            <v>FT3</v>
          </cell>
          <cell r="D370" t="str">
            <v>Maximum cumulated duration of successive fixed-term contracts</v>
          </cell>
          <cell r="E370" t="str">
            <v>No limit, unless it is shown that the employer does not have genuine reasons based on reasonable grounds.</v>
          </cell>
          <cell r="F370" t="str">
            <v>No limit, unless it is shown that the employer does not have genuine reasons based on reasonable grounds.</v>
          </cell>
          <cell r="G370">
            <v>100</v>
          </cell>
          <cell r="J370">
            <v>100</v>
          </cell>
          <cell r="M370">
            <v>0</v>
          </cell>
          <cell r="P370">
            <v>0</v>
          </cell>
        </row>
        <row r="371">
          <cell r="A371" t="str">
            <v>New ZealandTWA1</v>
          </cell>
          <cell r="B371" t="str">
            <v>New Zealand</v>
          </cell>
          <cell r="C371" t="str">
            <v>TWA1</v>
          </cell>
          <cell r="D371" t="str">
            <v>Types of work for which TWA employment is legal</v>
          </cell>
          <cell r="E371" t="str">
            <v>General</v>
          </cell>
          <cell r="F371" t="str">
            <v>General</v>
          </cell>
          <cell r="G371">
            <v>4</v>
          </cell>
          <cell r="J371">
            <v>4</v>
          </cell>
          <cell r="M371">
            <v>0</v>
          </cell>
          <cell r="P371">
            <v>0</v>
          </cell>
        </row>
        <row r="372">
          <cell r="A372" t="str">
            <v>New ZealandTWA2</v>
          </cell>
          <cell r="B372" t="str">
            <v>New Zealand</v>
          </cell>
          <cell r="C372" t="str">
            <v>TWA2</v>
          </cell>
          <cell r="D372" t="str">
            <v>Are there any restrictions on the number of renewals of a TWA contract?</v>
          </cell>
          <cell r="E372" t="str">
            <v>No limit specified, except that the employer must have genuine reasons based on reasonable grounds.</v>
          </cell>
          <cell r="F372" t="str">
            <v>No limit specified, except that the employer must have genuine reasons based on reasonable grounds.</v>
          </cell>
          <cell r="G372" t="str">
            <v>Yes</v>
          </cell>
          <cell r="J372" t="str">
            <v>Yes</v>
          </cell>
          <cell r="M372">
            <v>4</v>
          </cell>
          <cell r="P372">
            <v>4</v>
          </cell>
        </row>
        <row r="373">
          <cell r="A373" t="str">
            <v>New ZealandTWA3</v>
          </cell>
          <cell r="B373" t="str">
            <v>New Zealand</v>
          </cell>
          <cell r="C373" t="str">
            <v>TWA3</v>
          </cell>
          <cell r="D373" t="str">
            <v>Maximum cumulated duration of temporary work contractse</v>
          </cell>
          <cell r="E373" t="str">
            <v>No limit, unless it is shown that the employer does not have genuine reasons based on reasonable grounds.</v>
          </cell>
          <cell r="F373" t="str">
            <v>No limit, unless it is shown that the employer does not have genuine reasons based on reasonable grounds.</v>
          </cell>
          <cell r="G373">
            <v>100</v>
          </cell>
          <cell r="J373">
            <v>100</v>
          </cell>
          <cell r="M373">
            <v>0</v>
          </cell>
          <cell r="P373">
            <v>0</v>
          </cell>
        </row>
        <row r="374">
          <cell r="A374" t="str">
            <v>New ZealandTWA4</v>
          </cell>
          <cell r="B374" t="str">
            <v>New Zealand</v>
          </cell>
          <cell r="C374" t="str">
            <v>TWA4</v>
          </cell>
          <cell r="D374" t="str">
            <v>Authorisation and reporting obligations</v>
          </cell>
          <cell r="F374" t="str">
            <v>No</v>
          </cell>
          <cell r="J374">
            <v>0</v>
          </cell>
          <cell r="P374">
            <v>0</v>
          </cell>
        </row>
        <row r="375">
          <cell r="A375" t="str">
            <v>New ZealandTWA5</v>
          </cell>
          <cell r="B375" t="str">
            <v>New Zealand</v>
          </cell>
          <cell r="C375" t="str">
            <v>TWA5</v>
          </cell>
          <cell r="D375" t="str">
            <v>Equal treatment of TWA workers</v>
          </cell>
          <cell r="F375" t="str">
            <v>No</v>
          </cell>
          <cell r="J375">
            <v>0</v>
          </cell>
          <cell r="P375">
            <v>0</v>
          </cell>
        </row>
        <row r="376">
          <cell r="A376" t="str">
            <v>New ZealandCD1</v>
          </cell>
          <cell r="B376" t="str">
            <v>New Zealand</v>
          </cell>
          <cell r="C376" t="str">
            <v>CD1</v>
          </cell>
          <cell r="D376" t="str">
            <v>Definition of collective dismissal</v>
          </cell>
          <cell r="E376" t="str">
            <v>No definition of collective dismissal.</v>
          </cell>
          <cell r="F376" t="str">
            <v>No definition of collective dismissal.</v>
          </cell>
          <cell r="G376">
            <v>0</v>
          </cell>
          <cell r="J376">
            <v>0</v>
          </cell>
          <cell r="M376">
            <v>0</v>
          </cell>
          <cell r="P376">
            <v>0</v>
          </cell>
        </row>
        <row r="377">
          <cell r="A377" t="str">
            <v>New ZealandCD2</v>
          </cell>
          <cell r="B377" t="str">
            <v>New Zealand</v>
          </cell>
          <cell r="C377" t="str">
            <v>CD2</v>
          </cell>
          <cell r="D377" t="str">
            <v>Additional notification requirements in case of collective dismissals</v>
          </cell>
          <cell r="E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F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G377">
            <v>0.5</v>
          </cell>
          <cell r="J377">
            <v>0.5</v>
          </cell>
          <cell r="M377">
            <v>1.5</v>
          </cell>
          <cell r="P377">
            <v>1.5</v>
          </cell>
        </row>
        <row r="378">
          <cell r="A378" t="str">
            <v>New ZealandCD3</v>
          </cell>
          <cell r="B378" t="str">
            <v>New Zealand</v>
          </cell>
          <cell r="C378" t="str">
            <v>CD3</v>
          </cell>
          <cell r="D378" t="str">
            <v>Additional delays involved in case of collective dismissals</v>
          </cell>
          <cell r="E378" t="str">
            <v xml:space="preserve">No special regulations for collective dismissal. </v>
          </cell>
          <cell r="F378" t="str">
            <v xml:space="preserve">No special regulations for collective dismissal. </v>
          </cell>
          <cell r="G378">
            <v>0</v>
          </cell>
          <cell r="J378">
            <v>0</v>
          </cell>
          <cell r="M378">
            <v>0</v>
          </cell>
          <cell r="P378">
            <v>0</v>
          </cell>
        </row>
        <row r="379">
          <cell r="A379" t="str">
            <v>New ZealandCD4</v>
          </cell>
          <cell r="B379" t="str">
            <v>New Zealand</v>
          </cell>
          <cell r="C379" t="str">
            <v>CD4</v>
          </cell>
          <cell r="D379" t="str">
            <v>Other special costs to employers in case of collective dismissals</v>
          </cell>
          <cell r="E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F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psitals, age-related residential care facilities and the education sector, orderly services in hospitals and the age-related residential care faciliites and caretaking in the education sector) have the right to transfer to a new employer on the same terms if they wish.
Severance pay: No special regulations for collective dismissal.</v>
          </cell>
          <cell r="G379">
            <v>0</v>
          </cell>
          <cell r="J379">
            <v>0</v>
          </cell>
          <cell r="M379">
            <v>0</v>
          </cell>
          <cell r="P379">
            <v>0</v>
          </cell>
        </row>
        <row r="380">
          <cell r="A380" t="str">
            <v>NorwayEPL1A</v>
          </cell>
          <cell r="B380" t="str">
            <v>Norway</v>
          </cell>
          <cell r="C380" t="str">
            <v>EPL1A</v>
          </cell>
          <cell r="D380" t="str">
            <v>Notification proceduresa</v>
          </cell>
          <cell r="E380" t="str">
            <v>Written notice to employee, with statement of reasons upon request.</v>
          </cell>
          <cell r="F380" t="str">
            <v>Written notice to employee, with statement of reasons upon request.</v>
          </cell>
          <cell r="G380">
            <v>1</v>
          </cell>
          <cell r="J380">
            <v>1</v>
          </cell>
          <cell r="M380">
            <v>2</v>
          </cell>
          <cell r="P380">
            <v>2</v>
          </cell>
        </row>
        <row r="381">
          <cell r="A381" t="str">
            <v>NorwayEPL1B</v>
          </cell>
          <cell r="B381" t="str">
            <v>Norway</v>
          </cell>
          <cell r="C381" t="str">
            <v>EPL1B</v>
          </cell>
          <cell r="D381" t="str">
            <v>Delay before notice can starta</v>
          </cell>
          <cell r="E381" t="str">
            <v>Letter sent by mail. Notice period runs from the first day of the month following that in which notice was given.</v>
          </cell>
          <cell r="F381" t="str">
            <v>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15 days on average until start of next month</v>
          </cell>
          <cell r="G381">
            <v>17</v>
          </cell>
          <cell r="J381">
            <v>16</v>
          </cell>
          <cell r="M381">
            <v>2</v>
          </cell>
          <cell r="P381">
            <v>2</v>
          </cell>
        </row>
        <row r="382">
          <cell r="A382" t="str">
            <v>NorwayEPL2A1, EPL2A2, EPL2A3</v>
          </cell>
          <cell r="B382" t="str">
            <v>Norway</v>
          </cell>
          <cell r="C382" t="str">
            <v>EPL2A1, EPL2A2, EPL2A3</v>
          </cell>
          <cell r="D382" t="str">
            <v>Notice / tenurea</v>
          </cell>
          <cell r="E382" t="str">
            <v>All workers: 14d&lt;6m, 1m&lt;5y, 2m&lt;10y, 3m&gt;10y; (with above 10 years seniority, notice period increases with age, up to 6 months at age 60 and above).
9 months tenure: 1 month, 4 years tenure: 1 month, 20 years tenure: 3 months.</v>
          </cell>
          <cell r="F382" t="str">
            <v>All workers: 14d&lt;6m, 1m&lt;5y, 2m&lt;10y, 3m&gt;10y. If an employee is dismissal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G382">
            <v>1</v>
          </cell>
          <cell r="H382">
            <v>1</v>
          </cell>
          <cell r="I382">
            <v>3</v>
          </cell>
          <cell r="J382">
            <v>1</v>
          </cell>
          <cell r="K382">
            <v>1</v>
          </cell>
          <cell r="L382">
            <v>3</v>
          </cell>
          <cell r="M382">
            <v>3</v>
          </cell>
          <cell r="N382">
            <v>2</v>
          </cell>
          <cell r="O382">
            <v>2</v>
          </cell>
          <cell r="P382">
            <v>3</v>
          </cell>
          <cell r="Q382">
            <v>2</v>
          </cell>
          <cell r="R382">
            <v>2</v>
          </cell>
        </row>
        <row r="383">
          <cell r="A383" t="str">
            <v>NorwayEPL2B1, EPL2B2, EPL2B3</v>
          </cell>
          <cell r="B383" t="str">
            <v>Norway</v>
          </cell>
          <cell r="C383" t="str">
            <v>EPL2B1, EPL2B2, EPL2B3</v>
          </cell>
          <cell r="D383" t="str">
            <v>Severance pay / tenurea</v>
          </cell>
          <cell r="E383" t="str">
            <v xml:space="preserve">None by law; however collective agreements may, under certain conditions like chronical illness, require lumpsum additional 
 payments to long-serving staff who have reached age 50, or where the dismissal arises from company reorganisation.
</v>
          </cell>
          <cell r="F383" t="str">
            <v>None by law, but collective agreements may under certain conditions require additional payment.</v>
          </cell>
          <cell r="G383">
            <v>0</v>
          </cell>
          <cell r="H383">
            <v>0</v>
          </cell>
          <cell r="I383">
            <v>0</v>
          </cell>
          <cell r="J383">
            <v>0</v>
          </cell>
          <cell r="K383">
            <v>0</v>
          </cell>
          <cell r="L383">
            <v>0</v>
          </cell>
          <cell r="M383">
            <v>0</v>
          </cell>
          <cell r="N383">
            <v>0</v>
          </cell>
          <cell r="O383">
            <v>0</v>
          </cell>
          <cell r="P383">
            <v>0</v>
          </cell>
          <cell r="Q383">
            <v>0</v>
          </cell>
          <cell r="R383">
            <v>0</v>
          </cell>
        </row>
        <row r="384">
          <cell r="A384" t="str">
            <v>NorwayEPL3A</v>
          </cell>
          <cell r="B384" t="str">
            <v>Norway</v>
          </cell>
          <cell r="C384" t="str">
            <v>EPL3A</v>
          </cell>
          <cell r="D384" t="str">
            <v>Definition of justified or unfair dismissal</v>
          </cell>
          <cell r="E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F384"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G384">
            <v>2.5</v>
          </cell>
          <cell r="J384">
            <v>2.5</v>
          </cell>
          <cell r="M384">
            <v>5</v>
          </cell>
          <cell r="P384">
            <v>5</v>
          </cell>
        </row>
        <row r="385">
          <cell r="A385" t="str">
            <v>NorwayEPL3B</v>
          </cell>
          <cell r="B385" t="str">
            <v>Norway</v>
          </cell>
          <cell r="C385" t="str">
            <v>EPL3B</v>
          </cell>
          <cell r="D385" t="str">
            <v>Trial period</v>
          </cell>
          <cell r="E385" t="str">
            <v xml:space="preserve">By law up to 6 months trial period (14 days notice).
</v>
          </cell>
          <cell r="F385" t="str">
            <v xml:space="preserve">By law up to 6 months trial period (14 days notice).
</v>
          </cell>
          <cell r="G385">
            <v>3</v>
          </cell>
          <cell r="J385">
            <v>3</v>
          </cell>
          <cell r="M385">
            <v>4</v>
          </cell>
          <cell r="P385">
            <v>4</v>
          </cell>
        </row>
        <row r="386">
          <cell r="A386" t="str">
            <v>NorwayEPL3C</v>
          </cell>
          <cell r="B386" t="str">
            <v>Norway</v>
          </cell>
          <cell r="C386" t="str">
            <v>EPL3C</v>
          </cell>
          <cell r="D386" t="str">
            <v>compensation following unfair dismissalb</v>
          </cell>
          <cell r="E386" t="str">
            <v>Compensation up to 6 months pay (although it can go up to 3 years in rare cases), plus back pay for the duration of the court case.
Typical compensation at 20 years tenure (all workers): 12 months.</v>
          </cell>
          <cell r="F386" t="str">
            <v>In the case of unfair dismissal, the employee is entitled to compensation. The amount of the compensation is determined by a court and va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G386">
            <v>12</v>
          </cell>
          <cell r="J386">
            <v>12</v>
          </cell>
          <cell r="M386">
            <v>2</v>
          </cell>
          <cell r="P386">
            <v>2</v>
          </cell>
        </row>
        <row r="387">
          <cell r="A387" t="str">
            <v>NorwayEPL3D</v>
          </cell>
          <cell r="B387" t="str">
            <v>Norway</v>
          </cell>
          <cell r="C387" t="str">
            <v>EPL3D</v>
          </cell>
          <cell r="D387" t="str">
            <v>Possibility of reinstatement following unfair dismissal</v>
          </cell>
          <cell r="E387" t="str">
            <v>Reinstatement orders fairly frequent.</v>
          </cell>
          <cell r="F387" t="str">
            <v>Reinstatement orders fairly frequent.</v>
          </cell>
          <cell r="G387">
            <v>2</v>
          </cell>
          <cell r="J387">
            <v>2</v>
          </cell>
          <cell r="M387">
            <v>4</v>
          </cell>
          <cell r="P387">
            <v>4</v>
          </cell>
        </row>
        <row r="388">
          <cell r="A388" t="str">
            <v>NorwayEPL3E</v>
          </cell>
          <cell r="B388" t="str">
            <v>Norway</v>
          </cell>
          <cell r="C388" t="str">
            <v>EPL3E</v>
          </cell>
          <cell r="D388" t="str">
            <v>Max time for claim</v>
          </cell>
          <cell r="F388" t="str">
            <v>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time the notice is given. If the dismissal does not meet the formal requirements according to law, there is no time limit for such claims.
Calculation: average of normal limit ( 8 weeks) and limit if only claiming compensation (6 months)</v>
          </cell>
          <cell r="J388">
            <v>4</v>
          </cell>
          <cell r="P388">
            <v>3</v>
          </cell>
        </row>
        <row r="389">
          <cell r="A389" t="str">
            <v>NorwayFT1</v>
          </cell>
          <cell r="B389" t="str">
            <v>Norway</v>
          </cell>
          <cell r="C389" t="str">
            <v>FT1</v>
          </cell>
          <cell r="D389" t="str">
            <v>Valid cases for use of fixed-term contracts, other than  “objective”  or “material” situationc</v>
          </cell>
          <cell r="E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F389"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G389">
            <v>1</v>
          </cell>
          <cell r="J389">
            <v>1</v>
          </cell>
          <cell r="M389">
            <v>4</v>
          </cell>
          <cell r="P389">
            <v>4</v>
          </cell>
        </row>
        <row r="390">
          <cell r="A390" t="str">
            <v>NorwayFT2</v>
          </cell>
          <cell r="B390" t="str">
            <v>Norway</v>
          </cell>
          <cell r="C390" t="str">
            <v>FT2</v>
          </cell>
          <cell r="D390" t="str">
            <v>Maximum number of successive fixed-term contractsd</v>
          </cell>
          <cell r="E390" t="str">
            <v>Estimated 1.5
In case of successive contracts, justification of limitation of contract subject to court examination.</v>
          </cell>
          <cell r="F390" t="str">
            <v>Estimated 1.5
In case of successive contracts, justification of limitation of contract subject to court examination.</v>
          </cell>
          <cell r="G390">
            <v>1.5</v>
          </cell>
          <cell r="J390">
            <v>1.5</v>
          </cell>
          <cell r="M390">
            <v>5</v>
          </cell>
          <cell r="P390">
            <v>5</v>
          </cell>
        </row>
        <row r="391">
          <cell r="A391" t="str">
            <v>NorwayFT3</v>
          </cell>
          <cell r="B391" t="str">
            <v>Norway</v>
          </cell>
          <cell r="C391" t="str">
            <v>FT3</v>
          </cell>
          <cell r="D391" t="str">
            <v>Maximum cumulated duration of successive fixed-term contracts</v>
          </cell>
          <cell r="E391" t="str">
            <v xml:space="preserve">No limit </v>
          </cell>
          <cell r="F391"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G391">
            <v>100</v>
          </cell>
          <cell r="J391">
            <v>48</v>
          </cell>
          <cell r="M391">
            <v>0</v>
          </cell>
          <cell r="P391">
            <v>1</v>
          </cell>
        </row>
        <row r="392">
          <cell r="A392" t="str">
            <v>NorwayTWA1</v>
          </cell>
          <cell r="B392" t="str">
            <v>Norway</v>
          </cell>
          <cell r="C392" t="str">
            <v>TWA1</v>
          </cell>
          <cell r="D392" t="str">
            <v>Types of work for which TWA employment is legal</v>
          </cell>
          <cell r="E392" t="str">
            <v xml:space="preserve">Conditions similar to fixed-term work (permitted for specific tasks/projects, temporary replacements of absent employees, etc…). </v>
          </cell>
          <cell r="F392"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G392">
            <v>2</v>
          </cell>
          <cell r="J392">
            <v>2</v>
          </cell>
          <cell r="M392">
            <v>3</v>
          </cell>
          <cell r="P392">
            <v>3</v>
          </cell>
        </row>
        <row r="393">
          <cell r="A393" t="str">
            <v>NorwayTWA2</v>
          </cell>
          <cell r="B393" t="str">
            <v>Norway</v>
          </cell>
          <cell r="C393" t="str">
            <v>TWA2</v>
          </cell>
          <cell r="D393" t="str">
            <v>Are there any restrictions on the number of renewals of a TWA contract?</v>
          </cell>
          <cell r="E393" t="str">
            <v>No limit specified, as long as there is an objective reason.</v>
          </cell>
          <cell r="F393" t="str">
            <v>No limit specified, as long as there is an objective reason.</v>
          </cell>
          <cell r="G393" t="str">
            <v>Yes</v>
          </cell>
          <cell r="J393" t="str">
            <v>Yes</v>
          </cell>
          <cell r="M393">
            <v>4</v>
          </cell>
          <cell r="P393">
            <v>4</v>
          </cell>
        </row>
        <row r="394">
          <cell r="A394" t="str">
            <v>NorwayTWA3</v>
          </cell>
          <cell r="B394" t="str">
            <v>Norway</v>
          </cell>
          <cell r="C394" t="str">
            <v>TWA3</v>
          </cell>
          <cell r="D394" t="str">
            <v>Maximum cumulated duration of temporary work contractse</v>
          </cell>
          <cell r="E394" t="str">
            <v>No</v>
          </cell>
          <cell r="F394"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v>
          </cell>
          <cell r="G394">
            <v>100</v>
          </cell>
          <cell r="J394">
            <v>48</v>
          </cell>
          <cell r="M394">
            <v>0</v>
          </cell>
          <cell r="P394">
            <v>1</v>
          </cell>
        </row>
        <row r="395">
          <cell r="A395" t="str">
            <v>NorwayTWA4</v>
          </cell>
          <cell r="B395" t="str">
            <v>Norway</v>
          </cell>
          <cell r="C395" t="str">
            <v>TWA4</v>
          </cell>
          <cell r="D395" t="str">
            <v>Authorisation and reporting obligations</v>
          </cell>
          <cell r="F395" t="str">
            <v>The set up of a TWA requires periodic reporting obligations.</v>
          </cell>
          <cell r="J395">
            <v>2</v>
          </cell>
          <cell r="P395">
            <v>4</v>
          </cell>
        </row>
        <row r="396">
          <cell r="A396" t="str">
            <v>NorwayTWA5</v>
          </cell>
          <cell r="B396" t="str">
            <v>Norway</v>
          </cell>
          <cell r="C396" t="str">
            <v>TWA5</v>
          </cell>
          <cell r="D396" t="str">
            <v>Equal treatment of TWA workers</v>
          </cell>
          <cell r="F396" t="str">
            <v>There are no regulations which ensure equal treatment of regular workers and agency workers at the user firm.</v>
          </cell>
          <cell r="J396">
            <v>0</v>
          </cell>
          <cell r="P396">
            <v>0</v>
          </cell>
        </row>
        <row r="397">
          <cell r="A397" t="str">
            <v>NorwayCD1</v>
          </cell>
          <cell r="B397" t="str">
            <v>Norway</v>
          </cell>
          <cell r="C397" t="str">
            <v>CD1</v>
          </cell>
          <cell r="D397" t="str">
            <v>Definition of collective dismissal</v>
          </cell>
          <cell r="E397" t="str">
            <v>10+ employees within a month.</v>
          </cell>
          <cell r="F397" t="str">
            <v>10+ employees within a month.</v>
          </cell>
          <cell r="G397">
            <v>3</v>
          </cell>
          <cell r="J397">
            <v>3</v>
          </cell>
          <cell r="M397">
            <v>4.5</v>
          </cell>
          <cell r="P397">
            <v>4.5</v>
          </cell>
        </row>
        <row r="398">
          <cell r="A398" t="str">
            <v>NorwayCD2</v>
          </cell>
          <cell r="B398" t="str">
            <v>Norway</v>
          </cell>
          <cell r="C398" t="str">
            <v>CD2</v>
          </cell>
          <cell r="D398" t="str">
            <v>Additional notification requirements in case of collective dismissals</v>
          </cell>
          <cell r="E398" t="str">
            <v>Notification of employee representatives: Duty to inform and consult with trade union/employee representatives.
Notification of public authorities: Notification of district employment office.</v>
          </cell>
          <cell r="F398" t="str">
            <v>Notification of employee representatives: Duty to inform and consult with trade union/employee representatives.
Notification of public authorities: Notification of Labour and Welfare Administration.</v>
          </cell>
          <cell r="G398">
            <v>2</v>
          </cell>
          <cell r="J398">
            <v>2</v>
          </cell>
          <cell r="M398">
            <v>6</v>
          </cell>
          <cell r="P398">
            <v>6</v>
          </cell>
        </row>
        <row r="399">
          <cell r="A399" t="str">
            <v>NorwayCD3</v>
          </cell>
          <cell r="B399" t="str">
            <v>Norway</v>
          </cell>
          <cell r="C399" t="str">
            <v>CD3</v>
          </cell>
          <cell r="D399" t="str">
            <v>Additional delays involved in case of collective dismissals</v>
          </cell>
          <cell r="E399" t="str">
            <v>30 days waiting period after notification of employment service.</v>
          </cell>
          <cell r="F399" t="str">
            <v>30 days waiting period after notification of employment service.</v>
          </cell>
          <cell r="G399">
            <v>13</v>
          </cell>
          <cell r="J399">
            <v>14</v>
          </cell>
          <cell r="M399">
            <v>1</v>
          </cell>
          <cell r="P399">
            <v>1</v>
          </cell>
        </row>
        <row r="400">
          <cell r="A400" t="str">
            <v>NorwayCD4</v>
          </cell>
          <cell r="B400" t="str">
            <v>Norway</v>
          </cell>
          <cell r="C400" t="str">
            <v>CD4</v>
          </cell>
          <cell r="D400" t="str">
            <v>Other special costs to employers in case of collective dismissals</v>
          </cell>
          <cell r="E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F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G400">
            <v>0</v>
          </cell>
          <cell r="J400">
            <v>0</v>
          </cell>
          <cell r="M400">
            <v>0</v>
          </cell>
          <cell r="P400">
            <v>0</v>
          </cell>
        </row>
        <row r="401">
          <cell r="A401" t="str">
            <v>PolandEPL1A</v>
          </cell>
          <cell r="B401" t="str">
            <v>Poland</v>
          </cell>
          <cell r="C401" t="str">
            <v>EPL1A</v>
          </cell>
          <cell r="D401" t="str">
            <v>Notification proceduresa</v>
          </cell>
          <cell r="E401" t="str">
            <v>Notification to representative trade union of intention to terminate, including reasons for dismissal.  In case the employee takes the case to the labour court, the court may require evidence of a warning procedure and of a fair account of trade union opinions.</v>
          </cell>
          <cell r="F401" t="str">
            <v>Notification to representative trade union of intention to terminate, including reasons for dismissal.  In case the employee takes the case to the labour court, the court may require evidence of a warning procedure and of a fair account of trade union opinions.</v>
          </cell>
          <cell r="G401">
            <v>2</v>
          </cell>
          <cell r="J401">
            <v>2</v>
          </cell>
          <cell r="M401">
            <v>4</v>
          </cell>
          <cell r="P401">
            <v>4</v>
          </cell>
        </row>
        <row r="402">
          <cell r="A402" t="str">
            <v>PolandEPL1B</v>
          </cell>
          <cell r="B402" t="str">
            <v>Poland</v>
          </cell>
          <cell r="C402" t="str">
            <v>EPL1B</v>
          </cell>
          <cell r="D402" t="str">
            <v>Delay before notice can starta</v>
          </cell>
          <cell r="E402" t="str">
            <v>After previous warning to the employee, 5 days for consultation with local trade union on justification for dismissal. Notice can then be served, usually by mail.
Calculation: 13 = 7 + 5+1</v>
          </cell>
          <cell r="F402" t="str">
            <v>The employer must establish whether the employee is a member of a trade union. If the employee is a trade union member,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v>
          </cell>
          <cell r="G402">
            <v>13</v>
          </cell>
          <cell r="J402">
            <v>10</v>
          </cell>
          <cell r="M402">
            <v>2</v>
          </cell>
          <cell r="P402">
            <v>2</v>
          </cell>
        </row>
        <row r="403">
          <cell r="A403" t="str">
            <v>PolandEPL2A1, EPL2A2, EPL2A3</v>
          </cell>
          <cell r="B403" t="str">
            <v>Poland</v>
          </cell>
          <cell r="C403" t="str">
            <v>EPL2A1, EPL2A2, EPL2A3</v>
          </cell>
          <cell r="D403" t="str">
            <v>Notice / tenurea</v>
          </cell>
          <cell r="E403" t="str">
            <v>All workers: 2w&lt;6m, 1m&gt;6m, 3m&gt;3y. 2w for school leavers in first job.
9 months tenure: 1 month, 4 years tenure: 3 months, 20 years tenure: 3 months.</v>
          </cell>
          <cell r="F403" t="str">
            <v>All workers: 2w&lt;6m, 1m&gt;6m, 3m&gt;3y. 2w for school leavers in first job. The period of notice in case of the termination of an employment contract concluded for a trial period shall be: (1) three working days if the trial period is less than two weeks; (2) one week if the trial period is more than two weeks; (3) Two weeks if the trial period is three months
9 months tenure: 1 month, 4 years tenure: 3 months, 20 years tenure: 3 months.</v>
          </cell>
          <cell r="G403">
            <v>1</v>
          </cell>
          <cell r="H403">
            <v>3</v>
          </cell>
          <cell r="I403">
            <v>3</v>
          </cell>
          <cell r="J403">
            <v>1</v>
          </cell>
          <cell r="K403">
            <v>3</v>
          </cell>
          <cell r="L403">
            <v>3</v>
          </cell>
          <cell r="M403">
            <v>3</v>
          </cell>
          <cell r="N403">
            <v>5</v>
          </cell>
          <cell r="O403">
            <v>2</v>
          </cell>
          <cell r="P403">
            <v>3</v>
          </cell>
          <cell r="Q403">
            <v>5</v>
          </cell>
          <cell r="R403">
            <v>2</v>
          </cell>
        </row>
        <row r="404">
          <cell r="A404" t="str">
            <v>PolandEPL2B1, EPL2B2, EPL2B3</v>
          </cell>
          <cell r="B404" t="str">
            <v>Poland</v>
          </cell>
          <cell r="C404" t="str">
            <v>EPL2B1, EPL2B2, EPL2B3</v>
          </cell>
          <cell r="D404" t="str">
            <v>Severance pay / tenurea</v>
          </cell>
          <cell r="E404" t="str">
            <v>All workers: Usually none, but 1 month in case of termination due to disability or retirement.</v>
          </cell>
          <cell r="F404" t="str">
            <v>All workers: Usually none, but 1 month in case of termination due to disability or retirement.</v>
          </cell>
          <cell r="G404">
            <v>0</v>
          </cell>
          <cell r="H404">
            <v>0</v>
          </cell>
          <cell r="I404">
            <v>0</v>
          </cell>
          <cell r="J404">
            <v>0</v>
          </cell>
          <cell r="K404">
            <v>0</v>
          </cell>
          <cell r="L404">
            <v>0</v>
          </cell>
          <cell r="M404">
            <v>0</v>
          </cell>
          <cell r="N404">
            <v>0</v>
          </cell>
          <cell r="O404">
            <v>0</v>
          </cell>
          <cell r="P404">
            <v>0</v>
          </cell>
          <cell r="Q404">
            <v>0</v>
          </cell>
          <cell r="R404">
            <v>0</v>
          </cell>
        </row>
        <row r="405">
          <cell r="A405" t="str">
            <v>PolandEPL3A</v>
          </cell>
          <cell r="B405" t="str">
            <v>Poland</v>
          </cell>
          <cell r="C405" t="str">
            <v>EPL3A</v>
          </cell>
          <cell r="D405" t="str">
            <v>Definition of justified or unfair dismissal</v>
          </cell>
          <cell r="E405" t="str">
            <v>Fair: Dismissals based on factors inherent in the employee (e.g. lack of competence) or on economic grounds of redundancy of the job.</v>
          </cell>
          <cell r="F405" t="str">
            <v xml:space="preserve">Fair: Dismissals based on factors inherent in the employee (e.g. lack of competence) or on economic grounds of redundancy of the job. </v>
          </cell>
          <cell r="G405">
            <v>0</v>
          </cell>
          <cell r="J405">
            <v>0</v>
          </cell>
          <cell r="M405">
            <v>0</v>
          </cell>
          <cell r="P405">
            <v>0</v>
          </cell>
        </row>
        <row r="406">
          <cell r="A406" t="str">
            <v>PolandEPL3B</v>
          </cell>
          <cell r="B406" t="str">
            <v>Poland</v>
          </cell>
          <cell r="C406" t="str">
            <v>EPL3B</v>
          </cell>
          <cell r="D406" t="str">
            <v>Trial period</v>
          </cell>
          <cell r="E406" t="str">
            <v>All workers: Minimum 2 weeks. Ranging up to 3 months. (Labour Code)</v>
          </cell>
          <cell r="F406" t="str">
            <v xml:space="preserve">All workers: Minimum 2 weeks. Ranging up to 3 months. </v>
          </cell>
          <cell r="G406">
            <v>1.8</v>
          </cell>
          <cell r="J406">
            <v>1.8</v>
          </cell>
          <cell r="M406">
            <v>5</v>
          </cell>
          <cell r="P406">
            <v>5</v>
          </cell>
        </row>
        <row r="407">
          <cell r="A407" t="str">
            <v>PolandEPL3C</v>
          </cell>
          <cell r="B407" t="str">
            <v>Poland</v>
          </cell>
          <cell r="C407" t="str">
            <v>EPL3C</v>
          </cell>
          <cell r="D407" t="str">
            <v>compensation following unfair dismissalb</v>
          </cell>
          <cell r="E407" t="str">
            <v>Compensation of up to 3 months depending on amount of salary earned in another job by the time of court decision. Typical compensation at 20 years tenure (all workers): 3 months. (Labour Code)</v>
          </cell>
          <cell r="F407" t="str">
            <v xml:space="preserve">Compensation of up to 3 months depending on amount of salary earned in another job by the time of court decision. Typical compensation at 20 years tenure (all workers): 3 months. </v>
          </cell>
          <cell r="G407">
            <v>3</v>
          </cell>
          <cell r="J407">
            <v>3</v>
          </cell>
          <cell r="M407">
            <v>0</v>
          </cell>
          <cell r="P407">
            <v>0</v>
          </cell>
        </row>
        <row r="408">
          <cell r="A408" t="str">
            <v>PolandEPL3D</v>
          </cell>
          <cell r="B408" t="str">
            <v>Poland</v>
          </cell>
          <cell r="C408" t="str">
            <v>EPL3D</v>
          </cell>
          <cell r="D408" t="str">
            <v>Possibility of reinstatement following unfair dismissal</v>
          </cell>
          <cell r="E408" t="str">
            <v>Reinstatement is possible, but not often made available by the court.</v>
          </cell>
          <cell r="F408" t="str">
            <v>Reinstatement is possible, but not often made available by the court.</v>
          </cell>
          <cell r="G408">
            <v>1</v>
          </cell>
          <cell r="J408">
            <v>1</v>
          </cell>
          <cell r="M408">
            <v>2</v>
          </cell>
          <cell r="P408">
            <v>2</v>
          </cell>
        </row>
        <row r="409">
          <cell r="A409" t="str">
            <v>PolandEPL3E</v>
          </cell>
          <cell r="B409" t="str">
            <v>Poland</v>
          </cell>
          <cell r="C409" t="str">
            <v>EPL3E</v>
          </cell>
          <cell r="D409" t="str">
            <v>Max time for claim</v>
          </cell>
          <cell r="F409" t="str">
            <v>An appeal against a notice of termination of a contract of employment shall be filed with the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409">
            <v>0.35</v>
          </cell>
          <cell r="P409">
            <v>1</v>
          </cell>
        </row>
        <row r="410">
          <cell r="A410" t="str">
            <v>PolandFT1</v>
          </cell>
          <cell r="B410" t="str">
            <v>Poland</v>
          </cell>
          <cell r="C410" t="str">
            <v>FT1</v>
          </cell>
          <cell r="D410" t="str">
            <v>Valid cases for use of fixed-term contracts, other than  “objective”  or “material” situationc</v>
          </cell>
          <cell r="E410" t="str">
            <v>No restrictions.</v>
          </cell>
          <cell r="F410" t="str">
            <v>No restrictions.</v>
          </cell>
          <cell r="G410">
            <v>3</v>
          </cell>
          <cell r="J410">
            <v>3</v>
          </cell>
          <cell r="M410">
            <v>0</v>
          </cell>
          <cell r="P410">
            <v>0</v>
          </cell>
        </row>
        <row r="411">
          <cell r="A411" t="str">
            <v>PolandFT2</v>
          </cell>
          <cell r="B411" t="str">
            <v>Poland</v>
          </cell>
          <cell r="C411" t="str">
            <v>FT2</v>
          </cell>
          <cell r="D411" t="str">
            <v>Maximum number of successive fixed-term contractsd</v>
          </cell>
          <cell r="E411" t="str">
            <v>No limit (modified by the new Labour Code in 2002) until the polish accession to the EU, then 2 successive fixed contracts allowed</v>
          </cell>
          <cell r="F411" t="str">
            <v>2 successive fixed contracts allowed.</v>
          </cell>
          <cell r="G411">
            <v>100</v>
          </cell>
          <cell r="J411">
            <v>2</v>
          </cell>
          <cell r="M411">
            <v>0</v>
          </cell>
          <cell r="P411">
            <v>4</v>
          </cell>
        </row>
        <row r="412">
          <cell r="A412" t="str">
            <v>PolandFT3</v>
          </cell>
          <cell r="B412" t="str">
            <v>Poland</v>
          </cell>
          <cell r="C412" t="str">
            <v>FT3</v>
          </cell>
          <cell r="D412" t="str">
            <v>Maximum cumulated duration of successive fixed-term contracts</v>
          </cell>
          <cell r="E412" t="str">
            <v>No limit specified.</v>
          </cell>
          <cell r="F412" t="str">
            <v>No limit specified.</v>
          </cell>
          <cell r="G412">
            <v>100</v>
          </cell>
          <cell r="J412">
            <v>100</v>
          </cell>
          <cell r="M412">
            <v>0</v>
          </cell>
          <cell r="P412">
            <v>0</v>
          </cell>
        </row>
        <row r="413">
          <cell r="A413" t="str">
            <v>PolandTWA1</v>
          </cell>
          <cell r="B413" t="str">
            <v>Poland</v>
          </cell>
          <cell r="C413" t="str">
            <v>TWA1</v>
          </cell>
          <cell r="D413" t="str">
            <v>Types of work for which TWA employment is legal</v>
          </cell>
          <cell r="E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F413" t="str">
            <v>Only allowed for: 1. seasonal tasks, periodic tasks or ad hoc tasks; 2. tasks whose timely performance by the user company's permanent staff would be impossible; 3. tasks normally falling within ther ambit of a temporarily absent employee of the user company. Employment of temporary workers is conducted according to the rules from Act of 9 July 2003 on employing temporary workers (Journal of Laws of 2003, No. 166, item 1608).</v>
          </cell>
          <cell r="G413">
            <v>2</v>
          </cell>
          <cell r="J413">
            <v>2</v>
          </cell>
          <cell r="M413">
            <v>3</v>
          </cell>
          <cell r="P413">
            <v>3</v>
          </cell>
        </row>
        <row r="414">
          <cell r="A414" t="str">
            <v>PolandTWA2</v>
          </cell>
          <cell r="B414" t="str">
            <v>Poland</v>
          </cell>
          <cell r="C414" t="str">
            <v>TWA2</v>
          </cell>
          <cell r="D414" t="str">
            <v>Are there any restrictions on the number of renewals of a TWA contract?</v>
          </cell>
          <cell r="E414" t="str">
            <v>No</v>
          </cell>
          <cell r="F414" t="str">
            <v>No</v>
          </cell>
          <cell r="G414" t="str">
            <v>No</v>
          </cell>
          <cell r="J414" t="str">
            <v>No</v>
          </cell>
          <cell r="M414">
            <v>2</v>
          </cell>
          <cell r="P414">
            <v>2</v>
          </cell>
        </row>
        <row r="415">
          <cell r="A415" t="str">
            <v>PolandTWA3</v>
          </cell>
          <cell r="B415" t="str">
            <v>Poland</v>
          </cell>
          <cell r="C415" t="str">
            <v>TWA3</v>
          </cell>
          <cell r="D415" t="str">
            <v>Maximum cumulated duration of temporary work contractse</v>
          </cell>
          <cell r="E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F415" t="str">
            <v>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v>
          </cell>
          <cell r="G415">
            <v>24</v>
          </cell>
          <cell r="J415">
            <v>24</v>
          </cell>
          <cell r="M415">
            <v>2</v>
          </cell>
          <cell r="P415">
            <v>2</v>
          </cell>
        </row>
        <row r="416">
          <cell r="A416" t="str">
            <v>PolandTWA4</v>
          </cell>
          <cell r="B416" t="str">
            <v>Poland</v>
          </cell>
          <cell r="C416" t="str">
            <v>TWA4</v>
          </cell>
          <cell r="D416" t="str">
            <v>Authorisation and reporting obligations</v>
          </cell>
          <cell r="F416" t="str">
            <v>The set up of TWA in Poland requires special administrative authorisation and entails periodic reporting obligations.</v>
          </cell>
          <cell r="J416">
            <v>3</v>
          </cell>
          <cell r="P416">
            <v>6</v>
          </cell>
        </row>
        <row r="417">
          <cell r="A417" t="str">
            <v>PolandTWA5</v>
          </cell>
          <cell r="B417" t="str">
            <v>Poland</v>
          </cell>
          <cell r="C417" t="str">
            <v>TWA5</v>
          </cell>
          <cell r="D417" t="str">
            <v>Equal treatment of TWA workers</v>
          </cell>
          <cell r="F417"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417">
            <v>2</v>
          </cell>
          <cell r="P417">
            <v>6</v>
          </cell>
        </row>
        <row r="418">
          <cell r="A418" t="str">
            <v>PolandCD1</v>
          </cell>
          <cell r="B418" t="str">
            <v>Poland</v>
          </cell>
          <cell r="C418" t="str">
            <v>CD1</v>
          </cell>
          <cell r="D418" t="str">
            <v>Definition of collective dismissal</v>
          </cell>
          <cell r="E418" t="str">
            <v xml:space="preserve">10 workers in firms &lt;100. 10% in firms &lt;300. 30 workers in firms with &gt;300  </v>
          </cell>
          <cell r="F418" t="str">
            <v xml:space="preserve">10 workers in firms 20-100. 10% in firms &lt;300. 30 workers in firms with &gt;300  </v>
          </cell>
          <cell r="G418">
            <v>3</v>
          </cell>
          <cell r="J418">
            <v>3</v>
          </cell>
          <cell r="M418">
            <v>4.5</v>
          </cell>
          <cell r="P418">
            <v>4.5</v>
          </cell>
        </row>
        <row r="419">
          <cell r="A419" t="str">
            <v>PolandCD2</v>
          </cell>
          <cell r="B419" t="str">
            <v>Poland</v>
          </cell>
          <cell r="C419" t="str">
            <v>CD2</v>
          </cell>
          <cell r="D419" t="str">
            <v>Additional notification requirements in case of collective dismissals</v>
          </cell>
          <cell r="E419" t="str">
            <v>Notification of employee representatives: Duty to inform competent trade union. Notification of public authorities: Notification of local employment office.</v>
          </cell>
          <cell r="F419" t="str">
            <v>Notification of employee representatives: Duty to inform competent trade union. Notification of public authorities: Notification of local employment office.</v>
          </cell>
          <cell r="G419">
            <v>1</v>
          </cell>
          <cell r="J419">
            <v>1</v>
          </cell>
          <cell r="M419">
            <v>3</v>
          </cell>
          <cell r="P419">
            <v>3</v>
          </cell>
        </row>
        <row r="420">
          <cell r="A420" t="str">
            <v>PolandCD3</v>
          </cell>
          <cell r="B420" t="str">
            <v>Poland</v>
          </cell>
          <cell r="C420" t="str">
            <v>CD3</v>
          </cell>
          <cell r="D420" t="str">
            <v>Additional delays involved in case of collective dismissals</v>
          </cell>
          <cell r="E420" t="str">
            <v>Information to trade union and PES 45 days before implementation.</v>
          </cell>
          <cell r="F420" t="str">
            <v>Information to trade union 20 days before implementation and notification of PES before start of notice period.
Calculation: 20 days - 13 days for individual dismissals</v>
          </cell>
          <cell r="G420">
            <v>32</v>
          </cell>
          <cell r="J420">
            <v>10</v>
          </cell>
          <cell r="M420">
            <v>3</v>
          </cell>
          <cell r="P420">
            <v>1</v>
          </cell>
        </row>
        <row r="421">
          <cell r="A421" t="str">
            <v>PolandCD4</v>
          </cell>
          <cell r="B421" t="str">
            <v>Poland</v>
          </cell>
          <cell r="C421" t="str">
            <v>CD4</v>
          </cell>
          <cell r="D421" t="str">
            <v>Other special costs to employers in case of collective dismissals</v>
          </cell>
          <cell r="E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F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G421">
            <v>2</v>
          </cell>
          <cell r="J421">
            <v>2</v>
          </cell>
          <cell r="M421">
            <v>6</v>
          </cell>
          <cell r="P421">
            <v>6</v>
          </cell>
        </row>
        <row r="422">
          <cell r="A422" t="str">
            <v>PortugalEPL1A</v>
          </cell>
          <cell r="B422" t="str">
            <v>Portugal</v>
          </cell>
          <cell r="C422" t="str">
            <v>EPL1A</v>
          </cell>
          <cell r="D422" t="str">
            <v>Notification proceduresa</v>
          </cell>
          <cell r="E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F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G422">
            <v>2</v>
          </cell>
          <cell r="J422">
            <v>2</v>
          </cell>
          <cell r="M422">
            <v>4</v>
          </cell>
          <cell r="P422">
            <v>4</v>
          </cell>
        </row>
        <row r="423">
          <cell r="A423" t="str">
            <v>PortugalEPL1B</v>
          </cell>
          <cell r="B423" t="str">
            <v>Portugal</v>
          </cell>
          <cell r="C423" t="str">
            <v>EPL1B</v>
          </cell>
          <cell r="D423" t="str">
            <v>Delay before notice can starta</v>
          </cell>
          <cell r="E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F423" t="str">
            <v xml:space="preserve">Termination for disciplinary reasons: communication of a “guilt note”, 10 working days for the worker and his representatives to react, then the employer makes a decision (in minimum 5 days, up to 30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Average of disciplinary reasons (16 days = 1 day for letter + 10 days for employee to react + min 5 days for employer to make decision) and unsuitability/redundancy (16 days = 10 days+5 days+1 day for letter) </v>
          </cell>
          <cell r="G423">
            <v>20</v>
          </cell>
          <cell r="J423">
            <v>16</v>
          </cell>
          <cell r="M423">
            <v>3</v>
          </cell>
          <cell r="P423">
            <v>2</v>
          </cell>
        </row>
        <row r="424">
          <cell r="A424" t="str">
            <v>PortugalEPL2A1, EPL2A2, EPL2A3</v>
          </cell>
          <cell r="B424" t="str">
            <v>Portugal</v>
          </cell>
          <cell r="C424" t="str">
            <v>EPL2A1, EPL2A2, EPL2A3</v>
          </cell>
          <cell r="D424" t="str">
            <v>Notice / tenurea</v>
          </cell>
          <cell r="E424" t="str">
            <v>All workers: 0&lt;2m; 60d&gt;2m (legal minimum).
9 months tenure: 60 days, 4 years tenure: 60 days, 20 years tenure: 60 days.</v>
          </cell>
          <cell r="F424" t="str">
            <v>9 months tenure: 15 days, 4 years tenure: 30 days, 20 years tenure: 75 days.</v>
          </cell>
          <cell r="G424">
            <v>2</v>
          </cell>
          <cell r="H424">
            <v>2</v>
          </cell>
          <cell r="I424">
            <v>2</v>
          </cell>
          <cell r="J424">
            <v>0.5</v>
          </cell>
          <cell r="K424">
            <v>1</v>
          </cell>
          <cell r="L424">
            <v>2.5</v>
          </cell>
          <cell r="M424">
            <v>6</v>
          </cell>
          <cell r="N424">
            <v>4</v>
          </cell>
          <cell r="O424">
            <v>1</v>
          </cell>
          <cell r="P424">
            <v>2</v>
          </cell>
          <cell r="Q424">
            <v>2</v>
          </cell>
          <cell r="R424">
            <v>1</v>
          </cell>
        </row>
        <row r="425">
          <cell r="A425" t="str">
            <v>PortugalEPL2B1, EPL2B2, EPL2B3</v>
          </cell>
          <cell r="B425" t="str">
            <v>Portugal</v>
          </cell>
          <cell r="C425" t="str">
            <v>EPL2B1, EPL2B2, EPL2B3</v>
          </cell>
          <cell r="D425" t="str">
            <v>Severance pay / tenurea</v>
          </cell>
          <cell r="E425" t="str">
            <v>All workers: 1m per year of service (legal minimum 3m). 9 months tenure: 3 months, 4 years tenure: 4 months, 20 years tenure: 20 months.</v>
          </cell>
          <cell r="F425" t="str">
            <v>All workers: 1m per year of service (legal minimum 3m). 9 months tenure: 3 months, 4 years tenure: 4 months, 20 years tenure: 20 months.</v>
          </cell>
          <cell r="G425">
            <v>3</v>
          </cell>
          <cell r="H425">
            <v>4</v>
          </cell>
          <cell r="I425">
            <v>20</v>
          </cell>
          <cell r="J425">
            <v>3</v>
          </cell>
          <cell r="K425">
            <v>4</v>
          </cell>
          <cell r="L425">
            <v>20</v>
          </cell>
          <cell r="M425">
            <v>6</v>
          </cell>
          <cell r="N425">
            <v>6</v>
          </cell>
          <cell r="O425">
            <v>6</v>
          </cell>
          <cell r="P425">
            <v>6</v>
          </cell>
          <cell r="Q425">
            <v>6</v>
          </cell>
          <cell r="R425">
            <v>6</v>
          </cell>
        </row>
        <row r="426">
          <cell r="A426" t="str">
            <v>PortugalEPL3A</v>
          </cell>
          <cell r="B426" t="str">
            <v>Portugal</v>
          </cell>
          <cell r="C426" t="str">
            <v>EPL3A</v>
          </cell>
          <cell r="D426" t="str">
            <v>Definition of justified or unfair dismissal</v>
          </cell>
          <cell r="E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F426" t="str">
            <v xml:space="preserve">Fair: Dismissals are permitted for economic grounds and for lack of professional or technical capability. Dismissals for individual redundancy must not involve posts also manned by people on fixed-term contracts. Dismissals for lack of competence are only possible after introduction of new technology or change to job functions. Unfair: Where the grounds for dismissal are irregular (where some of the formalities are not followed) or illegal (where the grounds for dismissal are declared unfounded by a judge or which lack fundamental procedural aspects). </v>
          </cell>
          <cell r="G426">
            <v>2</v>
          </cell>
          <cell r="J426">
            <v>2</v>
          </cell>
          <cell r="M426">
            <v>4</v>
          </cell>
          <cell r="P426">
            <v>4</v>
          </cell>
        </row>
        <row r="427">
          <cell r="A427" t="str">
            <v>PortugalEPL3B</v>
          </cell>
          <cell r="B427" t="str">
            <v>Portugal</v>
          </cell>
          <cell r="C427" t="str">
            <v>EPL3B</v>
          </cell>
          <cell r="D427" t="str">
            <v>Trial period</v>
          </cell>
          <cell r="E427" t="str">
            <v>90 days (standard trial period, but the period can be up to 180 days for jobs that imply high levels of responsibility and 240 days for senior managers).</v>
          </cell>
          <cell r="F427" t="str">
            <v>90 days for general workers, 180 days for jobs with technical complexity or which require special skills or trust or that imply high levels of responsibility and 240 days for managers and senior officers/top executives.</v>
          </cell>
          <cell r="G427">
            <v>3</v>
          </cell>
          <cell r="J427">
            <v>3</v>
          </cell>
          <cell r="M427">
            <v>4</v>
          </cell>
          <cell r="P427">
            <v>4</v>
          </cell>
        </row>
        <row r="428">
          <cell r="A428" t="str">
            <v>PortugalEPL3C</v>
          </cell>
          <cell r="B428" t="str">
            <v>Portugal</v>
          </cell>
          <cell r="C428" t="str">
            <v>EPL3C</v>
          </cell>
          <cell r="D428" t="str">
            <v>compensation following unfair dismissalb</v>
          </cell>
          <cell r="E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F428" t="str">
            <v>Irregular dismissal: no back pay, no reinstatement, only right to compensation of 7.5-22.5 days of pay per year of service (typically up to 15 days per year of service). Typical compensation at 20 years tenure: up to 10 months. Illegal dismissal: back pay limited to one year (in case the court takes longer to rule on the issue, the State will bear the costs), and choice between reinstatement and compensation, typically of ne month of pay per year of service (with minimum payment of 3 months). Typical compensation at 20 years tenure: 20 months. Calculation: average of irregular and illegal dismissal: 15 months</v>
          </cell>
          <cell r="G428">
            <v>20</v>
          </cell>
          <cell r="J428">
            <v>15</v>
          </cell>
          <cell r="M428">
            <v>4</v>
          </cell>
          <cell r="P428">
            <v>3</v>
          </cell>
        </row>
        <row r="429">
          <cell r="A429" t="str">
            <v>PortugalEPL3D</v>
          </cell>
          <cell r="B429" t="str">
            <v>Portugal</v>
          </cell>
          <cell r="C429" t="str">
            <v>EPL3D</v>
          </cell>
          <cell r="D429" t="str">
            <v>Possibility of reinstatement following unfair dismissal</v>
          </cell>
          <cell r="E429" t="str">
            <v>The option of reinstatement is generally made available to the employee, although the employer may, in some special cases, submit a request to court to oppose reinstatement (New Labour Code 2004).</v>
          </cell>
          <cell r="F429" t="str">
            <v>Irregular dismissal: no reinstatement available. Illegal dismissal: The option of reinstatement is made available to the employee, although the employer may, in companies with up to nine workers, or in the case of directors or workers in management positions, submit a request to the court to oppose reinstatement.</v>
          </cell>
          <cell r="G429">
            <v>2</v>
          </cell>
          <cell r="J429">
            <v>2</v>
          </cell>
          <cell r="M429">
            <v>4</v>
          </cell>
          <cell r="P429">
            <v>4</v>
          </cell>
        </row>
        <row r="430">
          <cell r="A430" t="str">
            <v>PortugalEPL3E</v>
          </cell>
          <cell r="B430" t="str">
            <v>Portugal</v>
          </cell>
          <cell r="C430" t="str">
            <v>EPL3E</v>
          </cell>
          <cell r="D430" t="str">
            <v>Max time for claim</v>
          </cell>
          <cell r="F430" t="str">
            <v>60 days</v>
          </cell>
          <cell r="J430">
            <v>2</v>
          </cell>
          <cell r="P430">
            <v>2</v>
          </cell>
        </row>
        <row r="431">
          <cell r="A431" t="str">
            <v>PortugalFT1</v>
          </cell>
          <cell r="B431" t="str">
            <v>Portugal</v>
          </cell>
          <cell r="C431" t="str">
            <v>FT1</v>
          </cell>
          <cell r="D431" t="str">
            <v>Valid cases for use of fixed-term contracts, other than  “objective”  or “material” situationc</v>
          </cell>
          <cell r="E431" t="str">
            <v>Permitted, inter alia, for a) business start-ups, b) launching a new activity of uncertain duration and c) recruiting workers in search of their first job and long-term unemployed.</v>
          </cell>
          <cell r="F431" t="str">
            <v>Permitted, inter alia, for a) business start-ups, b) launching a new activity of uncertain duration and c) recruiting workers in search of their first job and long-term unemployed.</v>
          </cell>
          <cell r="G431">
            <v>2</v>
          </cell>
          <cell r="J431">
            <v>2</v>
          </cell>
          <cell r="M431">
            <v>2</v>
          </cell>
          <cell r="P431">
            <v>2</v>
          </cell>
        </row>
        <row r="432">
          <cell r="A432" t="str">
            <v>PortugalFT2</v>
          </cell>
          <cell r="B432" t="str">
            <v>Portugal</v>
          </cell>
          <cell r="C432" t="str">
            <v>FT2</v>
          </cell>
          <cell r="D432" t="str">
            <v>Maximum number of successive fixed-term contractsd</v>
          </cell>
          <cell r="E432" t="str">
            <v>4 (New Labour Code 2004)</v>
          </cell>
          <cell r="F432">
            <v>4</v>
          </cell>
          <cell r="G432">
            <v>4</v>
          </cell>
          <cell r="J432">
            <v>4</v>
          </cell>
          <cell r="M432">
            <v>2</v>
          </cell>
          <cell r="P432">
            <v>2</v>
          </cell>
        </row>
        <row r="433">
          <cell r="A433" t="str">
            <v>PortugalFT3</v>
          </cell>
          <cell r="B433" t="str">
            <v>Portugal</v>
          </cell>
          <cell r="C433" t="str">
            <v>FT3</v>
          </cell>
          <cell r="D433" t="str">
            <v>Maximum cumulated duration of successive fixed-term contracts</v>
          </cell>
          <cell r="E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F433" t="str">
            <v>3 years when there is a fixed date of termination; 6 years where there is no fixed date of termination (e.g. for completion of a particular task). Calculation: average of two situations.</v>
          </cell>
          <cell r="G433">
            <v>48</v>
          </cell>
          <cell r="J433">
            <v>54</v>
          </cell>
          <cell r="M433">
            <v>1</v>
          </cell>
          <cell r="P433">
            <v>1</v>
          </cell>
        </row>
        <row r="434">
          <cell r="A434" t="str">
            <v>PortugalTWA1</v>
          </cell>
          <cell r="B434" t="str">
            <v>Portugal</v>
          </cell>
          <cell r="C434" t="str">
            <v>TWA1</v>
          </cell>
          <cell r="D434" t="str">
            <v>Types of work for which TWA employment is legal</v>
          </cell>
          <cell r="E434" t="str">
            <v>Restricted to “objective situations”, including seasonal activity and substitution of absent workers.</v>
          </cell>
          <cell r="F434" t="str">
            <v>Restricted to “objective situations”, including seasonal activity and substitution of absent workers.</v>
          </cell>
          <cell r="G434">
            <v>2</v>
          </cell>
          <cell r="J434">
            <v>2</v>
          </cell>
          <cell r="M434">
            <v>3</v>
          </cell>
          <cell r="P434">
            <v>3</v>
          </cell>
        </row>
        <row r="435">
          <cell r="A435" t="str">
            <v>PortugalTWA2</v>
          </cell>
          <cell r="B435" t="str">
            <v>Portugal</v>
          </cell>
          <cell r="C435" t="str">
            <v>TWA2</v>
          </cell>
          <cell r="D435" t="str">
            <v>Are there any restrictions on the number of renewals of a TWA contract?</v>
          </cell>
          <cell r="E435" t="str">
            <v>Yes; only certain categories of contract may be renewed, always with the permission of the Labour Inspectorate.  Succession of temporary workers in the same post is expressly forbidden.</v>
          </cell>
          <cell r="F435" t="str">
            <v>No restrictions on the number of renewals/prolongations</v>
          </cell>
          <cell r="G435" t="str">
            <v>Yes</v>
          </cell>
          <cell r="J435" t="str">
            <v>No</v>
          </cell>
          <cell r="M435">
            <v>4</v>
          </cell>
          <cell r="P435">
            <v>2</v>
          </cell>
        </row>
        <row r="436">
          <cell r="A436" t="str">
            <v>PortugalTWA3</v>
          </cell>
          <cell r="B436" t="str">
            <v>Portugal</v>
          </cell>
          <cell r="C436" t="str">
            <v>TWA3</v>
          </cell>
          <cell r="D436" t="str">
            <v>Maximum cumulated duration of temporary work contractse</v>
          </cell>
          <cell r="E436" t="str">
            <v xml:space="preserve">6 or 12  months, depending on reason. </v>
          </cell>
          <cell r="F436"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G436">
            <v>9</v>
          </cell>
          <cell r="J436">
            <v>24</v>
          </cell>
          <cell r="M436">
            <v>5</v>
          </cell>
          <cell r="P436">
            <v>2</v>
          </cell>
        </row>
        <row r="437">
          <cell r="A437" t="str">
            <v>PortugalTWA4</v>
          </cell>
          <cell r="B437" t="str">
            <v>Portugal</v>
          </cell>
          <cell r="C437" t="str">
            <v>TWA4</v>
          </cell>
          <cell r="D437" t="str">
            <v>Authorisation and reporting obligations</v>
          </cell>
          <cell r="F437" t="str">
            <v>No special administrative authorisation, but there are periodic reporting obligations.</v>
          </cell>
          <cell r="J437">
            <v>2</v>
          </cell>
          <cell r="P437">
            <v>4</v>
          </cell>
        </row>
        <row r="438">
          <cell r="A438" t="str">
            <v>PortugalTWA5</v>
          </cell>
          <cell r="B438" t="str">
            <v>Portugal</v>
          </cell>
          <cell r="C438" t="str">
            <v>TWA5</v>
          </cell>
          <cell r="D438" t="str">
            <v>Equal treatment of TWA workers</v>
          </cell>
          <cell r="F438" t="str">
            <v>Yes</v>
          </cell>
          <cell r="J438">
            <v>2</v>
          </cell>
          <cell r="P438">
            <v>6</v>
          </cell>
        </row>
        <row r="439">
          <cell r="A439" t="str">
            <v>PortugalCD1</v>
          </cell>
          <cell r="B439" t="str">
            <v>Portugal</v>
          </cell>
          <cell r="C439" t="str">
            <v>CD1</v>
          </cell>
          <cell r="D439" t="str">
            <v>Definition of collective dismissal</v>
          </cell>
          <cell r="E439" t="str">
            <v>Within 90 days, dismissal of 2+ workers in firms &lt;51 employees; 5+ workers in firms 51+ employees for structural, technological or market motives.</v>
          </cell>
          <cell r="F439" t="str">
            <v>Within 90 days, dismissal of 2+ workers in firms &lt;51 employees; 5+ workers in firms 51+ employees for structural, technological or market motives.</v>
          </cell>
          <cell r="G439">
            <v>4</v>
          </cell>
          <cell r="J439">
            <v>4</v>
          </cell>
          <cell r="M439">
            <v>6</v>
          </cell>
          <cell r="P439">
            <v>6</v>
          </cell>
        </row>
        <row r="440">
          <cell r="A440" t="str">
            <v>PortugalCD2</v>
          </cell>
          <cell r="B440" t="str">
            <v>Portugal</v>
          </cell>
          <cell r="C440" t="str">
            <v>CD2</v>
          </cell>
          <cell r="D440" t="str">
            <v>Additional notification requirements in case of collective dismissals</v>
          </cell>
          <cell r="E440" t="str">
            <v>Notification of employee representatives: Duty to inform and consult with Works Council or trade union delegation. Notification of public authorities: Notification of Labour Inspectorate.</v>
          </cell>
          <cell r="F440" t="str">
            <v>Notification of employee representatives: Duty to inform and consult with Works Council or trade union delegation. Notification of public authorities: Notification of Labour Inspectorate.</v>
          </cell>
          <cell r="G440">
            <v>0.5</v>
          </cell>
          <cell r="J440">
            <v>0.5</v>
          </cell>
          <cell r="M440">
            <v>1.5</v>
          </cell>
          <cell r="P440">
            <v>1.5</v>
          </cell>
        </row>
        <row r="441">
          <cell r="A441" t="str">
            <v>PortugalCD3</v>
          </cell>
          <cell r="B441" t="str">
            <v>Portugal</v>
          </cell>
          <cell r="C441" t="str">
            <v>CD3</v>
          </cell>
          <cell r="D441" t="str">
            <v>Additional delays involved in case of collective dismissals</v>
          </cell>
          <cell r="E441" t="str">
            <v>75 days if  agreement on dismissal procedures can be reached; otherwise 90 days. ((75+90)/2=82.5 -21=61.5)</v>
          </cell>
          <cell r="F441" t="str">
            <v>No additional delays</v>
          </cell>
          <cell r="G441">
            <v>62</v>
          </cell>
          <cell r="J441">
            <v>0</v>
          </cell>
          <cell r="M441">
            <v>4</v>
          </cell>
          <cell r="P441">
            <v>0</v>
          </cell>
        </row>
        <row r="442">
          <cell r="A442" t="str">
            <v>PortugalCD4</v>
          </cell>
          <cell r="B442" t="str">
            <v>Portugal</v>
          </cell>
          <cell r="C442" t="str">
            <v>CD4</v>
          </cell>
          <cell r="D442" t="str">
            <v>Other special costs to employers in case of collective dismissals</v>
          </cell>
          <cell r="E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F442"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G442">
            <v>0</v>
          </cell>
          <cell r="J442">
            <v>0</v>
          </cell>
          <cell r="M442">
            <v>0</v>
          </cell>
          <cell r="P442">
            <v>0</v>
          </cell>
        </row>
        <row r="443">
          <cell r="A443" t="str">
            <v>Slovak RepublicEPL1A</v>
          </cell>
          <cell r="B443" t="str">
            <v>Slovak Republic</v>
          </cell>
          <cell r="C443" t="str">
            <v>EPL1A</v>
          </cell>
          <cell r="D443" t="str">
            <v>Notification proceduresa</v>
          </cell>
          <cell r="E443" t="str">
            <v>Notice must be given in writing.</v>
          </cell>
          <cell r="F443" t="str">
            <v>Notice must be given in writing.</v>
          </cell>
          <cell r="G443">
            <v>1</v>
          </cell>
          <cell r="J443">
            <v>1</v>
          </cell>
          <cell r="M443">
            <v>2</v>
          </cell>
          <cell r="P443">
            <v>2</v>
          </cell>
        </row>
        <row r="444">
          <cell r="A444" t="str">
            <v>Slovak RepublicEPL1B</v>
          </cell>
          <cell r="B444" t="str">
            <v>Slovak Republic</v>
          </cell>
          <cell r="C444" t="str">
            <v>EPL1B</v>
          </cell>
          <cell r="D444" t="str">
            <v>Delay before notice can starta</v>
          </cell>
          <cell r="E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F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7 days = 6 days for required warning procedure + 1 day for notice</v>
          </cell>
          <cell r="G444">
            <v>7</v>
          </cell>
          <cell r="J444">
            <v>7</v>
          </cell>
          <cell r="M444">
            <v>1</v>
          </cell>
          <cell r="P444">
            <v>1</v>
          </cell>
        </row>
        <row r="445">
          <cell r="A445" t="str">
            <v>Slovak RepublicEPL2A1, EPL2A2, EPL2A3</v>
          </cell>
          <cell r="B445" t="str">
            <v>Slovak Republic</v>
          </cell>
          <cell r="C445" t="str">
            <v>EPL2A1, EPL2A2, EPL2A3</v>
          </cell>
          <cell r="D445" t="str">
            <v>Notice / tenurea</v>
          </cell>
          <cell r="E445" t="str">
            <v>All workers: 2m&lt;5y; 3m&gt;5y (legal minimum). The contracting parties may agree on a longer notice period in an employment contract, as well as in a collective labour agreement.
9 months tenure: 2 months, 4 years tenure: 2 months, 20 years tenure: 3 months.</v>
          </cell>
          <cell r="F445" t="str">
            <v>All workers: 2m&lt;5y; 3m&gt;5y (legal minimum). The contracting parties may agree on a longer notice period in an employment contract, as well as in a collective labour agreement.</v>
          </cell>
          <cell r="G445">
            <v>2</v>
          </cell>
          <cell r="H445">
            <v>2</v>
          </cell>
          <cell r="I445">
            <v>3</v>
          </cell>
          <cell r="J445">
            <v>2</v>
          </cell>
          <cell r="K445">
            <v>2</v>
          </cell>
          <cell r="L445">
            <v>3</v>
          </cell>
          <cell r="M445">
            <v>6</v>
          </cell>
          <cell r="N445">
            <v>4</v>
          </cell>
          <cell r="O445">
            <v>2</v>
          </cell>
          <cell r="P445">
            <v>6</v>
          </cell>
          <cell r="Q445">
            <v>4</v>
          </cell>
          <cell r="R445">
            <v>2</v>
          </cell>
        </row>
        <row r="446">
          <cell r="A446" t="str">
            <v>Slovak RepublicEPL2B1, EPL2B2, EPL2B3</v>
          </cell>
          <cell r="B446" t="str">
            <v>Slovak Republic</v>
          </cell>
          <cell r="C446" t="str">
            <v>EPL2B1, EPL2B2, EPL2B3</v>
          </cell>
          <cell r="D446" t="str">
            <v>Severance pay / tenurea</v>
          </cell>
          <cell r="E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F446"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v>
          </cell>
          <cell r="G446">
            <v>1</v>
          </cell>
          <cell r="H446">
            <v>1</v>
          </cell>
          <cell r="I446">
            <v>1.5</v>
          </cell>
          <cell r="J446">
            <v>2</v>
          </cell>
          <cell r="K446">
            <v>2</v>
          </cell>
          <cell r="L446">
            <v>3</v>
          </cell>
          <cell r="M446">
            <v>2</v>
          </cell>
          <cell r="N446">
            <v>2</v>
          </cell>
          <cell r="O446">
            <v>1</v>
          </cell>
          <cell r="P446">
            <v>4</v>
          </cell>
          <cell r="Q446">
            <v>3</v>
          </cell>
          <cell r="R446">
            <v>1</v>
          </cell>
        </row>
        <row r="447">
          <cell r="A447" t="str">
            <v>Slovak RepublicEPL3A</v>
          </cell>
          <cell r="B447" t="str">
            <v>Slovak Republic</v>
          </cell>
          <cell r="C447" t="str">
            <v>EPL3A</v>
          </cell>
          <cell r="D447" t="str">
            <v>Definition of justified or unfair dismissal</v>
          </cell>
          <cell r="E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F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G447">
            <v>0</v>
          </cell>
          <cell r="J447">
            <v>0</v>
          </cell>
          <cell r="M447">
            <v>0</v>
          </cell>
          <cell r="P447">
            <v>0</v>
          </cell>
        </row>
        <row r="448">
          <cell r="A448" t="str">
            <v>Slovak RepublicEPL3B</v>
          </cell>
          <cell r="B448" t="str">
            <v>Slovak Republic</v>
          </cell>
          <cell r="C448" t="str">
            <v>EPL3B</v>
          </cell>
          <cell r="D448" t="str">
            <v>Trial period</v>
          </cell>
          <cell r="E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F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G448">
            <v>3</v>
          </cell>
          <cell r="J448">
            <v>3</v>
          </cell>
          <cell r="M448">
            <v>4</v>
          </cell>
          <cell r="P448">
            <v>4</v>
          </cell>
        </row>
        <row r="449">
          <cell r="A449" t="str">
            <v>Slovak RepublicEPL3C</v>
          </cell>
          <cell r="B449" t="str">
            <v>Slovak Republic</v>
          </cell>
          <cell r="C449" t="str">
            <v>EPL3C</v>
          </cell>
          <cell r="D449" t="str">
            <v>compensation following unfair dismissalb</v>
          </cell>
          <cell r="E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F449" t="str">
            <v>Compulsory compensation for unfair dismissal equal to 12 monthly wages. If an employer does not allow the employee to work or if a law suit in respect of unfair dismissal takes longer than 12 months, further compensation is to be determined by the courts.</v>
          </cell>
          <cell r="G449">
            <v>10</v>
          </cell>
          <cell r="J449">
            <v>12</v>
          </cell>
          <cell r="M449">
            <v>2</v>
          </cell>
          <cell r="P449">
            <v>2</v>
          </cell>
        </row>
        <row r="450">
          <cell r="A450" t="str">
            <v>Slovak RepublicEPL3D</v>
          </cell>
          <cell r="B450" t="str">
            <v>Slovak Republic</v>
          </cell>
          <cell r="C450" t="str">
            <v>EPL3D</v>
          </cell>
          <cell r="D450" t="str">
            <v>Possibility of reinstatement following unfair dismissal</v>
          </cell>
          <cell r="E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F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G450">
            <v>2.5</v>
          </cell>
          <cell r="J450">
            <v>2.5</v>
          </cell>
          <cell r="M450">
            <v>5</v>
          </cell>
          <cell r="P450">
            <v>5</v>
          </cell>
        </row>
        <row r="451">
          <cell r="A451" t="str">
            <v>Slovak RepublicEPL3E</v>
          </cell>
          <cell r="B451" t="str">
            <v>Slovak Republic</v>
          </cell>
          <cell r="C451" t="str">
            <v>EPL3E</v>
          </cell>
          <cell r="D451" t="str">
            <v>Max time for claim</v>
          </cell>
          <cell r="F451"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451">
            <v>2</v>
          </cell>
          <cell r="P451">
            <v>2</v>
          </cell>
        </row>
        <row r="452">
          <cell r="A452" t="str">
            <v>Slovak RepublicFT1</v>
          </cell>
          <cell r="B452" t="str">
            <v>Slovak Republic</v>
          </cell>
          <cell r="C452" t="str">
            <v>FT1</v>
          </cell>
          <cell r="D452" t="str">
            <v>Valid cases for use of fixed-term contracts, other than  “objective”  or “material” situationc</v>
          </cell>
          <cell r="E452" t="str">
            <v>A fixed term employment may be agreed, extended or renewed for a maximum of three years without specifying an objective reason.</v>
          </cell>
          <cell r="F452" t="str">
            <v>A fixed term employment may be agreed, extended or renewed for a maximum of three years without specifying an objective reason.</v>
          </cell>
          <cell r="G452">
            <v>3</v>
          </cell>
          <cell r="J452">
            <v>3</v>
          </cell>
          <cell r="M452">
            <v>0</v>
          </cell>
          <cell r="P452">
            <v>0</v>
          </cell>
        </row>
        <row r="453">
          <cell r="A453" t="str">
            <v>Slovak RepublicFT2</v>
          </cell>
          <cell r="B453" t="str">
            <v>Slovak Republic</v>
          </cell>
          <cell r="C453" t="str">
            <v>FT2</v>
          </cell>
          <cell r="D453" t="str">
            <v>Maximum number of successive fixed-term contractsd</v>
          </cell>
          <cell r="E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F453" t="str">
            <v>Fixed-term employment may only be agreed for a maximum of 3 years. Fixed-term employment may only be extended or renewed once within the 3-year period. Another extension or renewal of fixed-term employment may only be agreed for material or objective reasons.</v>
          </cell>
          <cell r="G453">
            <v>100</v>
          </cell>
          <cell r="J453">
            <v>100</v>
          </cell>
          <cell r="M453">
            <v>0</v>
          </cell>
          <cell r="P453">
            <v>0</v>
          </cell>
        </row>
        <row r="454">
          <cell r="A454" t="str">
            <v>Slovak RepublicFT3</v>
          </cell>
          <cell r="B454" t="str">
            <v>Slovak Republic</v>
          </cell>
          <cell r="C454" t="str">
            <v>FT3</v>
          </cell>
          <cell r="D454" t="str">
            <v>Maximum cumulated duration of successive fixed-term contracts</v>
          </cell>
          <cell r="E454" t="str">
            <v>Firms with a maximum of 20 employees: no limit. Firms with more than 20 employees: 36 months in general, with possibilities of extension.
(coded as 5 years, 60 months, as it si not really without limit, and 60 allows score 1)</v>
          </cell>
          <cell r="F454" t="str">
            <v>The cumulated duration of successive fixed-term contracts may reach a maximum of 36 months. This shall not apply if fixed-term contracts are concluded for material or objective reasons.</v>
          </cell>
          <cell r="G454">
            <v>60</v>
          </cell>
          <cell r="J454">
            <v>36</v>
          </cell>
          <cell r="M454">
            <v>1</v>
          </cell>
          <cell r="P454">
            <v>1</v>
          </cell>
        </row>
        <row r="455">
          <cell r="A455" t="str">
            <v>Slovak RepublicTWA1</v>
          </cell>
          <cell r="B455" t="str">
            <v>Slovak Republic</v>
          </cell>
          <cell r="C455" t="str">
            <v>TWA1</v>
          </cell>
          <cell r="D455" t="str">
            <v>Types of work for which TWA employment is legal</v>
          </cell>
          <cell r="E455" t="str">
            <v>Generally.</v>
          </cell>
          <cell r="F455" t="str">
            <v>Generally.</v>
          </cell>
          <cell r="G455">
            <v>4</v>
          </cell>
          <cell r="J455">
            <v>4</v>
          </cell>
          <cell r="M455">
            <v>0</v>
          </cell>
          <cell r="P455">
            <v>0</v>
          </cell>
        </row>
        <row r="456">
          <cell r="A456" t="str">
            <v>Slovak RepublicTWA2</v>
          </cell>
          <cell r="B456" t="str">
            <v>Slovak Republic</v>
          </cell>
          <cell r="C456" t="str">
            <v>TWA2</v>
          </cell>
          <cell r="D456" t="str">
            <v>Are there any restrictions on the number of renewals of a TWA contract?</v>
          </cell>
          <cell r="E456" t="str">
            <v>No</v>
          </cell>
          <cell r="F456" t="str">
            <v>No</v>
          </cell>
          <cell r="G456" t="str">
            <v>No</v>
          </cell>
          <cell r="J456" t="str">
            <v>No</v>
          </cell>
          <cell r="M456">
            <v>2</v>
          </cell>
          <cell r="P456">
            <v>2</v>
          </cell>
        </row>
        <row r="457">
          <cell r="A457" t="str">
            <v>Slovak RepublicTWA3</v>
          </cell>
          <cell r="B457" t="str">
            <v>Slovak Republic</v>
          </cell>
          <cell r="C457" t="str">
            <v>TWA3</v>
          </cell>
          <cell r="D457" t="str">
            <v>Maximum cumulated duration of temporary work contractse</v>
          </cell>
          <cell r="E457" t="str">
            <v>No limit.</v>
          </cell>
          <cell r="F457" t="str">
            <v>No limit</v>
          </cell>
          <cell r="G457">
            <v>100</v>
          </cell>
          <cell r="J457">
            <v>100</v>
          </cell>
          <cell r="M457">
            <v>0</v>
          </cell>
          <cell r="P457">
            <v>0</v>
          </cell>
        </row>
        <row r="458">
          <cell r="A458" t="str">
            <v>Slovak RepublicTWA4</v>
          </cell>
          <cell r="B458" t="str">
            <v>Slovak Republic</v>
          </cell>
          <cell r="C458" t="str">
            <v>TWA4</v>
          </cell>
          <cell r="D458" t="str">
            <v>Authorisation and reporting obligations</v>
          </cell>
          <cell r="F458" t="str">
            <v>Requires administrative authorisation. The TWA is also required to submit annual reports of activities to the Centre of Labour, Social Affairs and Family.</v>
          </cell>
          <cell r="J458">
            <v>3</v>
          </cell>
          <cell r="P458">
            <v>6</v>
          </cell>
        </row>
        <row r="459">
          <cell r="A459" t="str">
            <v>Slovak RepublicTWA5</v>
          </cell>
          <cell r="B459" t="str">
            <v>Slovak Republic</v>
          </cell>
          <cell r="C459" t="str">
            <v>TWA5</v>
          </cell>
          <cell r="D459" t="str">
            <v>Equal treatment of TWA workers</v>
          </cell>
          <cell r="F459"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459">
            <v>1.5</v>
          </cell>
          <cell r="P459">
            <v>4.5</v>
          </cell>
        </row>
        <row r="460">
          <cell r="A460" t="str">
            <v>Slovak RepublicCD1</v>
          </cell>
          <cell r="B460" t="str">
            <v>Slovak Republic</v>
          </cell>
          <cell r="C460" t="str">
            <v>CD1</v>
          </cell>
          <cell r="D460" t="str">
            <v>Definition of collective dismissal</v>
          </cell>
          <cell r="E460" t="str">
            <v xml:space="preserve">Collective redundancies is if an employer terminates an employment relationship for redundancy/economic/organisational reasons, in the course of 90 days with a minimum of 20 employees.  </v>
          </cell>
          <cell r="F460" t="str">
            <v xml:space="preserve">Collective redundancies is if an employer terminates an employment relationship for redundancy/economic/organisational reasons, in the course of 90 days with a minimum of 20 employees.  </v>
          </cell>
          <cell r="G460">
            <v>2</v>
          </cell>
          <cell r="J460">
            <v>2</v>
          </cell>
          <cell r="M460">
            <v>3</v>
          </cell>
          <cell r="P460">
            <v>3</v>
          </cell>
        </row>
        <row r="461">
          <cell r="A461" t="str">
            <v>Slovak RepublicCD2</v>
          </cell>
          <cell r="B461" t="str">
            <v>Slovak Republic</v>
          </cell>
          <cell r="C461" t="str">
            <v>CD2</v>
          </cell>
          <cell r="D461" t="str">
            <v>Additional notification requirements in case of collective dismissals</v>
          </cell>
          <cell r="E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F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G461">
            <v>2</v>
          </cell>
          <cell r="J461">
            <v>2</v>
          </cell>
          <cell r="M461">
            <v>6</v>
          </cell>
          <cell r="P461">
            <v>6</v>
          </cell>
        </row>
        <row r="462">
          <cell r="A462" t="str">
            <v>Slovak RepublicCD3</v>
          </cell>
          <cell r="B462" t="str">
            <v>Slovak Republic</v>
          </cell>
          <cell r="C462" t="str">
            <v>CD3</v>
          </cell>
          <cell r="D462" t="str">
            <v>Additional delays involved in case of collective dismissals</v>
          </cell>
          <cell r="E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F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G462">
            <v>30</v>
          </cell>
          <cell r="J462">
            <v>30</v>
          </cell>
          <cell r="M462">
            <v>3</v>
          </cell>
          <cell r="P462">
            <v>3</v>
          </cell>
        </row>
        <row r="463">
          <cell r="A463" t="str">
            <v>Slovak RepublicCD4</v>
          </cell>
          <cell r="B463" t="str">
            <v>Slovak Republic</v>
          </cell>
          <cell r="C463" t="str">
            <v>CD4</v>
          </cell>
          <cell r="D463" t="str">
            <v>Other special costs to employers in case of collective dismissals</v>
          </cell>
          <cell r="E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F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G463">
            <v>1</v>
          </cell>
          <cell r="J463">
            <v>1</v>
          </cell>
          <cell r="M463">
            <v>3</v>
          </cell>
          <cell r="P463">
            <v>3</v>
          </cell>
        </row>
        <row r="464">
          <cell r="A464" t="str">
            <v>SpainEPL1A</v>
          </cell>
          <cell r="B464" t="str">
            <v>Spain</v>
          </cell>
          <cell r="C464" t="str">
            <v>EPL1A</v>
          </cell>
          <cell r="D464" t="str">
            <v>Notification proceduresa</v>
          </cell>
          <cell r="E464" t="str">
            <v>Written notice with statement of reasons, plus notification to workers’ representatives.</v>
          </cell>
          <cell r="F464" t="str">
            <v>Written notice with statement of reasons plus notification to workers’ representatives. In the case of disciplinary dismissal, the notice of dismissal will contain the facts on which the dismissal is based and the date of effect.</v>
          </cell>
          <cell r="G464">
            <v>2</v>
          </cell>
          <cell r="J464">
            <v>2</v>
          </cell>
          <cell r="M464">
            <v>4</v>
          </cell>
          <cell r="P464">
            <v>4</v>
          </cell>
        </row>
        <row r="465">
          <cell r="A465" t="str">
            <v>SpainEPL1B</v>
          </cell>
          <cell r="B465" t="str">
            <v>Spain</v>
          </cell>
          <cell r="C465" t="str">
            <v>EPL1B</v>
          </cell>
          <cell r="D465" t="str">
            <v>Delay before notice can starta</v>
          </cell>
          <cell r="E465" t="str">
            <v>Letter sent by mail or handed directly to employee.</v>
          </cell>
          <cell r="F465" t="str">
            <v>Letter sent by mail or handed directly to employee.</v>
          </cell>
          <cell r="G465">
            <v>1</v>
          </cell>
          <cell r="J465">
            <v>1</v>
          </cell>
          <cell r="M465">
            <v>0</v>
          </cell>
          <cell r="P465">
            <v>0</v>
          </cell>
        </row>
        <row r="466">
          <cell r="A466" t="str">
            <v>SpainEPL2A1, EPL2A2, EPL2A3</v>
          </cell>
          <cell r="B466" t="str">
            <v>Spain</v>
          </cell>
          <cell r="C466" t="str">
            <v>EPL2A1, EPL2A2, EPL2A3</v>
          </cell>
          <cell r="D466" t="str">
            <v>Notice / tenurea</v>
          </cell>
          <cell r="E466" t="str">
            <v>Workers dismissed for “objective” reasons: 30d.
(Workers under fixed-term contracts: 0&lt;1y, 15d&gt;1y)</v>
          </cell>
          <cell r="F466" t="str">
            <v>Workers dismissed for “objective” reasons: 30d.
(Workers under fixed-term contracts: 0&lt;1y, 15d&gt;1y)</v>
          </cell>
          <cell r="G466">
            <v>1</v>
          </cell>
          <cell r="H466">
            <v>1</v>
          </cell>
          <cell r="I466">
            <v>1</v>
          </cell>
          <cell r="J466">
            <v>1</v>
          </cell>
          <cell r="K466">
            <v>1</v>
          </cell>
          <cell r="L466">
            <v>1</v>
          </cell>
          <cell r="M466">
            <v>3</v>
          </cell>
          <cell r="N466">
            <v>2</v>
          </cell>
          <cell r="O466">
            <v>1</v>
          </cell>
          <cell r="P466">
            <v>3</v>
          </cell>
          <cell r="Q466">
            <v>2</v>
          </cell>
          <cell r="R466">
            <v>1</v>
          </cell>
        </row>
        <row r="467">
          <cell r="A467" t="str">
            <v>SpainEPL2B1, EPL2B2, EPL2B3</v>
          </cell>
          <cell r="B467" t="str">
            <v>Spain</v>
          </cell>
          <cell r="C467" t="str">
            <v>EPL2B1, EPL2B2, EPL2B3</v>
          </cell>
          <cell r="D467" t="str">
            <v>Severance pay / tenurea</v>
          </cell>
          <cell r="E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F467" t="str">
            <v>Workers dismissed for “objective” reasons: 2/3 of a month’s pay per year of service up to a maximum of 12 months. 
When the employer acknowledges unfair dismissal: the employer can deposit 45 days pay per year of service to a maximum of 42 months’ wages (or for new permanent contracts after 1997 (aimed at young and disadvantaged workers: 16-28, over 45, fixed-term employees, long-term unemployed, women where they are under-represented) 33 days pay per year of service, with a maximum of 24 months pay) to the Labour Court within two days of giving notice of dismissal and avoid the possibility of paying back pay to workers if the dismissal is subsequently found by the courts to be unfair. The employee can apply immediately for unemployment benefits because the dismissal is assumed to be unfair.
Workers under temporary  contracts: 8 days per year of service except for contract of replacement ; workers under contract with temporary agencies and the handicaped get 12 days per year of service. 
Calculation based on average of workers dismissed for “objective” reasons and the situation where the employe acknowledges unfair dismissal (for contracts introduced after 1997): 9 months tenure: 0.7 months, 4 years tenure: 3.5 months, 20 years tenure: 17 months.</v>
          </cell>
          <cell r="G467">
            <v>0.7</v>
          </cell>
          <cell r="H467">
            <v>3.5</v>
          </cell>
          <cell r="I467">
            <v>17</v>
          </cell>
          <cell r="J467">
            <v>0.7</v>
          </cell>
          <cell r="K467">
            <v>3.5</v>
          </cell>
          <cell r="L467">
            <v>17</v>
          </cell>
          <cell r="M467">
            <v>2</v>
          </cell>
          <cell r="N467">
            <v>5</v>
          </cell>
          <cell r="O467">
            <v>5</v>
          </cell>
          <cell r="P467">
            <v>2</v>
          </cell>
          <cell r="Q467">
            <v>5</v>
          </cell>
          <cell r="R467">
            <v>5</v>
          </cell>
        </row>
        <row r="468">
          <cell r="A468" t="str">
            <v>SpainEPL3A</v>
          </cell>
          <cell r="B468" t="str">
            <v>Spain</v>
          </cell>
          <cell r="C468" t="str">
            <v>EPL3A</v>
          </cell>
          <cell r="D468" t="str">
            <v>Definition of justified or unfair dismissal</v>
          </cell>
          <cell r="E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F468" t="str">
            <v xml:space="preserve">Fair: Dismissal based on objective grounds, including economic grounds, absenteeism, lack of adequacy for the job, lack of adaption to technological changes made in the enterprise after, if appropriate, a training course of three months,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When the employer acknowledges unfair dismissal: any reason is adequate grounds for dismissal because the employer has already acknowledged unfair dismissal.
Calculation: average of 2 (for dismissal on objective grounds) and 0 (for dismissal where the employer acknowledges unfair dismissal) = 1 </v>
          </cell>
          <cell r="G468">
            <v>1</v>
          </cell>
          <cell r="J468">
            <v>1</v>
          </cell>
          <cell r="M468">
            <v>2</v>
          </cell>
          <cell r="P468">
            <v>2</v>
          </cell>
        </row>
        <row r="469">
          <cell r="A469" t="str">
            <v>SpainEPL3B</v>
          </cell>
          <cell r="B469" t="str">
            <v>Spain</v>
          </cell>
          <cell r="C469" t="str">
            <v>EPL3B</v>
          </cell>
          <cell r="D469" t="str">
            <v>Trial period</v>
          </cell>
          <cell r="E469" t="str">
            <v xml:space="preserve">All workers: 2 or 3 months (depending on company size. In addition, trial period can go up to 6 months for qualified technical staff and 9 months for managers). </v>
          </cell>
          <cell r="F469" t="str">
            <v>In accordance with provisions of collective agreements. If there is no provision on this matter, this period may not be longer than six months for qualified experts, nine months for senior managers on indefinite contracts or two months for other workers (three months in enterprises with less than 25 workers).
Calculation: average of situation for ordinary workers in large and small businesses.</v>
          </cell>
          <cell r="G469">
            <v>2.5</v>
          </cell>
          <cell r="J469">
            <v>2.5</v>
          </cell>
          <cell r="M469">
            <v>5</v>
          </cell>
          <cell r="P469">
            <v>5</v>
          </cell>
        </row>
        <row r="470">
          <cell r="A470" t="str">
            <v>SpainEPL3C</v>
          </cell>
          <cell r="B470" t="str">
            <v>Spain</v>
          </cell>
          <cell r="C470" t="str">
            <v>EPL3C</v>
          </cell>
          <cell r="D470" t="str">
            <v>compensation following unfair dismissalb</v>
          </cell>
          <cell r="E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F470"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When the employer acknowledges unfair dismissal: the maximum compensation for unfair dismissal has already been paid and there is no right to receive backpay.
Typical compensation at 20 years tenure: average of unfair dismissal case (22 months) and situation where the employer acknowledges unfair dismissal (0 months)</v>
          </cell>
          <cell r="G470">
            <v>11</v>
          </cell>
          <cell r="J470">
            <v>11</v>
          </cell>
          <cell r="M470">
            <v>2</v>
          </cell>
          <cell r="P470">
            <v>2</v>
          </cell>
        </row>
        <row r="471">
          <cell r="A471" t="str">
            <v>SpainEPL3D</v>
          </cell>
          <cell r="B471" t="str">
            <v>Spain</v>
          </cell>
          <cell r="C471" t="str">
            <v>EPL3D</v>
          </cell>
          <cell r="D471" t="str">
            <v>Possibility of reinstatement following unfair dismissal</v>
          </cell>
          <cell r="E471" t="str">
            <v>The option of  reinstatement is only available to the employee in case of null dismissal on discriminatory grounds (only in discrimination cases).</v>
          </cell>
          <cell r="F471"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G471">
            <v>0</v>
          </cell>
          <cell r="J471">
            <v>0</v>
          </cell>
          <cell r="M471">
            <v>0</v>
          </cell>
          <cell r="P471">
            <v>0</v>
          </cell>
        </row>
        <row r="472">
          <cell r="A472" t="str">
            <v>SpainEPL3E</v>
          </cell>
          <cell r="B472" t="str">
            <v>Spain</v>
          </cell>
          <cell r="C472" t="str">
            <v>EPL3E</v>
          </cell>
          <cell r="D472" t="str">
            <v>Max time for claim</v>
          </cell>
          <cell r="F472" t="str">
            <v>The worker can file a claim against dismissal within 20 working days following the date of effect of the dismissal. Calculation: 20 working days = approx. one calendar month</v>
          </cell>
          <cell r="J472">
            <v>1</v>
          </cell>
          <cell r="P472">
            <v>1</v>
          </cell>
        </row>
        <row r="473">
          <cell r="A473" t="str">
            <v>SpainFT1</v>
          </cell>
          <cell r="B473" t="str">
            <v>Spain</v>
          </cell>
          <cell r="C473" t="str">
            <v>FT1</v>
          </cell>
          <cell r="D473" t="str">
            <v>Valid cases for use of fixed-term contracts, other than  “objective”  or “material” situationc</v>
          </cell>
          <cell r="E473" t="str">
            <v>In addition to objective reasons, permitted for: training purposes; for the hiring of handicapped workers; to cover the vacant workday that arises when a worker close to retirement reduces its working time to 4 days per week.</v>
          </cell>
          <cell r="F473" t="str">
            <v>In addition to objective reasons (for specific work, due to accumulation of tasks, replacement, etc), FTCs may be drawn up  for the following purposes: training contracts (in-practice contracts and contracts for training purposes); to hire workers with disabilities; and to cover the part of the working day left uncovered by an employee close to reitrement with another temporary worker from the enterprise, or with an unemployed worker.</v>
          </cell>
          <cell r="G473">
            <v>1.5</v>
          </cell>
          <cell r="J473">
            <v>1.5</v>
          </cell>
          <cell r="M473">
            <v>3</v>
          </cell>
          <cell r="P473">
            <v>3</v>
          </cell>
        </row>
        <row r="474">
          <cell r="A474" t="str">
            <v>SpainFT2</v>
          </cell>
          <cell r="B474" t="str">
            <v>Spain</v>
          </cell>
          <cell r="C474" t="str">
            <v>FT2</v>
          </cell>
          <cell r="D474" t="str">
            <v>Maximum number of successive fixed-term contractsd</v>
          </cell>
          <cell r="E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F474" t="str">
            <v>Temporary increase in workload: contract can be extended or renewed only once, within the maximum duration. Other objective reasons: no limit specified. Training contracts: may be extended for six months up to two years, or three years by collective agreement, and up to four years for workers with disabilities.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riing at the end of the corresponding period of the year when the replaced worker reaches the age of full retirement.</v>
          </cell>
          <cell r="G474">
            <v>3</v>
          </cell>
          <cell r="J474">
            <v>3</v>
          </cell>
          <cell r="M474">
            <v>3</v>
          </cell>
          <cell r="P474">
            <v>3</v>
          </cell>
        </row>
        <row r="475">
          <cell r="A475" t="str">
            <v>SpainFT3</v>
          </cell>
          <cell r="B475" t="str">
            <v>Spain</v>
          </cell>
          <cell r="C475" t="str">
            <v>FT3</v>
          </cell>
          <cell r="D475" t="str">
            <v>Maximum cumulated duration of successive fixed-term contracts</v>
          </cell>
          <cell r="E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F475" t="str">
            <v>Temporary increase in workload: maximum duration is six months which may be extended to 12 months through collective agreement. Other objective reasons: no limit on duration if the objective reasons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v>
          </cell>
          <cell r="G475">
            <v>24</v>
          </cell>
          <cell r="J475">
            <v>24</v>
          </cell>
          <cell r="M475">
            <v>3</v>
          </cell>
          <cell r="P475">
            <v>3</v>
          </cell>
        </row>
        <row r="476">
          <cell r="A476" t="str">
            <v>SpainTWA1</v>
          </cell>
          <cell r="B476" t="str">
            <v>Spain</v>
          </cell>
          <cell r="C476" t="str">
            <v>TWA1</v>
          </cell>
          <cell r="D476" t="str">
            <v>Types of work for which TWA employment is legal</v>
          </cell>
          <cell r="E476" t="str">
            <v xml:space="preserve">TWAs legal since 1994, limited to “objective situations”.  </v>
          </cell>
          <cell r="F476" t="str">
            <v>Limited to "objective situations".</v>
          </cell>
          <cell r="G476">
            <v>2</v>
          </cell>
          <cell r="J476">
            <v>2</v>
          </cell>
          <cell r="M476">
            <v>3</v>
          </cell>
          <cell r="P476">
            <v>3</v>
          </cell>
        </row>
        <row r="477">
          <cell r="A477" t="str">
            <v>SpainTWA2</v>
          </cell>
          <cell r="B477" t="str">
            <v>Spain</v>
          </cell>
          <cell r="C477" t="str">
            <v>TWA2</v>
          </cell>
          <cell r="D477" t="str">
            <v>Are there any restrictions on the number of renewals of a TWA contract?</v>
          </cell>
          <cell r="E477" t="str">
            <v>Yes</v>
          </cell>
          <cell r="F477" t="str">
            <v>Yes</v>
          </cell>
          <cell r="G477" t="str">
            <v>Yes</v>
          </cell>
          <cell r="J477" t="str">
            <v>Yes</v>
          </cell>
          <cell r="M477">
            <v>4</v>
          </cell>
          <cell r="P477">
            <v>4</v>
          </cell>
        </row>
        <row r="478">
          <cell r="A478" t="str">
            <v>SpainTWA3</v>
          </cell>
          <cell r="B478" t="str">
            <v>Spain</v>
          </cell>
          <cell r="C478" t="str">
            <v>TWA3</v>
          </cell>
          <cell r="D478" t="str">
            <v>Maximum cumulated duration of temporary work contractse</v>
          </cell>
          <cell r="E478" t="str">
            <v>No limit for substitution and contracts related to a specific task; 6 months for temporary increase in workload; 3 months to cover temporarily a post while carrying out a selection process.</v>
          </cell>
          <cell r="F478" t="str">
            <v>No limit for substitution and contracts related to a specific task; 6 months for temporary increase in workload; 3 months to cover temporarily a post while carrying out a selection process.</v>
          </cell>
          <cell r="G478">
            <v>6</v>
          </cell>
          <cell r="J478">
            <v>6</v>
          </cell>
          <cell r="M478">
            <v>6</v>
          </cell>
          <cell r="P478">
            <v>6</v>
          </cell>
        </row>
        <row r="479">
          <cell r="A479" t="str">
            <v>SpainTWA4</v>
          </cell>
          <cell r="B479" t="str">
            <v>Spain</v>
          </cell>
          <cell r="C479" t="str">
            <v>TWA4</v>
          </cell>
          <cell r="D479" t="str">
            <v>Authorisation and reporting obligations</v>
          </cell>
          <cell r="F479"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479">
            <v>3</v>
          </cell>
          <cell r="P479">
            <v>6</v>
          </cell>
        </row>
        <row r="480">
          <cell r="A480" t="str">
            <v>SpainTWA5</v>
          </cell>
          <cell r="B480" t="str">
            <v>Spain</v>
          </cell>
          <cell r="C480" t="str">
            <v>TWA5</v>
          </cell>
          <cell r="D480" t="str">
            <v>Equal treatment of TWA workers</v>
          </cell>
          <cell r="F480"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480">
            <v>2</v>
          </cell>
          <cell r="P480">
            <v>6</v>
          </cell>
        </row>
        <row r="481">
          <cell r="A481" t="str">
            <v>SpainCD1</v>
          </cell>
          <cell r="B481" t="str">
            <v>Spain</v>
          </cell>
          <cell r="C481" t="str">
            <v>CD1</v>
          </cell>
          <cell r="D481" t="str">
            <v>Definition of collective dismissal</v>
          </cell>
          <cell r="E481" t="str">
            <v>Within 90 days, 10+ workers in firms &lt;100 employees; 10%+ in firms 100-299; 30+ workers in firms 300+ employees.</v>
          </cell>
          <cell r="F481" t="str">
            <v>Within 90 days, 10+ workers in firms &lt;100 employees; 10%+ in firms 100-299; 30+ workers in firms 300+ employees.</v>
          </cell>
          <cell r="G481">
            <v>3</v>
          </cell>
          <cell r="J481">
            <v>3</v>
          </cell>
          <cell r="M481">
            <v>4.5</v>
          </cell>
          <cell r="P481">
            <v>4.5</v>
          </cell>
        </row>
        <row r="482">
          <cell r="A482" t="str">
            <v>SpainCD2</v>
          </cell>
          <cell r="B482" t="str">
            <v>Spain</v>
          </cell>
          <cell r="C482" t="str">
            <v>CD2</v>
          </cell>
          <cell r="D482" t="str">
            <v>Additional notification requirements in case of collective dismissals</v>
          </cell>
          <cell r="E482" t="str">
            <v>Notification of employee representatives: Duty to inform and consult with Works Council or trade union delegation. Notification of public authorities: Notification of  local labour market authorities .</v>
          </cell>
          <cell r="F482" t="str">
            <v>Notification of employee representatives: Duty to inform and consult with Works Council or trade union delegation. Notification of public authorities: Notification of labour authority.</v>
          </cell>
          <cell r="G482">
            <v>1</v>
          </cell>
          <cell r="J482">
            <v>1</v>
          </cell>
          <cell r="M482">
            <v>3</v>
          </cell>
          <cell r="P482">
            <v>3</v>
          </cell>
        </row>
        <row r="483">
          <cell r="A483" t="str">
            <v>SpainCD3</v>
          </cell>
          <cell r="B483" t="str">
            <v>Spain</v>
          </cell>
          <cell r="C483" t="str">
            <v>CD3</v>
          </cell>
          <cell r="D483" t="str">
            <v>Additional delays involved in case of collective dismissals</v>
          </cell>
          <cell r="E483" t="str">
            <v>Employer must consult 30 days in advance (15 days in firms with &lt; 50 employees).  Further 15 days delay for approval of labour market authorities, if required (only required id failed to reach agreement). (30+15)/2=22.5 + (15/2)=30 -1=29</v>
          </cell>
          <cell r="F483" t="str">
            <v>Employer should apply for authorisation and open a period of consultation of 30 days (15 days in enterprises of less than 50 workers) with employee representatit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29 days = (30+15)/2 for consultation averaged over firm size + average of 15/2 days for resolution issued by labour authority - 1 day for individual dismissal at Item 2.</v>
          </cell>
          <cell r="G483">
            <v>29</v>
          </cell>
          <cell r="J483">
            <v>29</v>
          </cell>
          <cell r="M483">
            <v>2</v>
          </cell>
          <cell r="P483">
            <v>2</v>
          </cell>
        </row>
        <row r="484">
          <cell r="A484" t="str">
            <v>SpainCD4</v>
          </cell>
          <cell r="B484" t="str">
            <v>Spain</v>
          </cell>
          <cell r="C484" t="str">
            <v>CD4</v>
          </cell>
          <cell r="D484" t="str">
            <v>Other special costs to employers in case of collective dismissals</v>
          </cell>
          <cell r="E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F484" t="str">
            <v>Type of negotiation require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G484">
            <v>1</v>
          </cell>
          <cell r="J484">
            <v>1</v>
          </cell>
          <cell r="M484">
            <v>3</v>
          </cell>
          <cell r="P484">
            <v>3</v>
          </cell>
        </row>
        <row r="485">
          <cell r="A485" t="str">
            <v>SwedenEPL1A</v>
          </cell>
          <cell r="B485" t="str">
            <v>Sweden</v>
          </cell>
          <cell r="C485" t="str">
            <v>EPL1A</v>
          </cell>
          <cell r="D485" t="str">
            <v>Notification proceduresa</v>
          </cell>
          <cell r="E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F485" t="str">
            <v>Personal grounds: Written notification to employee and trade union, after at least one previous warning (as proof of “long-standing” problems) that action is intended; reasons to be given if requested by employee.
Redundancy: Notification to employee and trade union. The trade union has a right to deliberation/negotiations.</v>
          </cell>
          <cell r="G485">
            <v>2</v>
          </cell>
          <cell r="J485">
            <v>2</v>
          </cell>
          <cell r="M485">
            <v>4</v>
          </cell>
          <cell r="P485">
            <v>4</v>
          </cell>
        </row>
        <row r="486">
          <cell r="A486" t="str">
            <v>SwedenEPL1B</v>
          </cell>
          <cell r="B486" t="str">
            <v>Sweden</v>
          </cell>
          <cell r="C486" t="str">
            <v>EPL1B</v>
          </cell>
          <cell r="D486" t="str">
            <v>Delay before notice can starta</v>
          </cell>
          <cell r="E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F486" t="str">
            <v>Personal grounds: Previous notification must be given to the employee, minimum 14 days before notice is intended. If negotiations are asked for, the employer cannot execute the dismissal before the negotiations are terminated. Negotiations can take from a few days or weeks to up to six months.
Redundancy: Duty to negotiate on pending dismissals before notice can be served.
Lack of suitable alternatives must be demonstrated in all cases. 
Calculation: average of personal grounds (1+6+14=21) and redundancy (1+6)</v>
          </cell>
          <cell r="G486">
            <v>14</v>
          </cell>
          <cell r="J486">
            <v>14</v>
          </cell>
          <cell r="M486">
            <v>2</v>
          </cell>
          <cell r="P486">
            <v>2</v>
          </cell>
        </row>
        <row r="487">
          <cell r="A487" t="str">
            <v>SwedenEPL2A1, EPL2A2, EPL2A3</v>
          </cell>
          <cell r="B487" t="str">
            <v>Sweden</v>
          </cell>
          <cell r="C487" t="str">
            <v>EPL2A1, EPL2A2, EPL2A3</v>
          </cell>
          <cell r="D487" t="str">
            <v>Notice / tenurea</v>
          </cell>
          <cell r="E487" t="str">
            <v>All workers: 1m&lt;2y; 2m&lt;4y; 3m&lt;6y; 4m&lt;8y; 5m&lt;10y; 6m&gt;10y.
9 months tenure: 1 month, 4 years tenure: 3 months, 20 years tenure: 6 months.</v>
          </cell>
          <cell r="F487" t="str">
            <v xml:space="preserve">All workers: 1m&lt;2y; 2m&lt;4y; 3m&lt;6y; 4m&lt;8y; 5m&lt;10y; 6m&gt;10y. Deviation is possible by collective agreement.
9 months tenure: 1 month, 4 years tenure: 3 months, 20 years tenure: 6 months. </v>
          </cell>
          <cell r="G487">
            <v>1</v>
          </cell>
          <cell r="H487">
            <v>3</v>
          </cell>
          <cell r="I487">
            <v>6</v>
          </cell>
          <cell r="J487">
            <v>1</v>
          </cell>
          <cell r="K487">
            <v>3</v>
          </cell>
          <cell r="L487">
            <v>6</v>
          </cell>
          <cell r="M487">
            <v>3</v>
          </cell>
          <cell r="N487">
            <v>5</v>
          </cell>
          <cell r="O487">
            <v>3</v>
          </cell>
          <cell r="P487">
            <v>3</v>
          </cell>
          <cell r="Q487">
            <v>5</v>
          </cell>
          <cell r="R487">
            <v>3</v>
          </cell>
        </row>
        <row r="488">
          <cell r="A488" t="str">
            <v>SwedenEPL2B1, EPL2B2, EPL2B3</v>
          </cell>
          <cell r="B488" t="str">
            <v>Sweden</v>
          </cell>
          <cell r="C488" t="str">
            <v>EPL2B1, EPL2B2, EPL2B3</v>
          </cell>
          <cell r="D488" t="str">
            <v>Severance pay / tenurea</v>
          </cell>
          <cell r="E488" t="str">
            <v>All workers: No legal entitlement, but occasionally included in collective agreements.</v>
          </cell>
          <cell r="F488" t="str">
            <v>All workers: No legal entitlement, but occasionally included in collective agreements.</v>
          </cell>
          <cell r="G488">
            <v>0</v>
          </cell>
          <cell r="H488">
            <v>0</v>
          </cell>
          <cell r="I488">
            <v>0</v>
          </cell>
          <cell r="J488">
            <v>0</v>
          </cell>
          <cell r="K488">
            <v>0</v>
          </cell>
          <cell r="L488">
            <v>0</v>
          </cell>
          <cell r="M488">
            <v>0</v>
          </cell>
          <cell r="N488">
            <v>0</v>
          </cell>
          <cell r="O488">
            <v>0</v>
          </cell>
          <cell r="P488">
            <v>0</v>
          </cell>
          <cell r="Q488">
            <v>0</v>
          </cell>
          <cell r="R488">
            <v>0</v>
          </cell>
        </row>
        <row r="489">
          <cell r="A489" t="str">
            <v>SwedenEPL3A</v>
          </cell>
          <cell r="B489" t="str">
            <v>Sweden</v>
          </cell>
          <cell r="C489" t="str">
            <v>EPL3A</v>
          </cell>
          <cell r="D489" t="str">
            <v>Definition of justified or unfair dismissal</v>
          </cell>
          <cell r="E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F489" t="str">
            <v>Fair: Dismissals on “ objective grounds”, i.e. economic redundancy and personal circumstances, including lack of competence. In the case of lesser capability because of (e.g.) age, disease, etc., the employer has to try to adjust the workplace, rehabilitate the employee or transfer the employee to other suitable work. According to case law, it is only fair dismissal if the employee has a "permanent reduction of the working capacity which is so considerable that the employee no more can be expected to perform work of any significance with the employer".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G489">
            <v>2</v>
          </cell>
          <cell r="J489">
            <v>2</v>
          </cell>
          <cell r="M489">
            <v>4</v>
          </cell>
          <cell r="P489">
            <v>4</v>
          </cell>
        </row>
        <row r="490">
          <cell r="A490" t="str">
            <v>SwedenEPL3B</v>
          </cell>
          <cell r="B490" t="str">
            <v>Sweden</v>
          </cell>
          <cell r="C490" t="str">
            <v>EPL3B</v>
          </cell>
          <cell r="D490" t="str">
            <v>Trial period</v>
          </cell>
          <cell r="E490" t="str">
            <v>All workers: Probationary period limited to a maximum of 6 months trial; does not exclude claim for damages</v>
          </cell>
          <cell r="F490" t="str">
            <v>All workers: Probationary period limited to a maximum of 6 months trial; does not exclude claim for damages. Deviation possible by collective agreement.
Coded as 3 months because average of 6 months and 0 months (for damages)</v>
          </cell>
          <cell r="G490">
            <v>3</v>
          </cell>
          <cell r="J490">
            <v>3</v>
          </cell>
          <cell r="M490">
            <v>4</v>
          </cell>
          <cell r="P490">
            <v>4</v>
          </cell>
        </row>
        <row r="491">
          <cell r="A491" t="str">
            <v>SwedenEPL3C</v>
          </cell>
          <cell r="B491" t="str">
            <v>Sweden</v>
          </cell>
          <cell r="C491" t="str">
            <v>EPL3C</v>
          </cell>
          <cell r="D491" t="str">
            <v>compensation following unfair dismissalb</v>
          </cell>
          <cell r="E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F491" t="str">
            <v>If employer refuses to comply with reinstatement, damages are payable on the scale: 16 months &lt;5 years; 24 months &lt; 10 years; 32 months &gt; 10 years. Typical compensation at 20 years tenure (all workers): 32 months, if employer refuses to comply with reinstatement order.</v>
          </cell>
          <cell r="G491">
            <v>32</v>
          </cell>
          <cell r="J491">
            <v>32</v>
          </cell>
          <cell r="M491">
            <v>6</v>
          </cell>
          <cell r="P491">
            <v>6</v>
          </cell>
        </row>
        <row r="492">
          <cell r="A492" t="str">
            <v>SwedenEPL3D</v>
          </cell>
          <cell r="B492" t="str">
            <v>Sweden</v>
          </cell>
          <cell r="C492" t="str">
            <v>EPL3D</v>
          </cell>
          <cell r="D492" t="str">
            <v>Possibility of reinstatement following unfair dismissal</v>
          </cell>
          <cell r="E492" t="str">
            <v>Courts may order reinstatement or damages, plus a sum equal to earnings between the dismissal and the legal settlement of the case. The option of  reinstatement is rarely made available to the employee.</v>
          </cell>
          <cell r="F492" t="str">
            <v>Courts may order reinstatement or damages, plus a sum equal to earnings between the dismissal and the legal settlement of the case. The option of  reinstatement is rarely made available to the employee.</v>
          </cell>
          <cell r="G492">
            <v>1</v>
          </cell>
          <cell r="J492">
            <v>1</v>
          </cell>
          <cell r="M492">
            <v>2</v>
          </cell>
          <cell r="P492">
            <v>2</v>
          </cell>
        </row>
        <row r="493">
          <cell r="A493" t="str">
            <v>SwedenEPL3E</v>
          </cell>
          <cell r="B493" t="str">
            <v>Sweden</v>
          </cell>
          <cell r="C493" t="str">
            <v>EPL3E</v>
          </cell>
          <cell r="D493" t="str">
            <v>Max time for claim</v>
          </cell>
          <cell r="F493" t="str">
            <v>2 weeks if the employee wants to have the dismissal ruled invalid. If only damages are claimed, the time limit is 4 months.
Average of 2 weeks and 4 months</v>
          </cell>
          <cell r="J493">
            <v>2.25</v>
          </cell>
          <cell r="P493">
            <v>2</v>
          </cell>
        </row>
        <row r="494">
          <cell r="A494" t="str">
            <v>SwedenFT1</v>
          </cell>
          <cell r="B494" t="str">
            <v>Sweden</v>
          </cell>
          <cell r="C494" t="str">
            <v>FT1</v>
          </cell>
          <cell r="D494" t="str">
            <v>Valid cases for use of fixed-term contracts, other than  “objective”  or “material” situationc</v>
          </cell>
          <cell r="E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F494" t="str">
            <v>FTC permitted in following cases:
(1) for general fixed-term employment;
(2) for temporary replacement of absent employees;
(3) seasonal work;
(4) personal above 67 years of age.
In addition, it is possible to have other rules on FTC in collective agreements. 
If an employee has been employed for a period of five years by an employer either on a general fixed-term contract or as a substitute for in aggregate more than two years, the employment is transformed into indefinite-term employment.</v>
          </cell>
          <cell r="G494">
            <v>2.5</v>
          </cell>
          <cell r="J494">
            <v>3</v>
          </cell>
          <cell r="M494">
            <v>1</v>
          </cell>
          <cell r="P494">
            <v>0</v>
          </cell>
        </row>
        <row r="495">
          <cell r="A495" t="str">
            <v>SwedenFT2</v>
          </cell>
          <cell r="B495" t="str">
            <v>Sweden</v>
          </cell>
          <cell r="C495" t="str">
            <v>FT2</v>
          </cell>
          <cell r="D495" t="str">
            <v>Maximum number of successive fixed-term contractsd</v>
          </cell>
          <cell r="E495" t="str">
            <v>No limit specified.</v>
          </cell>
          <cell r="F495" t="str">
            <v>No limit specified.</v>
          </cell>
          <cell r="G495">
            <v>100</v>
          </cell>
          <cell r="J495">
            <v>100</v>
          </cell>
          <cell r="M495">
            <v>0</v>
          </cell>
          <cell r="P495">
            <v>0</v>
          </cell>
        </row>
        <row r="496">
          <cell r="A496" t="str">
            <v>SwedenFT3</v>
          </cell>
          <cell r="B496" t="str">
            <v>Sweden</v>
          </cell>
          <cell r="C496" t="str">
            <v>FT3</v>
          </cell>
          <cell r="D496" t="str">
            <v>Maximum cumulated duration of successive fixed-term contracts</v>
          </cell>
          <cell r="E496" t="str">
            <v xml:space="preserve">Under a), 3 years in 5 years period; under b), 6 months in 2 years period;under d), 12 months in 3 years period, or 18 months for 1st employee </v>
          </cell>
          <cell r="F496" t="str">
            <v>Maximum 2 years within a 5 year period.</v>
          </cell>
          <cell r="G496">
            <v>12</v>
          </cell>
          <cell r="J496">
            <v>24</v>
          </cell>
          <cell r="M496">
            <v>5</v>
          </cell>
          <cell r="P496">
            <v>3</v>
          </cell>
        </row>
        <row r="497">
          <cell r="A497" t="str">
            <v>SwedenTWA1</v>
          </cell>
          <cell r="B497" t="str">
            <v>Sweden</v>
          </cell>
          <cell r="C497" t="str">
            <v>TWA1</v>
          </cell>
          <cell r="D497" t="str">
            <v>Types of work for which TWA employment is legal</v>
          </cell>
          <cell r="E497" t="str">
            <v xml:space="preserve">General </v>
          </cell>
          <cell r="F497" t="str">
            <v xml:space="preserve">General </v>
          </cell>
          <cell r="G497">
            <v>4</v>
          </cell>
          <cell r="J497">
            <v>4</v>
          </cell>
          <cell r="M497">
            <v>0</v>
          </cell>
          <cell r="P497">
            <v>0</v>
          </cell>
        </row>
        <row r="498">
          <cell r="A498" t="str">
            <v>SwedenTWA2</v>
          </cell>
          <cell r="B498" t="str">
            <v>Sweden</v>
          </cell>
          <cell r="C498" t="str">
            <v>TWA2</v>
          </cell>
          <cell r="D498" t="str">
            <v>Are there any restrictions on the number of renewals of a TWA contract?</v>
          </cell>
          <cell r="E498" t="str">
            <v>No</v>
          </cell>
          <cell r="F498" t="str">
            <v>No</v>
          </cell>
          <cell r="G498" t="str">
            <v>No</v>
          </cell>
          <cell r="J498" t="str">
            <v>No</v>
          </cell>
          <cell r="M498">
            <v>2</v>
          </cell>
          <cell r="P498">
            <v>2</v>
          </cell>
        </row>
        <row r="499">
          <cell r="A499" t="str">
            <v>SwedenTWA3</v>
          </cell>
          <cell r="B499" t="str">
            <v>Sweden</v>
          </cell>
          <cell r="C499" t="str">
            <v>TWA3</v>
          </cell>
          <cell r="D499" t="str">
            <v>Maximum cumulated duration of temporary work contractse</v>
          </cell>
          <cell r="E499" t="str">
            <v xml:space="preserve">Same rules as for fixed-term contracts. </v>
          </cell>
          <cell r="F499" t="str">
            <v>No specific rules for TWA contracts. If FTCs are used, the same rules as above.</v>
          </cell>
          <cell r="G499">
            <v>12</v>
          </cell>
          <cell r="J499">
            <v>24</v>
          </cell>
          <cell r="M499">
            <v>4</v>
          </cell>
          <cell r="P499">
            <v>2</v>
          </cell>
        </row>
        <row r="500">
          <cell r="A500" t="str">
            <v>SwedenTWA4</v>
          </cell>
          <cell r="B500" t="str">
            <v>Sweden</v>
          </cell>
          <cell r="C500" t="str">
            <v>TWA4</v>
          </cell>
          <cell r="D500" t="str">
            <v>Authorisation and reporting obligations</v>
          </cell>
          <cell r="F500" t="str">
            <v>There is a voluntary authorisation system which is administered by the social partners</v>
          </cell>
          <cell r="J500">
            <v>0</v>
          </cell>
          <cell r="P500">
            <v>0</v>
          </cell>
        </row>
        <row r="501">
          <cell r="A501" t="str">
            <v>SwedenTWA5</v>
          </cell>
          <cell r="B501" t="str">
            <v>Sweden</v>
          </cell>
          <cell r="C501" t="str">
            <v>TWA5</v>
          </cell>
          <cell r="D501" t="str">
            <v>Equal treatment of TWA workers</v>
          </cell>
          <cell r="F501" t="str">
            <v>There is no special legislation. The conditions are regulated in collective agreements and in regular labour law. The employees are regarded as employed by the agency.</v>
          </cell>
          <cell r="J501">
            <v>0</v>
          </cell>
          <cell r="P501">
            <v>0</v>
          </cell>
        </row>
        <row r="502">
          <cell r="A502" t="str">
            <v>SwedenCD1</v>
          </cell>
          <cell r="B502" t="str">
            <v>Sweden</v>
          </cell>
          <cell r="C502" t="str">
            <v>CD1</v>
          </cell>
          <cell r="D502" t="str">
            <v>Definition of collective dismissal</v>
          </cell>
          <cell r="E502" t="str">
            <v>Collective dismissal governed by regulation on redundancy dismissal.</v>
          </cell>
          <cell r="F502" t="str">
            <v>Additional notification requirements apply where more than 5 employees are made redundant.</v>
          </cell>
          <cell r="G502">
            <v>4</v>
          </cell>
          <cell r="J502">
            <v>4</v>
          </cell>
          <cell r="M502">
            <v>6</v>
          </cell>
          <cell r="P502">
            <v>6</v>
          </cell>
        </row>
        <row r="503">
          <cell r="A503" t="str">
            <v>SwedenCD2</v>
          </cell>
          <cell r="B503" t="str">
            <v>Sweden</v>
          </cell>
          <cell r="C503" t="str">
            <v>CD2</v>
          </cell>
          <cell r="D503" t="str">
            <v>Additional notification requirements in case of collective dismissals</v>
          </cell>
          <cell r="E503" t="str">
            <v>Notification of employee representatives: Duty to inform and consult with competent trade union. Notification of public authorities: Notification of county labour board.</v>
          </cell>
          <cell r="F503" t="str">
            <v>Notification of employee representatives: Duty to inform and consult with competent trade union. Notification of public authorities: Notification of Employment Agency.</v>
          </cell>
          <cell r="G503">
            <v>1</v>
          </cell>
          <cell r="J503">
            <v>1</v>
          </cell>
          <cell r="M503">
            <v>3</v>
          </cell>
          <cell r="P503">
            <v>3</v>
          </cell>
        </row>
        <row r="504">
          <cell r="A504" t="str">
            <v>SwedenCD3</v>
          </cell>
          <cell r="B504" t="str">
            <v>Sweden</v>
          </cell>
          <cell r="C504" t="str">
            <v>CD3</v>
          </cell>
          <cell r="D504" t="str">
            <v>Additional delays involved in case of collective dismissals</v>
          </cell>
          <cell r="E504" t="str">
            <v>Waiting periods after notification of employment service are from 2 months (when 5-24 workers involved) to 6 months (when 100+ workers involved).</v>
          </cell>
          <cell r="F504" t="str">
            <v>Waiting periods after notification of employment service are from 2 months (when 5-24 workers involved) to 6 months (when 100+ workers involved).
Calculation: average of 4 months (120 days) less 7 days for individual redundancies.</v>
          </cell>
          <cell r="G504">
            <v>113</v>
          </cell>
          <cell r="J504">
            <v>113</v>
          </cell>
          <cell r="M504">
            <v>6</v>
          </cell>
          <cell r="P504">
            <v>6</v>
          </cell>
        </row>
        <row r="505">
          <cell r="A505" t="str">
            <v>SwedenCD4</v>
          </cell>
          <cell r="B505" t="str">
            <v>Sweden</v>
          </cell>
          <cell r="C505" t="str">
            <v>CD4</v>
          </cell>
          <cell r="D505" t="str">
            <v>Other special costs to employers in case of collective dismissals</v>
          </cell>
          <cell r="E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F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G505">
            <v>0</v>
          </cell>
          <cell r="J505">
            <v>0</v>
          </cell>
          <cell r="M505">
            <v>0</v>
          </cell>
          <cell r="P505">
            <v>0</v>
          </cell>
        </row>
        <row r="506">
          <cell r="A506" t="str">
            <v>SwitzerlandEPL1A</v>
          </cell>
          <cell r="B506" t="str">
            <v>Switzerland</v>
          </cell>
          <cell r="C506" t="str">
            <v>EPL1A</v>
          </cell>
          <cell r="D506" t="str">
            <v>Notification proceduresa</v>
          </cell>
          <cell r="E506" t="str">
            <v>Notification to employee who has the right to request a statement of reasons.</v>
          </cell>
          <cell r="F506" t="str">
            <v>Notification to employee who has the right to request a statement of reasons.</v>
          </cell>
          <cell r="G506">
            <v>0.5</v>
          </cell>
          <cell r="J506">
            <v>0.5</v>
          </cell>
          <cell r="M506">
            <v>1</v>
          </cell>
          <cell r="P506">
            <v>1</v>
          </cell>
        </row>
        <row r="507">
          <cell r="A507" t="str">
            <v>SwitzerlandEPL1B</v>
          </cell>
          <cell r="B507" t="str">
            <v>Switzerland</v>
          </cell>
          <cell r="C507" t="str">
            <v>EPL1B</v>
          </cell>
          <cell r="D507" t="str">
            <v>Delay before notice can starta</v>
          </cell>
          <cell r="E507" t="str">
            <v>Letter sent by mail or handed directly to employee.</v>
          </cell>
          <cell r="F507" t="str">
            <v>Letter sent by mail or handed directly to employee.</v>
          </cell>
          <cell r="G507">
            <v>1</v>
          </cell>
          <cell r="J507">
            <v>1</v>
          </cell>
          <cell r="M507">
            <v>0</v>
          </cell>
          <cell r="P507">
            <v>0</v>
          </cell>
        </row>
        <row r="508">
          <cell r="A508" t="str">
            <v>SwitzerlandEPL2A1, EPL2A2, EPL2A3</v>
          </cell>
          <cell r="B508" t="str">
            <v>Switzerland</v>
          </cell>
          <cell r="C508" t="str">
            <v>EPL2A1, EPL2A2, EPL2A3</v>
          </cell>
          <cell r="D508" t="str">
            <v>Notice / tenurea</v>
          </cell>
          <cell r="E508" t="str">
            <v>All workers: 7d during the trial period (1 to 3 months), 1m&lt;1y, 2m&lt;10y, 3m&gt;10y, always to the end of a calendar month.
9 months tenure: 1 month, 4 years tenure: 2 months, 20 years tenure: 3 months.</v>
          </cell>
          <cell r="F508" t="str">
            <v>All workers: 7d during the trial period (1 to 3 months), 1m&lt;1y, 2m&lt;10y, 3m&gt;10y, always to the end of a calendar month.
9 months tenure: 1 month, 4 years tenure: 2 months, 20 years tenure: 3 months.</v>
          </cell>
          <cell r="G508">
            <v>1</v>
          </cell>
          <cell r="H508">
            <v>2</v>
          </cell>
          <cell r="I508">
            <v>3</v>
          </cell>
          <cell r="J508">
            <v>1</v>
          </cell>
          <cell r="K508">
            <v>2</v>
          </cell>
          <cell r="L508">
            <v>3</v>
          </cell>
          <cell r="M508">
            <v>3</v>
          </cell>
          <cell r="N508">
            <v>4</v>
          </cell>
          <cell r="O508">
            <v>2</v>
          </cell>
          <cell r="P508">
            <v>3</v>
          </cell>
          <cell r="Q508">
            <v>4</v>
          </cell>
          <cell r="R508">
            <v>2</v>
          </cell>
        </row>
        <row r="509">
          <cell r="A509" t="str">
            <v>SwitzerlandEPL2B1, EPL2B2, EPL2B3</v>
          </cell>
          <cell r="B509" t="str">
            <v>Switzerland</v>
          </cell>
          <cell r="C509" t="str">
            <v>EPL2B1, EPL2B2, EPL2B3</v>
          </cell>
          <cell r="D509" t="str">
            <v>Severance pay / tenurea</v>
          </cell>
          <cell r="E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F509" t="str">
            <v>All workers: No legal entitlement to severance pay, except for workers over age 50 and more than 20 years seniority, where severance pay cannot be less than 2 months wages, with a maximum amount of 8 months wages.
9 months tenure: 0, 4 years tenure: 0, 20 years tenure and aged over 50 years: 2.5 months ([0+5]/2).</v>
          </cell>
          <cell r="G509">
            <v>0</v>
          </cell>
          <cell r="H509">
            <v>0</v>
          </cell>
          <cell r="I509">
            <v>2.5</v>
          </cell>
          <cell r="J509">
            <v>0</v>
          </cell>
          <cell r="K509">
            <v>0</v>
          </cell>
          <cell r="L509">
            <v>2.5</v>
          </cell>
          <cell r="M509">
            <v>0</v>
          </cell>
          <cell r="N509">
            <v>0</v>
          </cell>
          <cell r="O509">
            <v>1</v>
          </cell>
          <cell r="P509">
            <v>0</v>
          </cell>
          <cell r="Q509">
            <v>0</v>
          </cell>
          <cell r="R509">
            <v>1</v>
          </cell>
        </row>
        <row r="510">
          <cell r="A510" t="str">
            <v>SwitzerlandEPL3A</v>
          </cell>
          <cell r="B510" t="str">
            <v>Switzerland</v>
          </cell>
          <cell r="C510" t="str">
            <v>EPL3A</v>
          </cell>
          <cell r="D510" t="str">
            <v>Definition of justified or unfair dismissal</v>
          </cell>
          <cell r="E510" t="str">
            <v xml:space="preserve">Unfair: Dismissals based, inter alia, on personal grounds such as sex, religion, union membership, marital status or family responsibilities, or on the exercise of an employee’s constitutional rights or legal obligations, such as military service. </v>
          </cell>
          <cell r="F510" t="str">
            <v xml:space="preserve">Unfair: Dismissals based, inter alia, on personal grounds such as sex, religion, union membership, marital status or family responsibilities, or on the exercise of an employee’s constitutional rights or legal obligations, such as military service. </v>
          </cell>
          <cell r="G510">
            <v>0</v>
          </cell>
          <cell r="J510">
            <v>0</v>
          </cell>
          <cell r="M510">
            <v>0</v>
          </cell>
          <cell r="P510">
            <v>0</v>
          </cell>
        </row>
        <row r="511">
          <cell r="A511" t="str">
            <v>SwitzerlandEPL3B</v>
          </cell>
          <cell r="B511" t="str">
            <v>Switzerland</v>
          </cell>
          <cell r="C511" t="str">
            <v>EPL3B</v>
          </cell>
          <cell r="D511" t="str">
            <v>Trial period</v>
          </cell>
          <cell r="E511" t="str">
            <v>All workers: 1 month, often extended to 3 months in individual employment contracts.</v>
          </cell>
          <cell r="F511" t="str">
            <v>All workers: 1 month, often extended to 3 months in individual employment contracts.</v>
          </cell>
          <cell r="G511">
            <v>2</v>
          </cell>
          <cell r="J511">
            <v>2</v>
          </cell>
          <cell r="M511">
            <v>5</v>
          </cell>
          <cell r="P511">
            <v>5</v>
          </cell>
        </row>
        <row r="512">
          <cell r="A512" t="str">
            <v>SwitzerlandEPL3C</v>
          </cell>
          <cell r="B512" t="str">
            <v>Switzerland</v>
          </cell>
          <cell r="C512" t="str">
            <v>EPL3C</v>
          </cell>
          <cell r="D512" t="str">
            <v>compensation following unfair dismissalb</v>
          </cell>
          <cell r="E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F512" t="str">
            <v>Compensation usually limited to wages for the notice period that should have been observed, or for the time period from the time of the unjustified dismissal to the actual court sentence, with an overall limit of six months.
Typical compensation at 20 years tenure: maximum 6 months.</v>
          </cell>
          <cell r="G512">
            <v>6</v>
          </cell>
          <cell r="J512">
            <v>6</v>
          </cell>
          <cell r="M512">
            <v>1</v>
          </cell>
          <cell r="P512">
            <v>1</v>
          </cell>
        </row>
        <row r="513">
          <cell r="A513" t="str">
            <v>SwitzerlandEPL3D</v>
          </cell>
          <cell r="B513" t="str">
            <v>Switzerland</v>
          </cell>
          <cell r="C513" t="str">
            <v>EPL3D</v>
          </cell>
          <cell r="D513" t="str">
            <v>Possibility of reinstatement following unfair dismissal</v>
          </cell>
          <cell r="E513" t="str">
            <v>Courts are not empowered to order reinstatement (except in case of discrimination against women).</v>
          </cell>
          <cell r="F513" t="str">
            <v>Courts are not empowered to order reinstatement (except in case of discrimination against women).</v>
          </cell>
          <cell r="G513">
            <v>0</v>
          </cell>
          <cell r="J513">
            <v>0</v>
          </cell>
          <cell r="M513">
            <v>0</v>
          </cell>
          <cell r="P513">
            <v>0</v>
          </cell>
        </row>
        <row r="514">
          <cell r="A514" t="str">
            <v>SwitzerlandEPL3E</v>
          </cell>
          <cell r="B514" t="str">
            <v>Switzerland</v>
          </cell>
          <cell r="C514" t="str">
            <v>EPL3E</v>
          </cell>
          <cell r="D514" t="str">
            <v>Max time for claim</v>
          </cell>
          <cell r="F514" t="str">
            <v>The employee has to object against the dismissal in writing by the end of the notice period. If the objection is valid and if the parties do not agree on continuing the contract, the employee is entitled to claim compensation within 180 days after the end of the contract.
Notice period is 2 months for worker with 4 years tenure.</v>
          </cell>
          <cell r="J514">
            <v>2</v>
          </cell>
          <cell r="P514">
            <v>2</v>
          </cell>
        </row>
        <row r="515">
          <cell r="A515" t="str">
            <v>SwitzerlandFT1</v>
          </cell>
          <cell r="B515" t="str">
            <v>Switzerland</v>
          </cell>
          <cell r="C515" t="str">
            <v>FT1</v>
          </cell>
          <cell r="D515" t="str">
            <v>Valid cases for use of fixed-term contracts, other than  “objective”  or “material” situationc</v>
          </cell>
          <cell r="E515" t="str">
            <v xml:space="preserve">General </v>
          </cell>
          <cell r="F515" t="str">
            <v xml:space="preserve">General </v>
          </cell>
          <cell r="G515">
            <v>3</v>
          </cell>
          <cell r="J515">
            <v>3</v>
          </cell>
          <cell r="M515">
            <v>0</v>
          </cell>
          <cell r="P515">
            <v>0</v>
          </cell>
        </row>
        <row r="516">
          <cell r="A516" t="str">
            <v>SwitzerlandFT2</v>
          </cell>
          <cell r="B516" t="str">
            <v>Switzerland</v>
          </cell>
          <cell r="C516" t="str">
            <v>FT2</v>
          </cell>
          <cell r="D516" t="str">
            <v>Maximum number of successive fixed-term contractsd</v>
          </cell>
          <cell r="E516" t="str">
            <v>Estimated 1.5
No limit specified, but successive contracts imply the risk of a court declaring the fixed-term contract null and void.</v>
          </cell>
          <cell r="F516" t="str">
            <v>Estimated 1.5
No limit specified, but successive contracts imply the risk of a court declaring the fixed-term contract null and void.</v>
          </cell>
          <cell r="G516">
            <v>1.5</v>
          </cell>
          <cell r="J516">
            <v>1.5</v>
          </cell>
          <cell r="M516">
            <v>5</v>
          </cell>
          <cell r="P516">
            <v>5</v>
          </cell>
        </row>
        <row r="517">
          <cell r="A517" t="str">
            <v>SwitzerlandFT3</v>
          </cell>
          <cell r="B517" t="str">
            <v>Switzerland</v>
          </cell>
          <cell r="C517" t="str">
            <v>FT3</v>
          </cell>
          <cell r="D517" t="str">
            <v>Maximum cumulated duration of successive fixed-term contracts</v>
          </cell>
          <cell r="E517" t="str">
            <v>No limit specified.</v>
          </cell>
          <cell r="F517" t="str">
            <v>No limit specified.</v>
          </cell>
          <cell r="G517">
            <v>100</v>
          </cell>
          <cell r="J517">
            <v>100</v>
          </cell>
          <cell r="M517">
            <v>0</v>
          </cell>
          <cell r="P517">
            <v>0</v>
          </cell>
        </row>
        <row r="518">
          <cell r="A518" t="str">
            <v>SwitzerlandTWA1</v>
          </cell>
          <cell r="B518" t="str">
            <v>Switzerland</v>
          </cell>
          <cell r="C518" t="str">
            <v>TWA1</v>
          </cell>
          <cell r="D518" t="str">
            <v>Types of work for which TWA employment is legal</v>
          </cell>
          <cell r="E518" t="str">
            <v>General</v>
          </cell>
          <cell r="F518" t="str">
            <v>General</v>
          </cell>
          <cell r="G518">
            <v>4</v>
          </cell>
          <cell r="J518">
            <v>4</v>
          </cell>
          <cell r="M518">
            <v>0</v>
          </cell>
          <cell r="P518">
            <v>0</v>
          </cell>
        </row>
        <row r="519">
          <cell r="A519" t="str">
            <v>SwitzerlandTWA2</v>
          </cell>
          <cell r="B519" t="str">
            <v>Switzerland</v>
          </cell>
          <cell r="C519" t="str">
            <v>TWA2</v>
          </cell>
          <cell r="D519" t="str">
            <v>Are there any restrictions on the number of renewals of a TWA contract?</v>
          </cell>
          <cell r="E519" t="str">
            <v>No renewals possible with the same client employer</v>
          </cell>
          <cell r="F519" t="str">
            <v>Renewals or prolongation only possible if there is an objective reason for the conclusion of another temporary contract or for a temporary prolongation.</v>
          </cell>
          <cell r="G519" t="str">
            <v>Yes</v>
          </cell>
          <cell r="J519" t="str">
            <v>Yes</v>
          </cell>
          <cell r="M519">
            <v>4</v>
          </cell>
          <cell r="P519">
            <v>4</v>
          </cell>
        </row>
        <row r="520">
          <cell r="A520" t="str">
            <v>SwitzerlandTWA3</v>
          </cell>
          <cell r="B520" t="str">
            <v>Switzerland</v>
          </cell>
          <cell r="C520" t="str">
            <v>TWA3</v>
          </cell>
          <cell r="D520" t="str">
            <v>Maximum cumulated duration of temporary work contractse</v>
          </cell>
          <cell r="E520" t="str">
            <v>No limit</v>
          </cell>
          <cell r="F520" t="str">
            <v>No limit</v>
          </cell>
          <cell r="G520">
            <v>100</v>
          </cell>
          <cell r="J520">
            <v>100</v>
          </cell>
          <cell r="M520">
            <v>0</v>
          </cell>
          <cell r="P520">
            <v>0</v>
          </cell>
        </row>
        <row r="521">
          <cell r="A521" t="str">
            <v>SwitzerlandTWA4</v>
          </cell>
          <cell r="B521" t="str">
            <v>Switzerland</v>
          </cell>
          <cell r="C521" t="str">
            <v>TWA4</v>
          </cell>
          <cell r="D521" t="str">
            <v>Authorisation and reporting obligations</v>
          </cell>
          <cell r="F521" t="str">
            <v>Requires administrative authorisation.</v>
          </cell>
          <cell r="J521">
            <v>1</v>
          </cell>
          <cell r="P521">
            <v>2</v>
          </cell>
        </row>
        <row r="522">
          <cell r="A522" t="str">
            <v>SwitzerlandTWA5</v>
          </cell>
          <cell r="B522" t="str">
            <v>Switzerland</v>
          </cell>
          <cell r="C522" t="str">
            <v>TWA5</v>
          </cell>
          <cell r="D522" t="str">
            <v>Equal treatment of TWA workers</v>
          </cell>
          <cell r="F522" t="str">
            <v>Equal treatment only in the field of extended collective bargaining agreements concerning minimal salary, hours of work, progressional development, anticipated retirement.</v>
          </cell>
          <cell r="J522">
            <v>1.5</v>
          </cell>
          <cell r="P522">
            <v>4.5</v>
          </cell>
        </row>
        <row r="523">
          <cell r="A523" t="str">
            <v>SwitzerlandCD1</v>
          </cell>
          <cell r="B523" t="str">
            <v>Switzerland</v>
          </cell>
          <cell r="C523" t="str">
            <v>CD1</v>
          </cell>
          <cell r="D523" t="str">
            <v>Definition of collective dismissal</v>
          </cell>
          <cell r="E523" t="str">
            <v>10+ workers in firms 20-99 employees; 10%+ in firms 100-299; 30+ in firms with 300+ employees.</v>
          </cell>
          <cell r="F523" t="str">
            <v>10+ workers in firms 20-99 employees; 10%+ in firms 100-299; 30+ in firms with 300+ employees.</v>
          </cell>
          <cell r="G523">
            <v>3</v>
          </cell>
          <cell r="J523">
            <v>3</v>
          </cell>
          <cell r="M523">
            <v>4.5</v>
          </cell>
          <cell r="P523">
            <v>4.5</v>
          </cell>
        </row>
        <row r="524">
          <cell r="A524" t="str">
            <v>SwitzerlandCD2</v>
          </cell>
          <cell r="B524" t="str">
            <v>Switzerland</v>
          </cell>
          <cell r="C524" t="str">
            <v>CD2</v>
          </cell>
          <cell r="D524" t="str">
            <v>Additional notification requirements in case of collective dismissals</v>
          </cell>
          <cell r="E524" t="str">
            <v>Notification of employee representatives: Obligation to inform and consult with Works Council or trade union delegation.
Notification of public authorities: Duty to notify cantonal employment service.</v>
          </cell>
          <cell r="F524" t="str">
            <v>Notification of employee representatives: Obligation to inform and consult with Works Council or trade union delegation.
Notification of public authorities: Duty to notify cantonal employment service.</v>
          </cell>
          <cell r="G524">
            <v>2</v>
          </cell>
          <cell r="J524">
            <v>2</v>
          </cell>
          <cell r="M524">
            <v>6</v>
          </cell>
          <cell r="P524">
            <v>6</v>
          </cell>
        </row>
        <row r="525">
          <cell r="A525" t="str">
            <v>SwitzerlandCD3</v>
          </cell>
          <cell r="B525" t="str">
            <v>Switzerland</v>
          </cell>
          <cell r="C525" t="str">
            <v>CD3</v>
          </cell>
          <cell r="D525" t="str">
            <v>Additional delays involved in case of collective dismissals</v>
          </cell>
          <cell r="E525" t="str">
            <v>30 days waiting period.</v>
          </cell>
          <cell r="F525" t="str">
            <v>Maximum 30 days waiting period.</v>
          </cell>
          <cell r="G525">
            <v>29</v>
          </cell>
          <cell r="J525">
            <v>29</v>
          </cell>
          <cell r="M525">
            <v>2</v>
          </cell>
          <cell r="P525">
            <v>2</v>
          </cell>
        </row>
        <row r="526">
          <cell r="A526" t="str">
            <v>SwitzerlandCD4</v>
          </cell>
          <cell r="B526" t="str">
            <v>Switzerland</v>
          </cell>
          <cell r="C526" t="str">
            <v>CD4</v>
          </cell>
          <cell r="D526" t="str">
            <v>Other special costs to employers in case of collective dismissals</v>
          </cell>
          <cell r="E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F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G526">
            <v>1</v>
          </cell>
          <cell r="J526">
            <v>1</v>
          </cell>
          <cell r="M526">
            <v>3</v>
          </cell>
          <cell r="P526">
            <v>3</v>
          </cell>
        </row>
        <row r="527">
          <cell r="A527" t="str">
            <v>TurkeyEPL1A</v>
          </cell>
          <cell r="B527" t="str">
            <v>Turkey</v>
          </cell>
          <cell r="C527" t="str">
            <v>EPL1A</v>
          </cell>
          <cell r="D527" t="str">
            <v>Notification proceduresa</v>
          </cell>
          <cell r="E527" t="str">
            <v>Written notice to employee and notification, within 15 days, to Ministry of Labour and regional public employment service.</v>
          </cell>
          <cell r="F527" t="str">
            <v>Written notice to employee and notification, within 15 days, to Ministry of Labour and regional public employment service.</v>
          </cell>
          <cell r="G527">
            <v>2</v>
          </cell>
          <cell r="J527">
            <v>2</v>
          </cell>
          <cell r="M527">
            <v>4</v>
          </cell>
          <cell r="P527">
            <v>4</v>
          </cell>
        </row>
        <row r="528">
          <cell r="A528" t="str">
            <v>TurkeyEPL1B</v>
          </cell>
          <cell r="B528" t="str">
            <v>Turkey</v>
          </cell>
          <cell r="C528" t="str">
            <v>EPL1B</v>
          </cell>
          <cell r="D528" t="str">
            <v>Delay before notice can starta</v>
          </cell>
          <cell r="E528" t="str">
            <v xml:space="preserve">Letter sent by mail or handed directly to employee. </v>
          </cell>
          <cell r="F528" t="str">
            <v xml:space="preserve">Letter sent by mail or handed directly to employee. </v>
          </cell>
          <cell r="G528">
            <v>1</v>
          </cell>
          <cell r="J528">
            <v>1</v>
          </cell>
          <cell r="M528">
            <v>0</v>
          </cell>
          <cell r="P528">
            <v>0</v>
          </cell>
        </row>
        <row r="529">
          <cell r="A529" t="str">
            <v>TurkeyEPL2A1, EPL2A2, EPL2A3</v>
          </cell>
          <cell r="B529" t="str">
            <v>Turkey</v>
          </cell>
          <cell r="C529" t="str">
            <v>EPL2A1, EPL2A2, EPL2A3</v>
          </cell>
          <cell r="D529" t="str">
            <v>Notice / tenurea</v>
          </cell>
          <cell r="E529" t="str">
            <v>All workers: 0&lt;1m, 2w&lt;6m, 4w&lt;18m, 6w&lt;3y, 8w&gt;3y (can be extended by collective agreements).
9 months tenure: 4 weeks, 4 years tenure: 8 weeks, 20 years tenure: 8 weeks.</v>
          </cell>
          <cell r="F529" t="str">
            <v>All workers: 0&lt;1m, 2w&lt;6m, 4w&lt;18m, 6w&lt;3y, 8w&gt;3y (can be extended by collective agreements).
9 months tenure: 4 weeks, 4 years tenure: 8 weeks, 20 years tenure: 8 weeks.</v>
          </cell>
          <cell r="G529">
            <v>1</v>
          </cell>
          <cell r="H529">
            <v>2</v>
          </cell>
          <cell r="I529">
            <v>2</v>
          </cell>
          <cell r="J529">
            <v>1</v>
          </cell>
          <cell r="K529">
            <v>2</v>
          </cell>
          <cell r="L529">
            <v>2</v>
          </cell>
          <cell r="M529">
            <v>3</v>
          </cell>
          <cell r="N529">
            <v>4</v>
          </cell>
          <cell r="O529">
            <v>1</v>
          </cell>
          <cell r="P529">
            <v>3</v>
          </cell>
          <cell r="Q529">
            <v>4</v>
          </cell>
          <cell r="R529">
            <v>1</v>
          </cell>
        </row>
        <row r="530">
          <cell r="A530" t="str">
            <v>TurkeyEPL2B1, EPL2B2, EPL2B3</v>
          </cell>
          <cell r="B530" t="str">
            <v>Turkey</v>
          </cell>
          <cell r="C530" t="str">
            <v>EPL2B1, EPL2B2, EPL2B3</v>
          </cell>
          <cell r="D530" t="str">
            <v>Severance pay / tenurea</v>
          </cell>
          <cell r="E530" t="str">
            <v>All workers: After one year’s employment, one month for each year of service (can be extended by collective agreements).
9 months tenure: 0, 4 years tenure: 4 months, 20 years tenure: 20 months.</v>
          </cell>
          <cell r="F530" t="str">
            <v>All workers: After one year’s employment, one month for each year of service (can be extended by collective agreements).
9 months tenure: 0, 4 years tenure: 4 months, 20 years tenure: 20 months.</v>
          </cell>
          <cell r="G530">
            <v>0</v>
          </cell>
          <cell r="H530">
            <v>4</v>
          </cell>
          <cell r="I530">
            <v>20</v>
          </cell>
          <cell r="J530">
            <v>0</v>
          </cell>
          <cell r="K530">
            <v>4</v>
          </cell>
          <cell r="L530">
            <v>20</v>
          </cell>
          <cell r="M530">
            <v>0</v>
          </cell>
          <cell r="N530">
            <v>6</v>
          </cell>
          <cell r="O530">
            <v>6</v>
          </cell>
          <cell r="P530">
            <v>0</v>
          </cell>
          <cell r="Q530">
            <v>6</v>
          </cell>
          <cell r="R530">
            <v>6</v>
          </cell>
        </row>
        <row r="531">
          <cell r="A531" t="str">
            <v>TurkeyEPL3A</v>
          </cell>
          <cell r="B531" t="str">
            <v>Turkey</v>
          </cell>
          <cell r="C531" t="str">
            <v>EPL3A</v>
          </cell>
          <cell r="D531" t="str">
            <v>Definition of justified or unfair dismissal</v>
          </cell>
          <cell r="E531" t="str">
            <v xml:space="preserve">Unfair: Dismissals of shop stewards, and on grounds of trade union membership, strike activity, pregnancy and after occupational accidents. Dismissals based on discrimination by race, sex, etc. </v>
          </cell>
          <cell r="F531" t="str">
            <v xml:space="preserve">Unfair: Dismissals of shop stewards, and on grounds of trade union membership, strike activity, pregnancy and after occupational accidents. Dismissals based on discrimination by race, sex, etc. </v>
          </cell>
          <cell r="G531">
            <v>0</v>
          </cell>
          <cell r="J531">
            <v>0</v>
          </cell>
          <cell r="M531">
            <v>0</v>
          </cell>
          <cell r="P531">
            <v>0</v>
          </cell>
        </row>
        <row r="532">
          <cell r="A532" t="str">
            <v>TurkeyEPL3B</v>
          </cell>
          <cell r="B532" t="str">
            <v>Turkey</v>
          </cell>
          <cell r="C532" t="str">
            <v>EPL3B</v>
          </cell>
          <cell r="D532" t="str">
            <v>Trial period</v>
          </cell>
          <cell r="E532" t="str">
            <v>All workers: Maximum 2 months, can be extended by collective agreements to 4 months.</v>
          </cell>
          <cell r="F532" t="str">
            <v>All workers: Maximum 2 months, can be extended by collective agreements to 4 months.</v>
          </cell>
          <cell r="G532">
            <v>3</v>
          </cell>
          <cell r="J532">
            <v>3</v>
          </cell>
          <cell r="M532">
            <v>4</v>
          </cell>
          <cell r="P532">
            <v>4</v>
          </cell>
        </row>
        <row r="533">
          <cell r="A533" t="str">
            <v>TurkeyEPL3C</v>
          </cell>
          <cell r="B533" t="str">
            <v>Turkey</v>
          </cell>
          <cell r="C533" t="str">
            <v>EPL3C</v>
          </cell>
          <cell r="D533" t="str">
            <v>compensation following unfair dismissalb</v>
          </cell>
          <cell r="E533" t="str">
            <v>Right to compensation of 4 months minimum and 8 months maximum, plus regular severance pay (and additional indemnity of up to 4 months for the period of time between notice of termination and court ruling).
Typical compensation at 20 years tenure: 26 months</v>
          </cell>
          <cell r="F533" t="str">
            <v>Right to compensation of 4 months minimum and 8 months maximum, plus regular severance pay (and additional indemnity of up to 4 months for the period of time between notice of termination and court ruling).
Typical compensation at 20 years tenure: 26 months</v>
          </cell>
          <cell r="G533">
            <v>26</v>
          </cell>
          <cell r="J533">
            <v>26</v>
          </cell>
          <cell r="M533">
            <v>5</v>
          </cell>
          <cell r="P533">
            <v>5</v>
          </cell>
        </row>
        <row r="534">
          <cell r="A534" t="str">
            <v>TurkeyEPL3D</v>
          </cell>
          <cell r="B534" t="str">
            <v>Turkey</v>
          </cell>
          <cell r="C534" t="str">
            <v>EPL3D</v>
          </cell>
          <cell r="D534" t="str">
            <v>Possibility of reinstatement following unfair dismissal</v>
          </cell>
          <cell r="E534" t="str">
            <v>The employer has to reinstate the employee concerned within the month following the court decision, otherwise he has to pay compensation.</v>
          </cell>
          <cell r="F534" t="str">
            <v>The employer has to reinstate the employee concerned within the month following the court decision, otherwise he has to pay compensation.</v>
          </cell>
          <cell r="G534">
            <v>0</v>
          </cell>
          <cell r="J534">
            <v>0</v>
          </cell>
          <cell r="M534">
            <v>0</v>
          </cell>
          <cell r="P534">
            <v>0</v>
          </cell>
        </row>
        <row r="535">
          <cell r="A535" t="str">
            <v>TurkeyEPL3E</v>
          </cell>
          <cell r="B535" t="str">
            <v>Turkey</v>
          </cell>
          <cell r="C535" t="str">
            <v>EPL3E</v>
          </cell>
          <cell r="D535" t="str">
            <v>Max time for claim</v>
          </cell>
          <cell r="F535" t="str">
            <v>One month</v>
          </cell>
          <cell r="J535">
            <v>1</v>
          </cell>
          <cell r="P535">
            <v>1</v>
          </cell>
        </row>
        <row r="536">
          <cell r="A536" t="str">
            <v>TurkeyFT1</v>
          </cell>
          <cell r="B536" t="str">
            <v>Turkey</v>
          </cell>
          <cell r="C536" t="str">
            <v>FT1</v>
          </cell>
          <cell r="D536" t="str">
            <v>Valid cases for use of fixed-term contracts, other than  “objective”  or “material” situationc</v>
          </cell>
          <cell r="E536" t="str">
            <v>Restricted to “objective situations”, particularly seasonal and agricultural work.</v>
          </cell>
          <cell r="F536" t="str">
            <v>Restricted to “objective situations”, particularly seasonal and agricultural work.</v>
          </cell>
          <cell r="G536">
            <v>0</v>
          </cell>
          <cell r="J536">
            <v>0</v>
          </cell>
          <cell r="M536">
            <v>6</v>
          </cell>
          <cell r="P536">
            <v>6</v>
          </cell>
        </row>
        <row r="537">
          <cell r="A537" t="str">
            <v>TurkeyFT2</v>
          </cell>
          <cell r="B537" t="str">
            <v>Turkey</v>
          </cell>
          <cell r="C537" t="str">
            <v>FT2</v>
          </cell>
          <cell r="D537" t="str">
            <v>Maximum number of successive fixed-term contractsd</v>
          </cell>
          <cell r="E537" t="str">
            <v>Estimated 1.5 Fixed-term contracts cannot be successively renewed without serious reason, otherwise the renewal will alter the fixed-term contract into a contract of indefinite time.
In case of valuable reasons for renewal, no limit specified.</v>
          </cell>
          <cell r="F537" t="str">
            <v>Estimated 1.5 Fixed-term contracts cannot be successively renewed without serious reason, otherwise the renewal will alter the fixed-term contract into a contract of indefinite time.
In case of valuable reasons for renewal, no limit specified.</v>
          </cell>
          <cell r="G537">
            <v>1.5</v>
          </cell>
          <cell r="J537">
            <v>1.5</v>
          </cell>
          <cell r="M537">
            <v>5</v>
          </cell>
          <cell r="P537">
            <v>5</v>
          </cell>
        </row>
        <row r="538">
          <cell r="A538" t="str">
            <v>TurkeyFT3</v>
          </cell>
          <cell r="B538" t="str">
            <v>Turkey</v>
          </cell>
          <cell r="C538" t="str">
            <v>FT3</v>
          </cell>
          <cell r="D538" t="str">
            <v>Maximum cumulated duration of successive fixed-term contracts</v>
          </cell>
          <cell r="E538" t="str">
            <v>No limit specified.</v>
          </cell>
          <cell r="F538" t="str">
            <v>No limit specified.</v>
          </cell>
          <cell r="G538">
            <v>100</v>
          </cell>
          <cell r="J538">
            <v>100</v>
          </cell>
          <cell r="M538">
            <v>0</v>
          </cell>
          <cell r="P538">
            <v>0</v>
          </cell>
        </row>
        <row r="539">
          <cell r="A539" t="str">
            <v>TurkeyTWA1</v>
          </cell>
          <cell r="B539" t="str">
            <v>Turkey</v>
          </cell>
          <cell r="C539" t="str">
            <v>TWA1</v>
          </cell>
          <cell r="D539" t="str">
            <v>Types of work for which TWA employment is legal</v>
          </cell>
          <cell r="E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F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G539">
            <v>0</v>
          </cell>
          <cell r="J539">
            <v>0</v>
          </cell>
          <cell r="M539">
            <v>6</v>
          </cell>
          <cell r="P539">
            <v>6</v>
          </cell>
        </row>
        <row r="540">
          <cell r="A540" t="str">
            <v>TurkeyTWA2</v>
          </cell>
          <cell r="B540" t="str">
            <v>Turkey</v>
          </cell>
          <cell r="C540" t="str">
            <v>TWA2</v>
          </cell>
          <cell r="D540" t="str">
            <v>Are there any restrictions on the number of renewals of a TWA contract?</v>
          </cell>
          <cell r="E540" t="str">
            <v>Not applicable</v>
          </cell>
          <cell r="F540" t="str">
            <v>Not applicable</v>
          </cell>
          <cell r="G540" t="str">
            <v>-</v>
          </cell>
          <cell r="J540" t="str">
            <v>-</v>
          </cell>
          <cell r="M540">
            <v>4</v>
          </cell>
          <cell r="P540">
            <v>4</v>
          </cell>
        </row>
        <row r="541">
          <cell r="A541" t="str">
            <v>TurkeyTWA3</v>
          </cell>
          <cell r="B541" t="str">
            <v>Turkey</v>
          </cell>
          <cell r="C541" t="str">
            <v>TWA3</v>
          </cell>
          <cell r="D541" t="str">
            <v>Maximum cumulated duration of temporary work contractse</v>
          </cell>
          <cell r="E541" t="str">
            <v>Not applicable</v>
          </cell>
          <cell r="F541" t="str">
            <v>Not applicable</v>
          </cell>
          <cell r="G541">
            <v>0</v>
          </cell>
          <cell r="J541">
            <v>0</v>
          </cell>
          <cell r="M541">
            <v>6</v>
          </cell>
          <cell r="P541">
            <v>6</v>
          </cell>
        </row>
        <row r="542">
          <cell r="A542" t="str">
            <v>TurkeyTWA4</v>
          </cell>
          <cell r="B542" t="str">
            <v>Turkey</v>
          </cell>
          <cell r="C542" t="str">
            <v>TWA4</v>
          </cell>
          <cell r="D542" t="str">
            <v>Authorisation and reporting obligations</v>
          </cell>
          <cell r="F542" t="str">
            <v>Not applicable</v>
          </cell>
          <cell r="J542" t="str">
            <v>..</v>
          </cell>
          <cell r="P542" t="e">
            <v>#VALUE!</v>
          </cell>
        </row>
        <row r="543">
          <cell r="A543" t="str">
            <v>TurkeyTWA5</v>
          </cell>
          <cell r="B543" t="str">
            <v>Turkey</v>
          </cell>
          <cell r="C543" t="str">
            <v>TWA5</v>
          </cell>
          <cell r="D543" t="str">
            <v>Equal treatment of TWA workers</v>
          </cell>
          <cell r="F543" t="str">
            <v>Not applicable</v>
          </cell>
          <cell r="J543" t="str">
            <v>..</v>
          </cell>
          <cell r="P543" t="e">
            <v>#VALUE!</v>
          </cell>
        </row>
        <row r="544">
          <cell r="A544" t="str">
            <v>TurkeyCD1</v>
          </cell>
          <cell r="B544" t="str">
            <v>Turkey</v>
          </cell>
          <cell r="C544" t="str">
            <v>CD1</v>
          </cell>
          <cell r="D544" t="str">
            <v>Definition of collective dismissal</v>
          </cell>
          <cell r="E544" t="str">
            <v>Within one month, 10 workers in firms with 20-100 employees, 20 workers in firms with 101-300, 30 workers in firms with 300+ employees.</v>
          </cell>
          <cell r="F544" t="str">
            <v>Within one month, 10 workers in firms with 20-100 employees, 20 workers in firms with 101-300, 30 workers in firms with 300+ employees.</v>
          </cell>
          <cell r="G544">
            <v>3</v>
          </cell>
          <cell r="J544">
            <v>3</v>
          </cell>
          <cell r="M544">
            <v>4.5</v>
          </cell>
          <cell r="P544">
            <v>4.5</v>
          </cell>
        </row>
        <row r="545">
          <cell r="A545" t="str">
            <v>TurkeyCD2</v>
          </cell>
          <cell r="B545" t="str">
            <v>Turkey</v>
          </cell>
          <cell r="C545" t="str">
            <v>CD2</v>
          </cell>
          <cell r="D545" t="str">
            <v>Additional notification requirements in case of collective dismissals</v>
          </cell>
          <cell r="E545" t="str">
            <v xml:space="preserve">Notification of employee representatives: Not legally regulated.
Notification of public authorities: Duty to notify regional employment office of number and categories of employees to be dismissed, reasons and periods planned for dismissals.
</v>
          </cell>
          <cell r="F545" t="str">
            <v xml:space="preserve">Notification of employee representatives: Not legally regulated.
Notification of public authorities: Duty to notify regional employment office of number and categories of employees to be dismissed, reasons and periods planned for dismissals.
</v>
          </cell>
          <cell r="G545">
            <v>0</v>
          </cell>
          <cell r="J545">
            <v>0</v>
          </cell>
          <cell r="M545">
            <v>0</v>
          </cell>
          <cell r="P545">
            <v>0</v>
          </cell>
        </row>
        <row r="546">
          <cell r="A546" t="str">
            <v>TurkeyCD3</v>
          </cell>
          <cell r="B546" t="str">
            <v>Turkey</v>
          </cell>
          <cell r="C546" t="str">
            <v>CD3</v>
          </cell>
          <cell r="D546" t="str">
            <v>Additional delays involved in case of collective dismissals</v>
          </cell>
          <cell r="E546" t="str">
            <v>1 month waiting period starting from the notification to public authorities.</v>
          </cell>
          <cell r="F546" t="str">
            <v>1 month waiting period starting from the notification to public authorities.</v>
          </cell>
          <cell r="G546">
            <v>29</v>
          </cell>
          <cell r="J546">
            <v>29</v>
          </cell>
          <cell r="M546">
            <v>2</v>
          </cell>
          <cell r="P546">
            <v>2</v>
          </cell>
        </row>
        <row r="547">
          <cell r="A547" t="str">
            <v>TurkeyCD4</v>
          </cell>
          <cell r="B547" t="str">
            <v>Turkey</v>
          </cell>
          <cell r="C547" t="str">
            <v>CD4</v>
          </cell>
          <cell r="D547" t="str">
            <v>Other special costs to employers in case of collective dismissals</v>
          </cell>
          <cell r="E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F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G547">
            <v>1</v>
          </cell>
          <cell r="J547">
            <v>1</v>
          </cell>
          <cell r="M547">
            <v>3</v>
          </cell>
          <cell r="P547">
            <v>3</v>
          </cell>
        </row>
        <row r="548">
          <cell r="A548" t="str">
            <v>United KingdomEPL1A</v>
          </cell>
          <cell r="B548" t="str">
            <v>United Kingdom</v>
          </cell>
          <cell r="C548" t="str">
            <v>EPL1A</v>
          </cell>
          <cell r="D548" t="str">
            <v>Notification proceduresa</v>
          </cell>
          <cell r="E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F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0.5 for individual termination and 1.5 for redundancy.</v>
          </cell>
          <cell r="G548">
            <v>1</v>
          </cell>
          <cell r="J548">
            <v>1</v>
          </cell>
          <cell r="M548">
            <v>2</v>
          </cell>
          <cell r="P548">
            <v>2</v>
          </cell>
        </row>
        <row r="549">
          <cell r="A549" t="str">
            <v>United KingdomEPL1B</v>
          </cell>
          <cell r="B549" t="str">
            <v>United Kingdom</v>
          </cell>
          <cell r="C549" t="str">
            <v>EPL1B</v>
          </cell>
          <cell r="D549" t="str">
            <v>Delay before notice can starta</v>
          </cell>
          <cell r="E549" t="str">
            <v>Individual termination: Written or oral notification.
Collective redundancy: “Reasonable notice” that redundancy is being considered.</v>
          </cell>
          <cell r="F549" t="str">
            <v xml:space="preserve">Individual termination: Written or oral notification.
</v>
          </cell>
          <cell r="G549">
            <v>1</v>
          </cell>
          <cell r="J549">
            <v>1</v>
          </cell>
          <cell r="M549">
            <v>0</v>
          </cell>
          <cell r="P549">
            <v>0</v>
          </cell>
        </row>
        <row r="550">
          <cell r="A550" t="str">
            <v>United KingdomEPL2A1, EPL2A2, EPL2A3</v>
          </cell>
          <cell r="B550" t="str">
            <v>United Kingdom</v>
          </cell>
          <cell r="C550" t="str">
            <v>EPL2A1, EPL2A2, EPL2A3</v>
          </cell>
          <cell r="D550" t="str">
            <v>Notice / tenurea</v>
          </cell>
          <cell r="E550" t="str">
            <v>All workers: 0&lt;1m, 1w&lt;2y, plus one additional week of notice per year of service up to a maximum of 12 weeks.
9 months tenure: 1 week, 4 years tenure: 4 weeks, 20 years tenure: 12 weeks.</v>
          </cell>
          <cell r="F550" t="str">
            <v>All workers: 0&lt;1m, 1w&lt;2y, plus one additional week of notice per year of service up to a maximum of 12 weeks.
9 months tenure: 1 week, 4 years tenure: 4 weeks, 20 years tenure: 12 weeks.</v>
          </cell>
          <cell r="G550">
            <v>0.25</v>
          </cell>
          <cell r="H550">
            <v>1</v>
          </cell>
          <cell r="I550">
            <v>3</v>
          </cell>
          <cell r="J550">
            <v>0.25</v>
          </cell>
          <cell r="K550">
            <v>1</v>
          </cell>
          <cell r="L550">
            <v>3</v>
          </cell>
          <cell r="M550">
            <v>1</v>
          </cell>
          <cell r="N550">
            <v>2</v>
          </cell>
          <cell r="O550">
            <v>2</v>
          </cell>
          <cell r="P550">
            <v>1</v>
          </cell>
          <cell r="Q550">
            <v>2</v>
          </cell>
          <cell r="R550">
            <v>2</v>
          </cell>
        </row>
        <row r="551">
          <cell r="A551" t="str">
            <v>United KingdomEPL2B1, EPL2B2, EPL2B3</v>
          </cell>
          <cell r="B551" t="str">
            <v>United Kingdom</v>
          </cell>
          <cell r="C551" t="str">
            <v>EPL2B1, EPL2B2, EPL2B3</v>
          </cell>
          <cell r="D551" t="str">
            <v>Severance pay / tenurea</v>
          </cell>
          <cell r="E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F551" t="str">
            <v> 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ation: average of redundancy (assuming worker is aged 22-40) and other cases (no severance pay) 9 months tenure: 0, 4 years tenure: 2 weeks, 20 years tenure: 10 weeks.</v>
          </cell>
          <cell r="G551">
            <v>0</v>
          </cell>
          <cell r="H551">
            <v>0.5</v>
          </cell>
          <cell r="I551">
            <v>2.5</v>
          </cell>
          <cell r="J551">
            <v>0</v>
          </cell>
          <cell r="K551">
            <v>0.5</v>
          </cell>
          <cell r="L551">
            <v>2.5</v>
          </cell>
          <cell r="M551">
            <v>0</v>
          </cell>
          <cell r="N551">
            <v>1</v>
          </cell>
          <cell r="O551">
            <v>1</v>
          </cell>
          <cell r="P551">
            <v>0</v>
          </cell>
          <cell r="Q551">
            <v>1</v>
          </cell>
          <cell r="R551">
            <v>1</v>
          </cell>
        </row>
        <row r="552">
          <cell r="A552" t="str">
            <v>United KingdomEPL3A</v>
          </cell>
          <cell r="B552" t="str">
            <v>United Kingdom</v>
          </cell>
          <cell r="C552" t="str">
            <v>EPL3A</v>
          </cell>
          <cell r="D552" t="str">
            <v>Definition of justified or unfair dismissal</v>
          </cell>
          <cell r="E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F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G552">
            <v>0</v>
          </cell>
          <cell r="J552">
            <v>0</v>
          </cell>
          <cell r="M552">
            <v>0</v>
          </cell>
          <cell r="P552">
            <v>0</v>
          </cell>
        </row>
        <row r="553">
          <cell r="A553" t="str">
            <v>United KingdomEPL3B</v>
          </cell>
          <cell r="B553" t="str">
            <v>United Kingdom</v>
          </cell>
          <cell r="C553" t="str">
            <v>EPL3B</v>
          </cell>
          <cell r="D553" t="str">
            <v>Trial period</v>
          </cell>
          <cell r="E553" t="str">
            <v>Trial periods are for agreement between employer and employee, but do not affect the employee’s statutory employment rights. Claims under unfair dismissal legislation are not normally possible until 1 year’s service has been completed.</v>
          </cell>
          <cell r="F553" t="str">
            <v>Trial periods are for agreement between employer and employee, but do not affect the employee’s statutory employment rights. Claims under unfair dismissal legislation are not normally possible until 1 year’s service has been completed.</v>
          </cell>
          <cell r="G553">
            <v>12</v>
          </cell>
          <cell r="J553">
            <v>12</v>
          </cell>
          <cell r="M553">
            <v>2</v>
          </cell>
          <cell r="P553">
            <v>2</v>
          </cell>
        </row>
        <row r="554">
          <cell r="A554" t="str">
            <v>United KingdomEPL3C</v>
          </cell>
          <cell r="B554" t="str">
            <v>United Kingdom</v>
          </cell>
          <cell r="C554" t="str">
            <v>EPL3C</v>
          </cell>
          <cell r="D554" t="str">
            <v>compensation following unfair dismissalb</v>
          </cell>
          <cell r="E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F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G554">
            <v>8</v>
          </cell>
          <cell r="J554">
            <v>8</v>
          </cell>
          <cell r="M554">
            <v>1</v>
          </cell>
          <cell r="P554">
            <v>1</v>
          </cell>
        </row>
        <row r="555">
          <cell r="A555" t="str">
            <v>United KingdomEPL3D</v>
          </cell>
          <cell r="B555" t="str">
            <v>United Kingdom</v>
          </cell>
          <cell r="C555" t="str">
            <v>EPL3D</v>
          </cell>
          <cell r="D555" t="str">
            <v>Possibility of reinstatement following unfair dismissal</v>
          </cell>
          <cell r="E555" t="str">
            <v> Employers are not obliged to reinstate but if a tribunal orders reinstatement or re-engagement in a comparable job and the employer refuses to comply, the tribunal may make an additional award on top of the basic and compensatory awards.</v>
          </cell>
          <cell r="F555" t="str">
            <v> Employers are not obliged to reinstate but if a tribunal orders reinstatement or re-engagement in a comparable job and the employer refuses to comply, the tribunal may make an additional award on top of the basic and compensatory awards.</v>
          </cell>
          <cell r="G555">
            <v>1</v>
          </cell>
          <cell r="J555">
            <v>1</v>
          </cell>
          <cell r="M555">
            <v>2</v>
          </cell>
          <cell r="P555">
            <v>2</v>
          </cell>
        </row>
        <row r="556">
          <cell r="A556" t="str">
            <v>United KingdomEPL3E</v>
          </cell>
          <cell r="B556" t="str">
            <v>United Kingdom</v>
          </cell>
          <cell r="C556" t="str">
            <v>EPL3E</v>
          </cell>
          <cell r="D556" t="str">
            <v>Max time for claim</v>
          </cell>
          <cell r="F556"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556">
            <v>3</v>
          </cell>
          <cell r="P556">
            <v>2</v>
          </cell>
        </row>
        <row r="557">
          <cell r="A557" t="str">
            <v>United KingdomFT1</v>
          </cell>
          <cell r="B557" t="str">
            <v>United Kingdom</v>
          </cell>
          <cell r="C557" t="str">
            <v>FT1</v>
          </cell>
          <cell r="D557" t="str">
            <v>Valid cases for use of fixed-term contracts, other than  “objective”  or “material” situationc</v>
          </cell>
          <cell r="E557" t="str">
            <v> No restrictions.</v>
          </cell>
          <cell r="F557" t="str">
            <v> No restrictions.</v>
          </cell>
          <cell r="G557">
            <v>3</v>
          </cell>
          <cell r="J557">
            <v>3</v>
          </cell>
          <cell r="M557">
            <v>0</v>
          </cell>
          <cell r="P557">
            <v>0</v>
          </cell>
        </row>
        <row r="558">
          <cell r="A558" t="str">
            <v>United KingdomFT2</v>
          </cell>
          <cell r="B558" t="str">
            <v>United Kingdom</v>
          </cell>
          <cell r="C558" t="str">
            <v>FT2</v>
          </cell>
          <cell r="D558" t="str">
            <v>Maximum number of successive fixed-term contractsd</v>
          </cell>
          <cell r="E558" t="str">
            <v> No limit</v>
          </cell>
          <cell r="F558" t="str">
            <v> No limit</v>
          </cell>
          <cell r="G558">
            <v>100</v>
          </cell>
          <cell r="J558">
            <v>100</v>
          </cell>
          <cell r="M558">
            <v>0</v>
          </cell>
          <cell r="P558">
            <v>0</v>
          </cell>
        </row>
        <row r="559">
          <cell r="A559" t="str">
            <v>United KingdomFT3</v>
          </cell>
          <cell r="B559" t="str">
            <v>United Kingdom</v>
          </cell>
          <cell r="C559" t="str">
            <v>FT3</v>
          </cell>
          <cell r="D559" t="str">
            <v>Maximum cumulated duration of successive fixed-term contracts</v>
          </cell>
          <cell r="E559" t="str">
            <v> 4 years, after which will be treated as a permanent employee.</v>
          </cell>
          <cell r="F559" t="str">
            <v> 4 years, after which will be treated as a permanent employee.</v>
          </cell>
          <cell r="G559">
            <v>48</v>
          </cell>
          <cell r="J559">
            <v>48</v>
          </cell>
          <cell r="M559">
            <v>1</v>
          </cell>
          <cell r="P559">
            <v>1</v>
          </cell>
        </row>
        <row r="560">
          <cell r="A560" t="str">
            <v>United KingdomTWA1</v>
          </cell>
          <cell r="B560" t="str">
            <v>United Kingdom</v>
          </cell>
          <cell r="C560" t="str">
            <v>TWA1</v>
          </cell>
          <cell r="D560" t="str">
            <v>Types of work for which TWA employment is legal</v>
          </cell>
          <cell r="E560" t="str">
            <v> General</v>
          </cell>
          <cell r="F560" t="str">
            <v> General</v>
          </cell>
          <cell r="G560">
            <v>4</v>
          </cell>
          <cell r="J560">
            <v>4</v>
          </cell>
          <cell r="M560">
            <v>0</v>
          </cell>
          <cell r="P560">
            <v>0</v>
          </cell>
        </row>
        <row r="561">
          <cell r="A561" t="str">
            <v>United KingdomTWA2</v>
          </cell>
          <cell r="B561" t="str">
            <v>United Kingdom</v>
          </cell>
          <cell r="C561" t="str">
            <v>TWA2</v>
          </cell>
          <cell r="D561" t="str">
            <v>Are there any restrictions on the number of renewals of a TWA contract?</v>
          </cell>
          <cell r="E561" t="str">
            <v> No</v>
          </cell>
          <cell r="F561" t="str">
            <v> No</v>
          </cell>
          <cell r="G561" t="str">
            <v>No</v>
          </cell>
          <cell r="J561" t="str">
            <v>No</v>
          </cell>
          <cell r="M561">
            <v>2</v>
          </cell>
          <cell r="P561">
            <v>2</v>
          </cell>
        </row>
        <row r="562">
          <cell r="A562" t="str">
            <v>United KingdomTWA3</v>
          </cell>
          <cell r="B562" t="str">
            <v>United Kingdom</v>
          </cell>
          <cell r="C562" t="str">
            <v>TWA3</v>
          </cell>
          <cell r="D562" t="str">
            <v>Maximum cumulated duration of temporary work contractse</v>
          </cell>
          <cell r="E562" t="str">
            <v> No limit</v>
          </cell>
          <cell r="F562" t="str">
            <v>No limit</v>
          </cell>
          <cell r="G562">
            <v>100</v>
          </cell>
          <cell r="J562">
            <v>100</v>
          </cell>
          <cell r="M562">
            <v>0</v>
          </cell>
          <cell r="P562">
            <v>0</v>
          </cell>
        </row>
        <row r="563">
          <cell r="A563" t="str">
            <v>United KingdomTWA4</v>
          </cell>
          <cell r="B563" t="str">
            <v>United Kingdom</v>
          </cell>
          <cell r="C563" t="str">
            <v>TWA4</v>
          </cell>
          <cell r="D563" t="str">
            <v>Authorisation and reporting obligations</v>
          </cell>
          <cell r="F563" t="str">
            <v>No authorisation or reporting requirements.</v>
          </cell>
          <cell r="J563">
            <v>0</v>
          </cell>
          <cell r="P563">
            <v>0</v>
          </cell>
        </row>
        <row r="564">
          <cell r="A564" t="str">
            <v>United KingdomTWA5</v>
          </cell>
          <cell r="B564" t="str">
            <v>United Kingdom</v>
          </cell>
          <cell r="C564" t="str">
            <v>TWA5</v>
          </cell>
          <cell r="D564" t="str">
            <v>Equal treatment of TWA workers</v>
          </cell>
          <cell r="F564" t="str">
            <v>No requirement for equal treatment.</v>
          </cell>
          <cell r="J564">
            <v>0</v>
          </cell>
          <cell r="P564">
            <v>0</v>
          </cell>
        </row>
        <row r="565">
          <cell r="A565" t="str">
            <v>United KingdomCD1</v>
          </cell>
          <cell r="B565" t="str">
            <v>United Kingdom</v>
          </cell>
          <cell r="C565" t="str">
            <v>CD1</v>
          </cell>
          <cell r="D565" t="str">
            <v>Definition of collective dismissal</v>
          </cell>
          <cell r="E565" t="str">
            <v> Within 90 days, 20+ employees.</v>
          </cell>
          <cell r="F565" t="str">
            <v> Within 90 days, 20+ employees.</v>
          </cell>
          <cell r="G565">
            <v>2</v>
          </cell>
          <cell r="J565">
            <v>2</v>
          </cell>
          <cell r="M565">
            <v>3</v>
          </cell>
          <cell r="P565">
            <v>3</v>
          </cell>
        </row>
        <row r="566">
          <cell r="A566" t="str">
            <v>United KingdomCD2</v>
          </cell>
          <cell r="B566" t="str">
            <v>United Kingdom</v>
          </cell>
          <cell r="C566" t="str">
            <v>CD2</v>
          </cell>
          <cell r="D566" t="str">
            <v>Additional notification requirements in case of collective dismissals</v>
          </cell>
          <cell r="E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F566" t="str">
            <v> 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  </v>
          </cell>
          <cell r="G566">
            <v>1.5</v>
          </cell>
          <cell r="J566">
            <v>1.5</v>
          </cell>
          <cell r="M566">
            <v>4.5</v>
          </cell>
          <cell r="P566">
            <v>4.5</v>
          </cell>
        </row>
        <row r="567">
          <cell r="A567" t="str">
            <v>United KingdomCD3</v>
          </cell>
          <cell r="B567" t="str">
            <v>United Kingdom</v>
          </cell>
          <cell r="C567" t="str">
            <v>CD3</v>
          </cell>
          <cell r="D567" t="str">
            <v>Additional delays involved in case of collective dismissals</v>
          </cell>
          <cell r="E567" t="str">
            <v>Dismissals may not take effect until 30 days after notifying DTI if 20-99 workers are involved, and 90 days when 100+ workers are involved. (60-3 for individual redundancy)</v>
          </cell>
          <cell r="F567" t="str">
            <v xml:space="preserve">Dismissals may not take effect until 30 days after notifying BERR if 20-99 workers are involved, and 90 days when 100+ workers are involved. </v>
          </cell>
          <cell r="G567">
            <v>60</v>
          </cell>
          <cell r="J567">
            <v>60</v>
          </cell>
          <cell r="M567">
            <v>4</v>
          </cell>
          <cell r="P567">
            <v>4</v>
          </cell>
        </row>
        <row r="568">
          <cell r="A568" t="str">
            <v>United KingdomCD4</v>
          </cell>
          <cell r="B568" t="str">
            <v>United Kingdom</v>
          </cell>
          <cell r="C568" t="str">
            <v>CD4</v>
          </cell>
          <cell r="D568" t="str">
            <v>Other special costs to employers in case of collective dismissals</v>
          </cell>
          <cell r="E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F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G568">
            <v>0</v>
          </cell>
          <cell r="J568">
            <v>0</v>
          </cell>
          <cell r="M568">
            <v>0</v>
          </cell>
          <cell r="P568">
            <v>0</v>
          </cell>
        </row>
        <row r="569">
          <cell r="A569" t="str">
            <v>United StatesEPL1A</v>
          </cell>
          <cell r="B569" t="str">
            <v>United States</v>
          </cell>
          <cell r="C569" t="str">
            <v>EPL1A</v>
          </cell>
          <cell r="D569" t="str">
            <v>Notification proceduresa</v>
          </cell>
          <cell r="E569" t="str">
            <v>No prescribed procedures.  Only a few States prescribe a “service letter” a certain period after dismissal, noting the reasons for termination.</v>
          </cell>
          <cell r="F569" t="str">
            <v>No prescribed procedures.  Only a few States prescribe a “service letter” a certain period after dismissal, noting the reasons for termination. Some states require that a dismissed employee submit a request for the reasons for his or her termination rather than prescribe a service letter.</v>
          </cell>
          <cell r="G569">
            <v>0</v>
          </cell>
          <cell r="J569">
            <v>0</v>
          </cell>
          <cell r="M569">
            <v>0</v>
          </cell>
          <cell r="P569">
            <v>0</v>
          </cell>
        </row>
        <row r="570">
          <cell r="A570" t="str">
            <v>United StatesEPL1B</v>
          </cell>
          <cell r="B570" t="str">
            <v>United States</v>
          </cell>
          <cell r="C570" t="str">
            <v>EPL1B</v>
          </cell>
          <cell r="D570" t="str">
            <v>Delay before notice can starta</v>
          </cell>
          <cell r="E570" t="str">
            <v>Written or oral notification.</v>
          </cell>
          <cell r="F570" t="str">
            <v>Written or oral notification.</v>
          </cell>
          <cell r="G570">
            <v>1</v>
          </cell>
          <cell r="J570">
            <v>1</v>
          </cell>
          <cell r="M570">
            <v>0</v>
          </cell>
          <cell r="P570">
            <v>0</v>
          </cell>
        </row>
        <row r="571">
          <cell r="A571" t="str">
            <v>United StatesEPL2A1, EPL2A2, EPL2A3</v>
          </cell>
          <cell r="B571" t="str">
            <v>United States</v>
          </cell>
          <cell r="C571" t="str">
            <v>EPL2A1, EPL2A2, EPL2A3</v>
          </cell>
          <cell r="D571" t="str">
            <v>Notice / tenurea</v>
          </cell>
          <cell r="E571" t="str">
            <v>All workers: No legal regulations (but can be regulated in collective agreements or company policy manuals).</v>
          </cell>
          <cell r="F571" t="str">
            <v>All workers: No legal regulations (but can be regulated in collective agreements or company policy manuals).</v>
          </cell>
          <cell r="G571">
            <v>0</v>
          </cell>
          <cell r="H571">
            <v>0</v>
          </cell>
          <cell r="I571">
            <v>0</v>
          </cell>
          <cell r="J571">
            <v>0</v>
          </cell>
          <cell r="K571">
            <v>0</v>
          </cell>
          <cell r="L571">
            <v>0</v>
          </cell>
          <cell r="M571">
            <v>0</v>
          </cell>
          <cell r="N571">
            <v>0</v>
          </cell>
          <cell r="O571">
            <v>0</v>
          </cell>
          <cell r="P571">
            <v>0</v>
          </cell>
          <cell r="Q571">
            <v>0</v>
          </cell>
          <cell r="R571">
            <v>0</v>
          </cell>
        </row>
        <row r="572">
          <cell r="A572" t="str">
            <v>United StatesEPL2B1, EPL2B2, EPL2B3</v>
          </cell>
          <cell r="B572" t="str">
            <v>United States</v>
          </cell>
          <cell r="C572" t="str">
            <v>EPL2B1, EPL2B2, EPL2B3</v>
          </cell>
          <cell r="D572" t="str">
            <v>Severance pay / tenurea</v>
          </cell>
          <cell r="E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F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G572">
            <v>0</v>
          </cell>
          <cell r="H572">
            <v>0</v>
          </cell>
          <cell r="I572">
            <v>0</v>
          </cell>
          <cell r="J572">
            <v>0</v>
          </cell>
          <cell r="K572">
            <v>0</v>
          </cell>
          <cell r="L572">
            <v>0</v>
          </cell>
          <cell r="M572">
            <v>0</v>
          </cell>
          <cell r="N572">
            <v>0</v>
          </cell>
          <cell r="O572">
            <v>0</v>
          </cell>
          <cell r="P572">
            <v>0</v>
          </cell>
          <cell r="Q572">
            <v>0</v>
          </cell>
          <cell r="R572">
            <v>0</v>
          </cell>
        </row>
        <row r="573">
          <cell r="A573" t="str">
            <v>United StatesEPL3A</v>
          </cell>
          <cell r="B573" t="str">
            <v>United States</v>
          </cell>
          <cell r="C573" t="str">
            <v>EPL3A</v>
          </cell>
          <cell r="D573" t="str">
            <v>Definition of justified or unfair dismissal</v>
          </cell>
          <cell r="E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F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G573">
            <v>0</v>
          </cell>
          <cell r="J573">
            <v>0</v>
          </cell>
          <cell r="M573">
            <v>0</v>
          </cell>
          <cell r="P573">
            <v>0</v>
          </cell>
        </row>
        <row r="574">
          <cell r="A574" t="str">
            <v>United StatesEPL3B</v>
          </cell>
          <cell r="B574" t="str">
            <v>United States</v>
          </cell>
          <cell r="C574" t="str">
            <v>EPL3B</v>
          </cell>
          <cell r="D574" t="str">
            <v>Trial period</v>
          </cell>
          <cell r="E574" t="str">
            <v>Wide range</v>
          </cell>
          <cell r="F574" t="str">
            <v>Wide range</v>
          </cell>
          <cell r="G574" t="str">
            <v>..</v>
          </cell>
          <cell r="J574" t="str">
            <v>..</v>
          </cell>
          <cell r="M574" t="e">
            <v>#N/A</v>
          </cell>
          <cell r="P574" t="e">
            <v>#N/A</v>
          </cell>
        </row>
        <row r="575">
          <cell r="A575" t="str">
            <v>United StatesEPL3C</v>
          </cell>
          <cell r="B575" t="str">
            <v>United States</v>
          </cell>
          <cell r="C575" t="str">
            <v>EPL3C</v>
          </cell>
          <cell r="D575" t="str">
            <v>compensation following unfair dismissalb</v>
          </cell>
          <cell r="E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F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G575" t="str">
            <v>..</v>
          </cell>
          <cell r="J575" t="str">
            <v>..</v>
          </cell>
          <cell r="M575" t="e">
            <v>#N/A</v>
          </cell>
          <cell r="P575" t="e">
            <v>#N/A</v>
          </cell>
        </row>
        <row r="576">
          <cell r="A576" t="str">
            <v>United StatesEPL3D</v>
          </cell>
          <cell r="B576" t="str">
            <v>United States</v>
          </cell>
          <cell r="C576" t="str">
            <v>EPL3D</v>
          </cell>
          <cell r="D576" t="str">
            <v>Possibility of reinstatement following unfair dismissal</v>
          </cell>
          <cell r="E576" t="str">
            <v>Reinstatement often ordered where worker has been discharged in violation of laws such as the National Labor Relations Act or the Equal Rights Act. But in general, the option of  reinstatement is almost never made available to the employee.</v>
          </cell>
          <cell r="F576" t="str">
            <v>Reinstatement often ordered where worker has been discharged in violation of laws such as the National Labor Relations Act or the Civil Rights Act. But in general, the option of  reinstatement is almost never made available to the employee.</v>
          </cell>
          <cell r="G576">
            <v>0.5</v>
          </cell>
          <cell r="J576">
            <v>0.5</v>
          </cell>
          <cell r="M576">
            <v>1</v>
          </cell>
          <cell r="P576">
            <v>1</v>
          </cell>
        </row>
        <row r="577">
          <cell r="A577" t="str">
            <v>United StatesEPL3E</v>
          </cell>
          <cell r="B577" t="str">
            <v>United States</v>
          </cell>
          <cell r="C577" t="str">
            <v>EPL3E</v>
          </cell>
          <cell r="D577" t="str">
            <v>Max time for claim</v>
          </cell>
          <cell r="F577" t="str">
            <v>The Equal Employment Opportunity Commission (EEOC) requires that a charge be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v>
          </cell>
          <cell r="J577">
            <v>8</v>
          </cell>
          <cell r="P577">
            <v>4</v>
          </cell>
        </row>
        <row r="578">
          <cell r="A578" t="str">
            <v>United StatesFT1</v>
          </cell>
          <cell r="B578" t="str">
            <v>United States</v>
          </cell>
          <cell r="C578" t="str">
            <v>FT1</v>
          </cell>
          <cell r="D578" t="str">
            <v>Valid cases for use of fixed-term contracts, other than  “objective”  or “material” situationc</v>
          </cell>
          <cell r="E578" t="str">
            <v>No restrictions.</v>
          </cell>
          <cell r="F578" t="str">
            <v>No restrictions.</v>
          </cell>
          <cell r="G578">
            <v>3</v>
          </cell>
          <cell r="J578">
            <v>3</v>
          </cell>
          <cell r="M578">
            <v>0</v>
          </cell>
          <cell r="P578">
            <v>0</v>
          </cell>
        </row>
        <row r="579">
          <cell r="A579" t="str">
            <v>United StatesFT2</v>
          </cell>
          <cell r="B579" t="str">
            <v>United States</v>
          </cell>
          <cell r="C579" t="str">
            <v>FT2</v>
          </cell>
          <cell r="D579" t="str">
            <v>Maximum number of successive fixed-term contractsd</v>
          </cell>
          <cell r="E579" t="str">
            <v>No limit</v>
          </cell>
          <cell r="F579" t="str">
            <v>No limit</v>
          </cell>
          <cell r="G579">
            <v>100</v>
          </cell>
          <cell r="J579">
            <v>100</v>
          </cell>
          <cell r="M579">
            <v>0</v>
          </cell>
          <cell r="P579">
            <v>0</v>
          </cell>
        </row>
        <row r="580">
          <cell r="A580" t="str">
            <v>United StatesFT3</v>
          </cell>
          <cell r="B580" t="str">
            <v>United States</v>
          </cell>
          <cell r="C580" t="str">
            <v>FT3</v>
          </cell>
          <cell r="D580" t="str">
            <v>Maximum cumulated duration of successive fixed-term contracts</v>
          </cell>
          <cell r="E580" t="str">
            <v>No limit</v>
          </cell>
          <cell r="F580" t="str">
            <v>No limit. If the original contract expires and the employee continues doing the same work, then it is presumed that the employee is working under a new contract with the same terms and conditions as the original.</v>
          </cell>
          <cell r="G580">
            <v>100</v>
          </cell>
          <cell r="J580">
            <v>100</v>
          </cell>
          <cell r="M580">
            <v>0</v>
          </cell>
          <cell r="P580">
            <v>0</v>
          </cell>
        </row>
        <row r="581">
          <cell r="A581" t="str">
            <v>United StatesTWA1</v>
          </cell>
          <cell r="B581" t="str">
            <v>United States</v>
          </cell>
          <cell r="C581" t="str">
            <v>TWA1</v>
          </cell>
          <cell r="D581" t="str">
            <v>Types of work for which TWA employment is legal</v>
          </cell>
          <cell r="E581" t="str">
            <v>General</v>
          </cell>
          <cell r="F581" t="str">
            <v>General</v>
          </cell>
          <cell r="G581">
            <v>4</v>
          </cell>
          <cell r="J581">
            <v>4</v>
          </cell>
          <cell r="M581">
            <v>0</v>
          </cell>
          <cell r="P581">
            <v>0</v>
          </cell>
        </row>
        <row r="582">
          <cell r="A582" t="str">
            <v>United StatesTWA2</v>
          </cell>
          <cell r="B582" t="str">
            <v>United States</v>
          </cell>
          <cell r="C582" t="str">
            <v>TWA2</v>
          </cell>
          <cell r="D582" t="str">
            <v>Are there any restrictions on the number of renewals of a TWA contract?</v>
          </cell>
          <cell r="E582" t="str">
            <v>No</v>
          </cell>
          <cell r="F582" t="str">
            <v>No</v>
          </cell>
          <cell r="G582" t="str">
            <v>No</v>
          </cell>
          <cell r="J582" t="str">
            <v>No</v>
          </cell>
          <cell r="M582">
            <v>2</v>
          </cell>
          <cell r="P582">
            <v>2</v>
          </cell>
        </row>
        <row r="583">
          <cell r="A583" t="str">
            <v>United StatesTWA3</v>
          </cell>
          <cell r="B583" t="str">
            <v>United States</v>
          </cell>
          <cell r="C583" t="str">
            <v>TWA3</v>
          </cell>
          <cell r="D583" t="str">
            <v>Maximum cumulated duration of temporary work contractse</v>
          </cell>
          <cell r="E583" t="str">
            <v>No limit</v>
          </cell>
          <cell r="F583" t="str">
            <v>No limit</v>
          </cell>
          <cell r="G583">
            <v>100</v>
          </cell>
          <cell r="J583">
            <v>100</v>
          </cell>
          <cell r="M583">
            <v>0</v>
          </cell>
          <cell r="P583">
            <v>0</v>
          </cell>
        </row>
        <row r="584">
          <cell r="A584" t="str">
            <v>United StatesTWA4</v>
          </cell>
          <cell r="B584" t="str">
            <v>United States</v>
          </cell>
          <cell r="C584" t="str">
            <v>TWA4</v>
          </cell>
          <cell r="D584" t="str">
            <v>Authorisation and reporting obligations</v>
          </cell>
          <cell r="F584" t="str">
            <v>Licenses for employment agencies are issued in accordance with individual states' licensing statutes. Often, these statutes delegate the authority to a "Commissioner of Licenses" who decides on the issuance of a license based on the applicant's character.</v>
          </cell>
          <cell r="J584">
            <v>1</v>
          </cell>
          <cell r="P584">
            <v>2</v>
          </cell>
        </row>
        <row r="585">
          <cell r="A585" t="str">
            <v>United StatesTWA5</v>
          </cell>
          <cell r="B585" t="str">
            <v>United States</v>
          </cell>
          <cell r="C585" t="str">
            <v>TWA5</v>
          </cell>
          <cell r="D585" t="str">
            <v>Equal treatment of TWA workers</v>
          </cell>
          <cell r="F585" t="str">
            <v>There is no requirement for equal treatment in US federal law beyond minimum standards guaranteed to all workers. Some states may require equal treatment. In general, both groups of workers, permanent and temporary, may bargain for additional benefits.</v>
          </cell>
          <cell r="J585">
            <v>0</v>
          </cell>
          <cell r="P585">
            <v>0</v>
          </cell>
        </row>
        <row r="586">
          <cell r="A586" t="str">
            <v>United StatesCD1</v>
          </cell>
          <cell r="B586" t="str">
            <v>United States</v>
          </cell>
          <cell r="C586" t="str">
            <v>CD1</v>
          </cell>
          <cell r="D586" t="str">
            <v>Definition of collective dismissal</v>
          </cell>
          <cell r="E586" t="str">
            <v xml:space="preserve">In firms with 100 or more employees and over a period of 30 days, 50+ workers in case of plant closure; 500+ workers in case of layoff; 50-499 workers, if they make up at least one third of the workforce. </v>
          </cell>
          <cell r="F586" t="str">
            <v xml:space="preserve">The Worker Adjustment and Retraining Notification Act outlines procedures for plant closures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v>
          </cell>
          <cell r="G586">
            <v>1</v>
          </cell>
          <cell r="J586">
            <v>1</v>
          </cell>
          <cell r="M586">
            <v>1.5</v>
          </cell>
          <cell r="P586">
            <v>1.5</v>
          </cell>
        </row>
        <row r="587">
          <cell r="A587" t="str">
            <v>United StatesCD2</v>
          </cell>
          <cell r="B587" t="str">
            <v>United States</v>
          </cell>
          <cell r="C587" t="str">
            <v>CD2</v>
          </cell>
          <cell r="D587" t="str">
            <v>Additional notification requirements in case of collective dismissals</v>
          </cell>
          <cell r="E587" t="str">
            <v>Notification of employee representatives: Duty to inform affected workers or labour unions (where they exist). Notification of public authorities: Duty to notify state and local authorities.</v>
          </cell>
          <cell r="F587" t="str">
            <v>Notification of employee representatives: Duty to inform affected workers or labour unions (where they exist). Notification of public authorities: Duty to notify state and local authorities.</v>
          </cell>
          <cell r="G587">
            <v>2</v>
          </cell>
          <cell r="J587">
            <v>2</v>
          </cell>
          <cell r="M587">
            <v>6</v>
          </cell>
          <cell r="P587">
            <v>6</v>
          </cell>
        </row>
        <row r="588">
          <cell r="A588" t="str">
            <v>United StatesCD3</v>
          </cell>
          <cell r="B588" t="str">
            <v>United States</v>
          </cell>
          <cell r="C588" t="str">
            <v>CD3</v>
          </cell>
          <cell r="D588" t="str">
            <v>Additional delays involved in case of collective dismissals</v>
          </cell>
          <cell r="E588" t="str">
            <v>Special 60-day notice period. Exceptions to the notice period include layoffs due to risk of bankrupcy, unforeseen circumstances, or ending of a temporary business activity.</v>
          </cell>
          <cell r="F588" t="str">
            <v>Special 60-day notice period. Exceptions to the notice period include layoffs due to risk of bankruptcy, unforeseen circumstances, or ending of a temporary business activity.</v>
          </cell>
          <cell r="G588">
            <v>59</v>
          </cell>
          <cell r="J588">
            <v>59</v>
          </cell>
          <cell r="M588">
            <v>4</v>
          </cell>
          <cell r="P588">
            <v>4</v>
          </cell>
        </row>
        <row r="589">
          <cell r="A589" t="str">
            <v>United StatesCD4</v>
          </cell>
          <cell r="B589" t="str">
            <v>United States</v>
          </cell>
          <cell r="C589" t="str">
            <v>CD4</v>
          </cell>
          <cell r="D589" t="str">
            <v>Other special costs to employers in case of collective dismissals</v>
          </cell>
          <cell r="E589" t="str">
            <v>Type of negotiation requiredf: No legal requirements. Selection criteria: As laid down in collective agreements or company manuals; usually seniority-based. Severance pay: No special regulations for collective dismissal.</v>
          </cell>
          <cell r="F589" t="str">
            <v>Type of negotiation required: No legal requirements. Selection criteria: As laid down in collective agreements or company manuals; usually seniority-based. Severance pay: No special regulations for collective dismissal.</v>
          </cell>
          <cell r="G589">
            <v>0</v>
          </cell>
          <cell r="J589">
            <v>0</v>
          </cell>
          <cell r="M589">
            <v>0</v>
          </cell>
          <cell r="P589">
            <v>0</v>
          </cell>
        </row>
      </sheetData>
      <sheetData sheetId="2">
        <row r="1">
          <cell r="A1" t="str">
            <v>countryCode indicateur</v>
          </cell>
          <cell r="B1" t="str">
            <v>country</v>
          </cell>
          <cell r="C1" t="str">
            <v>Code indicateur</v>
          </cell>
          <cell r="D1" t="str">
            <v>item</v>
          </cell>
          <cell r="E1">
            <v>2008</v>
          </cell>
          <cell r="F1" t="str">
            <v>Value 2008_1</v>
          </cell>
          <cell r="G1" t="str">
            <v>Value 2008_2</v>
          </cell>
          <cell r="H1" t="str">
            <v>Value 2008_3</v>
          </cell>
          <cell r="I1" t="str">
            <v>Score 2008_1</v>
          </cell>
          <cell r="J1" t="str">
            <v>Score 2008_2</v>
          </cell>
          <cell r="K1" t="str">
            <v>Score 2008_3</v>
          </cell>
        </row>
        <row r="2">
          <cell r="A2" t="str">
            <v>BrazilEPL1A</v>
          </cell>
          <cell r="B2" t="str">
            <v>Brazil</v>
          </cell>
          <cell r="C2" t="str">
            <v>EPL1A</v>
          </cell>
          <cell r="D2" t="str">
            <v>Notification proceduresa</v>
          </cell>
          <cell r="E2" t="str">
            <v>Oral or written notice.</v>
          </cell>
          <cell r="F2">
            <v>0</v>
          </cell>
          <cell r="I2">
            <v>0</v>
          </cell>
        </row>
        <row r="3">
          <cell r="A3" t="str">
            <v>BrazilEPL1B</v>
          </cell>
          <cell r="B3" t="str">
            <v>Brazil</v>
          </cell>
          <cell r="C3" t="str">
            <v>EPL1B</v>
          </cell>
          <cell r="D3" t="str">
            <v>Delay before notice can starta</v>
          </cell>
          <cell r="E3" t="str">
            <v>Once notice is given, termination becomes effective upon expiration of the respective period of notice. If the empoyer reconsiders the dismissal before the end of the notice period, the worker may accept or reject that decision. If the worker accepts reconsideration or continues to work after the notice period expires, the employment contract will remain alid as if no notice had been given.</v>
          </cell>
          <cell r="F3">
            <v>1</v>
          </cell>
          <cell r="I3">
            <v>0</v>
          </cell>
        </row>
        <row r="4">
          <cell r="A4" t="str">
            <v>BrazilEPL2A1, EPL2A2, EPL2A3</v>
          </cell>
          <cell r="B4" t="str">
            <v>Brazil</v>
          </cell>
          <cell r="C4" t="str">
            <v>EPL2A1, EPL2A2, EPL2A3</v>
          </cell>
          <cell r="D4" t="str">
            <v>Notice / tenurea</v>
          </cell>
          <cell r="E4" t="str">
            <v>Advanced notice of at least 8 days for workers paid on a weekly basis, or 30 days for those paid on a fortnightly or monthly basis or who have worked in the firm for more than 12 months. 9 months: 1 month; 4 years: 1 month; 20 years: 1 month</v>
          </cell>
          <cell r="F4">
            <v>1</v>
          </cell>
          <cell r="G4">
            <v>1</v>
          </cell>
          <cell r="H4">
            <v>1</v>
          </cell>
          <cell r="I4">
            <v>3</v>
          </cell>
          <cell r="J4">
            <v>2</v>
          </cell>
          <cell r="K4">
            <v>1</v>
          </cell>
        </row>
        <row r="5">
          <cell r="A5" t="str">
            <v>BrazilEPL2B1, EPL2B2, EPL2B3</v>
          </cell>
          <cell r="B5" t="str">
            <v>Brazil</v>
          </cell>
          <cell r="C5" t="str">
            <v>EPL2B1, EPL2B2, EPL2B3</v>
          </cell>
          <cell r="D5" t="str">
            <v>Severance pay / tenurea</v>
          </cell>
          <cell r="E5" t="str">
            <v>No severance pay. The employer deposits 8% of the worker's monthly earnings into a saving account in the worker's name in the Fundo de Garantia po Tempo de Servico (FGTS). However, the worker recieves the balance of the account in the case of voluntary separation as well as redundancy, so it cannot be considered a severance payment. An indemnity above this amount is payable in the case of unfair dismissal.</v>
          </cell>
          <cell r="F5">
            <v>0</v>
          </cell>
          <cell r="G5">
            <v>0</v>
          </cell>
          <cell r="H5">
            <v>0</v>
          </cell>
          <cell r="I5">
            <v>0</v>
          </cell>
          <cell r="J5">
            <v>0</v>
          </cell>
          <cell r="K5">
            <v>0</v>
          </cell>
        </row>
        <row r="6">
          <cell r="A6" t="str">
            <v>BrazilEPL3A</v>
          </cell>
          <cell r="B6" t="str">
            <v>Brazil</v>
          </cell>
          <cell r="C6" t="str">
            <v>EPL3A</v>
          </cell>
          <cell r="D6" t="str">
            <v>Definition of justified or unfair dismissal</v>
          </cell>
          <cell r="E6" t="str">
            <v>The following cases constitute grounds for “fair” (com justa causa) dismissal: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A worker may deem his contract terminated, and may claim due indemnity, when: i) the employer seeks to impose on the employee the execution of services beyond the scope of the employment contract, or beyond the employee’s physical capacity, or that constitute legally prohibited or morally degrading acts; ii) the employee is subject to excessive disciplinary action by the employer or a superior; iii) the employee is exposed to considerable hazards; iv) the employer fails to perform his/her obligations under the employment contract; v) the employer or its agents engage in acts against the honour or reputation of the employee or his family; vi) the employer physically attacks the employee, except in self defence or in the defence of third parties; and vii) the employer reduces the employee’s workload, thereby reducing the employee's salary significantly.
A worker may stop providing service or may terminate the employment contract when required to perform legal obligations incompatible with continued employment. In the event of the death of an employer constituted as an individual enterprise, the employee is entitled to+ terminate the employment contract. 
In items iv), v), and vii), the worker may request the termination the employment contract and receive the respective indemnities, and may at his/her discretion continue to provide service until the case is decided.</v>
          </cell>
          <cell r="F6">
            <v>3</v>
          </cell>
          <cell r="I6">
            <v>6</v>
          </cell>
        </row>
        <row r="7">
          <cell r="A7" t="str">
            <v>BrazilEPL3B</v>
          </cell>
          <cell r="B7" t="str">
            <v>Brazil</v>
          </cell>
          <cell r="C7" t="str">
            <v>EPL3B</v>
          </cell>
          <cell r="D7" t="str">
            <v>Trial period</v>
          </cell>
          <cell r="E7" t="str">
            <v xml:space="preserve">Not covered by legislation, but 3 months is considered as a trial period for the purposes of determining compensation for unfair dismissal. </v>
          </cell>
          <cell r="F7">
            <v>3</v>
          </cell>
          <cell r="I7">
            <v>4</v>
          </cell>
        </row>
        <row r="8">
          <cell r="A8" t="str">
            <v>BrazilEPL3C</v>
          </cell>
          <cell r="B8" t="str">
            <v>Brazil</v>
          </cell>
          <cell r="C8" t="str">
            <v>EPL3C</v>
          </cell>
          <cell r="D8" t="str">
            <v>compensation following unfair dismissalb</v>
          </cell>
          <cell r="E8" t="str">
            <v>In the case of "unfair" (sem justa causa) dismissal, private-sector workers are entitled to an indemnity (multa) of 40% of the total amount deposited in their name in the Fundo de Garantia po Tempo de Servico (FGTS). To consistute this fund, the employer deposits 8% of the worker's monthly earnings into a saving account in the worker's name. The indemnity is paid over and above the deposits in the worker's FGTS account during the employment contract. Note that this applies only as of the fourth month of the employment contract, the first three months being considred, although not embodied in legislation, as a probationary period. Typical compensation at 20 years: 40%*8%*240=7.7 months</v>
          </cell>
          <cell r="F8">
            <v>7.7</v>
          </cell>
          <cell r="I8">
            <v>1</v>
          </cell>
        </row>
        <row r="9">
          <cell r="A9" t="str">
            <v>BrazilEPL3D</v>
          </cell>
          <cell r="B9" t="str">
            <v>Brazil</v>
          </cell>
          <cell r="C9" t="str">
            <v>EPL3D</v>
          </cell>
          <cell r="D9" t="str">
            <v>Possibility of reinstatement following unfair dismissal</v>
          </cell>
          <cell r="E9" t="str">
            <v>The law provides for this possibility, but it is rarely used because of the indemnity paid through FGST.</v>
          </cell>
          <cell r="F9">
            <v>1</v>
          </cell>
          <cell r="I9">
            <v>2</v>
          </cell>
        </row>
        <row r="10">
          <cell r="A10" t="str">
            <v>BrazilEPL3E</v>
          </cell>
          <cell r="B10" t="str">
            <v>Brazil</v>
          </cell>
          <cell r="C10" t="str">
            <v>EPL3E</v>
          </cell>
          <cell r="D10" t="str">
            <v>Maximum time for claim</v>
          </cell>
          <cell r="E10" t="str">
            <v xml:space="preserve">Maximum time period after dismissal notification up to which an unfair dismissal claim can be made is 12 months </v>
          </cell>
          <cell r="F10">
            <v>12</v>
          </cell>
          <cell r="I10">
            <v>5</v>
          </cell>
        </row>
        <row r="11">
          <cell r="A11" t="str">
            <v>BrazilFT1</v>
          </cell>
          <cell r="B11" t="str">
            <v>Brazil</v>
          </cell>
          <cell r="C11" t="str">
            <v>FT1</v>
          </cell>
          <cell r="D11" t="str">
            <v>Valid cases for use of fixed-term contracts, other than  “objective”  or “material” situationc</v>
          </cell>
          <cell r="E11" t="str">
            <v>A fixed-term contract will only be valid in cases where: (a) the nature of the job justifies establishment of a fixed term; (b) the activities of the business are of a temporary or seasonal nature; or (c) the contract is probationary.</v>
          </cell>
          <cell r="F11">
            <v>0</v>
          </cell>
          <cell r="I11">
            <v>6</v>
          </cell>
        </row>
        <row r="12">
          <cell r="A12" t="str">
            <v>BrazilFT2</v>
          </cell>
          <cell r="B12" t="str">
            <v>Brazil</v>
          </cell>
          <cell r="C12" t="str">
            <v>FT2</v>
          </cell>
          <cell r="D12" t="str">
            <v>Maximum number of successive fixed-term contractsd</v>
          </cell>
          <cell r="E12" t="str">
            <v>May be extended once.</v>
          </cell>
          <cell r="F12">
            <v>2</v>
          </cell>
          <cell r="I12">
            <v>4</v>
          </cell>
        </row>
        <row r="13">
          <cell r="A13" t="str">
            <v>BrazilFT3</v>
          </cell>
          <cell r="B13" t="str">
            <v>Brazil</v>
          </cell>
          <cell r="C13" t="str">
            <v>FT3</v>
          </cell>
          <cell r="D13" t="str">
            <v>Maximum cumulated duration of successive fixed-term contracts</v>
          </cell>
          <cell r="E13" t="str">
            <v>Not exceeding 2 years.</v>
          </cell>
          <cell r="F13">
            <v>24</v>
          </cell>
          <cell r="I13">
            <v>3</v>
          </cell>
        </row>
        <row r="14">
          <cell r="A14" t="str">
            <v>BrazilTWA1</v>
          </cell>
          <cell r="B14" t="str">
            <v>Brazil</v>
          </cell>
          <cell r="C14" t="str">
            <v>TWA1</v>
          </cell>
          <cell r="D14" t="str">
            <v>Types of work for which TWA employment is legal</v>
          </cell>
          <cell r="E14" t="str">
            <v>Work in urban areas to meet a temporary or seasonal need for regular and permanent employees, or to cope with an extraordinary workload increase.</v>
          </cell>
          <cell r="F14">
            <v>2</v>
          </cell>
          <cell r="I14">
            <v>3</v>
          </cell>
        </row>
        <row r="15">
          <cell r="A15" t="str">
            <v>BrazilTWA2</v>
          </cell>
          <cell r="B15" t="str">
            <v>Brazil</v>
          </cell>
          <cell r="C15" t="str">
            <v>TWA2</v>
          </cell>
          <cell r="D15" t="str">
            <v>Are there any restrictions on the number of renewals of a TWA contract?</v>
          </cell>
          <cell r="E15" t="str">
            <v>No, within the 3 month limit unless authorised by the Ministry of Labour and Employment.</v>
          </cell>
          <cell r="F15" t="str">
            <v>No</v>
          </cell>
          <cell r="I15">
            <v>2</v>
          </cell>
        </row>
        <row r="16">
          <cell r="A16" t="str">
            <v>BrazilTWA3</v>
          </cell>
          <cell r="B16" t="str">
            <v>Brazil</v>
          </cell>
          <cell r="C16" t="str">
            <v>TWA3</v>
          </cell>
          <cell r="D16" t="str">
            <v>Maximum cumulated duration of temporary work contractse</v>
          </cell>
          <cell r="E16" t="str">
            <v>3 months unless authorised by the Ministry of Labour and Emlpoyment.</v>
          </cell>
          <cell r="F16">
            <v>3</v>
          </cell>
          <cell r="I16">
            <v>6</v>
          </cell>
        </row>
        <row r="17">
          <cell r="A17" t="str">
            <v>BrazilTWA4</v>
          </cell>
          <cell r="B17" t="str">
            <v>Brazil</v>
          </cell>
          <cell r="C17" t="str">
            <v>TWA4</v>
          </cell>
          <cell r="D17" t="str">
            <v>Authorisation or reporting requirements</v>
          </cell>
          <cell r="E17" t="str">
            <v>A temporary work agency must be registered with the Ministry of Labour and Employment. The agency must comply with any requests for information made by the Ministry.</v>
          </cell>
          <cell r="F17">
            <v>1</v>
          </cell>
          <cell r="I17">
            <v>2</v>
          </cell>
        </row>
        <row r="18">
          <cell r="A18" t="str">
            <v>BrazilTWA5</v>
          </cell>
          <cell r="B18" t="str">
            <v>Brazil</v>
          </cell>
          <cell r="C18" t="str">
            <v>TWA5</v>
          </cell>
          <cell r="D18" t="str">
            <v>Equal treatment for TWA workers</v>
          </cell>
          <cell r="E18" t="str">
            <v>A TWA worker must receive the same pay as a worker doing the same work for the user firm.  There is no explicit requirement for equal treatment on working conditions, but a number of minimum working conditions for TWA workers are set out in legislation.</v>
          </cell>
          <cell r="F18">
            <v>1</v>
          </cell>
          <cell r="I18">
            <v>3</v>
          </cell>
        </row>
        <row r="19">
          <cell r="A19" t="str">
            <v>BrazilCD1</v>
          </cell>
          <cell r="B19" t="str">
            <v>Brazil</v>
          </cell>
          <cell r="C19" t="str">
            <v>CD1</v>
          </cell>
          <cell r="D19" t="str">
            <v>Definition of collective dismissal</v>
          </cell>
          <cell r="E19" t="str">
            <v>No legal provisions exist.</v>
          </cell>
          <cell r="F19">
            <v>0</v>
          </cell>
          <cell r="I19">
            <v>0</v>
          </cell>
        </row>
        <row r="20">
          <cell r="A20" t="str">
            <v>BrazilCD2</v>
          </cell>
          <cell r="B20" t="str">
            <v>Brazil</v>
          </cell>
          <cell r="C20" t="str">
            <v>CD2</v>
          </cell>
          <cell r="D20" t="str">
            <v>Additional notification requirements in case of collective dismissals</v>
          </cell>
          <cell r="E20" t="str">
            <v>No legal provisions exist. The matter may be covered by collective bargaining.</v>
          </cell>
          <cell r="F20">
            <v>0</v>
          </cell>
          <cell r="I20">
            <v>0</v>
          </cell>
        </row>
        <row r="21">
          <cell r="A21" t="str">
            <v>BrazilCD3</v>
          </cell>
          <cell r="B21" t="str">
            <v>Brazil</v>
          </cell>
          <cell r="C21" t="str">
            <v>CD3</v>
          </cell>
          <cell r="D21" t="str">
            <v>Additional delays involved in case of collective dismissals</v>
          </cell>
          <cell r="E21" t="str">
            <v>No legal provisions exist. The matter may be covered by collective bargaining.</v>
          </cell>
          <cell r="F21">
            <v>0</v>
          </cell>
          <cell r="I21">
            <v>0</v>
          </cell>
        </row>
        <row r="22">
          <cell r="A22" t="str">
            <v>BrazilCD4</v>
          </cell>
          <cell r="B22" t="str">
            <v>Brazil</v>
          </cell>
          <cell r="C22" t="str">
            <v>CD4</v>
          </cell>
          <cell r="D22" t="str">
            <v>Other special costs to employers in case of collective dismissals</v>
          </cell>
          <cell r="E22" t="str">
            <v>No legal provisions exist. The matter may be covered by collective bargaining.</v>
          </cell>
          <cell r="F22">
            <v>0</v>
          </cell>
          <cell r="I22">
            <v>0</v>
          </cell>
        </row>
        <row r="23">
          <cell r="A23" t="str">
            <v>ChileEPL1A</v>
          </cell>
          <cell r="B23" t="str">
            <v>Chile</v>
          </cell>
          <cell r="C23" t="str">
            <v>EPL1A</v>
          </cell>
          <cell r="D23" t="str">
            <v>Notification proceduresa</v>
          </cell>
          <cell r="E23" t="str">
            <v>The employee must be notified in person or in writing with an explanation of the reasons for dismissal. Notice of the dismissal should also be sent to the Labour Inspectorate.</v>
          </cell>
          <cell r="F23">
            <v>2</v>
          </cell>
          <cell r="I23">
            <v>4</v>
          </cell>
        </row>
        <row r="24">
          <cell r="A24" t="str">
            <v>ChileEPL1B</v>
          </cell>
          <cell r="B24" t="str">
            <v>Chile</v>
          </cell>
          <cell r="C24" t="str">
            <v>EPL1B</v>
          </cell>
          <cell r="D24" t="str">
            <v>Delay before notice can starta</v>
          </cell>
          <cell r="E24" t="str">
            <v>Notice can either be handed directly to the employee or sent by registered mail.
Calculation: average of 1 day for verbal notice and 3 days for registered letter.</v>
          </cell>
          <cell r="F24">
            <v>2</v>
          </cell>
          <cell r="I24">
            <v>0</v>
          </cell>
        </row>
        <row r="25">
          <cell r="A25" t="str">
            <v>ChileEPL2A1, EPL2A2, EPL2A3</v>
          </cell>
          <cell r="B25" t="str">
            <v>Chile</v>
          </cell>
          <cell r="C25" t="str">
            <v>EPL2A1, EPL2A2, EPL2A3</v>
          </cell>
          <cell r="D25" t="str">
            <v>Notice / tenurea</v>
          </cell>
          <cell r="E25" t="str">
            <v>Employee must be given 30 days notice, or payment in lieu of notice of one month's salary.</v>
          </cell>
          <cell r="F25">
            <v>1</v>
          </cell>
          <cell r="G25">
            <v>1</v>
          </cell>
          <cell r="H25">
            <v>1</v>
          </cell>
          <cell r="I25">
            <v>3</v>
          </cell>
          <cell r="J25">
            <v>2</v>
          </cell>
          <cell r="K25">
            <v>1</v>
          </cell>
        </row>
        <row r="26">
          <cell r="A26" t="str">
            <v>ChileEPL2B1, EPL2B2, EPL2B3</v>
          </cell>
          <cell r="B26" t="str">
            <v>Chile</v>
          </cell>
          <cell r="C26" t="str">
            <v>EPL2B1, EPL2B2, EPL2B3</v>
          </cell>
          <cell r="D26" t="str">
            <v>Severance pay / tenurea</v>
          </cell>
          <cell r="E26" t="str">
            <v>Employees with at least one year of continuous service shall receive severance pay of 30 days pay per year of service up to a maximum of 330 days of pay.</v>
          </cell>
          <cell r="F26">
            <v>0</v>
          </cell>
          <cell r="G26">
            <v>4</v>
          </cell>
          <cell r="H26">
            <v>11</v>
          </cell>
          <cell r="I26">
            <v>0</v>
          </cell>
          <cell r="J26">
            <v>6</v>
          </cell>
          <cell r="K26">
            <v>4</v>
          </cell>
        </row>
        <row r="27">
          <cell r="A27" t="str">
            <v>ChileEPL3A</v>
          </cell>
          <cell r="B27" t="str">
            <v>Chile</v>
          </cell>
          <cell r="C27" t="str">
            <v>EPL3A</v>
          </cell>
          <cell r="D27" t="str">
            <v>Definition of justified or unfair dismissal</v>
          </cell>
          <cell r="E27" t="str">
            <v xml:space="preserve">The employer may terminate the employee’s contract on grounds of serious misconduct or breach of contractual obligations by the employee or citing  the company’s needs, such as streamlining, modernisation, improving productivity, changes in market conditions or the economy. </v>
          </cell>
          <cell r="F27">
            <v>3</v>
          </cell>
          <cell r="I27">
            <v>6</v>
          </cell>
        </row>
        <row r="28">
          <cell r="A28" t="str">
            <v>ChileEPL3B</v>
          </cell>
          <cell r="B28" t="str">
            <v>Chile</v>
          </cell>
          <cell r="C28" t="str">
            <v>EPL3B</v>
          </cell>
          <cell r="D28" t="str">
            <v>Trial period</v>
          </cell>
          <cell r="E28" t="str">
            <v>No trial period in legislation.</v>
          </cell>
          <cell r="F28">
            <v>0</v>
          </cell>
          <cell r="I28">
            <v>6</v>
          </cell>
        </row>
        <row r="29">
          <cell r="A29" t="str">
            <v>ChileEPL3C</v>
          </cell>
          <cell r="B29" t="str">
            <v>Chile</v>
          </cell>
          <cell r="C29" t="str">
            <v>EPL3C</v>
          </cell>
          <cell r="D29" t="str">
            <v>compensation following unfair dismissalb</v>
          </cell>
          <cell r="E29" t="str">
            <v>In the event of unfair dismissal, the court can award payment of compensation in addition to severance pay varying from 30% to 100% of the applicable severance payment, depending on the breach of legislation made. Typical compensation at 20 years of tenure: average of 65% x 11 months severance pay = 7.2 months.</v>
          </cell>
          <cell r="F29">
            <v>7.2</v>
          </cell>
          <cell r="I29">
            <v>1</v>
          </cell>
        </row>
        <row r="30">
          <cell r="A30" t="str">
            <v>ChileEPL3D</v>
          </cell>
          <cell r="B30" t="str">
            <v>Chile</v>
          </cell>
          <cell r="C30" t="str">
            <v>EPL3D</v>
          </cell>
          <cell r="D30" t="str">
            <v>Possibility of reinstatement following unfair dismissal</v>
          </cell>
          <cell r="E30" t="str">
            <v>There is no right or practice of reinstatement following unfair dismissal.</v>
          </cell>
          <cell r="F30">
            <v>0</v>
          </cell>
          <cell r="I30">
            <v>0</v>
          </cell>
        </row>
        <row r="31">
          <cell r="A31" t="str">
            <v>ChileEPL3E</v>
          </cell>
          <cell r="B31" t="str">
            <v>Chile</v>
          </cell>
          <cell r="C31" t="str">
            <v>EPL3E</v>
          </cell>
          <cell r="D31" t="str">
            <v>Maximum time for claim</v>
          </cell>
          <cell r="E31" t="str">
            <v>An employee who thinks they have been unfairly dismissed may resort to the court within 60 days of the separation.</v>
          </cell>
          <cell r="F31">
            <v>2</v>
          </cell>
          <cell r="I31">
            <v>2</v>
          </cell>
        </row>
        <row r="32">
          <cell r="A32" t="str">
            <v>ChileFT1</v>
          </cell>
          <cell r="B32" t="str">
            <v>Chile</v>
          </cell>
          <cell r="C32" t="str">
            <v>FT1</v>
          </cell>
          <cell r="D32" t="str">
            <v>Valid cases for use of fixed-term contracts, other than  “objective”  or “material” situationc</v>
          </cell>
          <cell r="E32" t="str">
            <v>No restrictions.</v>
          </cell>
          <cell r="F32">
            <v>3</v>
          </cell>
          <cell r="I32">
            <v>0</v>
          </cell>
        </row>
        <row r="33">
          <cell r="A33" t="str">
            <v>ChileFT2</v>
          </cell>
          <cell r="B33" t="str">
            <v>Chile</v>
          </cell>
          <cell r="C33" t="str">
            <v>FT2</v>
          </cell>
          <cell r="D33" t="str">
            <v>Maximum number of successive fixed-term contractsd</v>
          </cell>
          <cell r="E33" t="str">
            <v>A second renewal of a fixed term contract will be taken to be a contract of indefinite length.</v>
          </cell>
          <cell r="F33">
            <v>2</v>
          </cell>
          <cell r="I33">
            <v>4</v>
          </cell>
        </row>
        <row r="34">
          <cell r="A34" t="str">
            <v>ChileFT3</v>
          </cell>
          <cell r="B34" t="str">
            <v>Chile</v>
          </cell>
          <cell r="C34" t="str">
            <v>FT3</v>
          </cell>
          <cell r="D34" t="str">
            <v>Maximum cumulated duration of successive fixed-term contracts</v>
          </cell>
          <cell r="E34" t="str">
            <v xml:space="preserve">The duration of a fixed term contract may not exceed one year (two years for managers or persons with a tertiary degree). A worker who has been employed intermittently under more than two contracts for 12 out of a continuous period of 15 months is presumed to be hired under a contract of indefinite length. </v>
          </cell>
          <cell r="F34">
            <v>24</v>
          </cell>
          <cell r="I34">
            <v>3</v>
          </cell>
        </row>
        <row r="35">
          <cell r="A35" t="str">
            <v>ChileTWA1</v>
          </cell>
          <cell r="B35" t="str">
            <v>Chile</v>
          </cell>
          <cell r="C35" t="str">
            <v>TWA1</v>
          </cell>
          <cell r="D35" t="str">
            <v>Types of work for which TWA employment is legal</v>
          </cell>
          <cell r="E35"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work e.g. conducting repairs.</v>
          </cell>
          <cell r="F35">
            <v>2</v>
          </cell>
          <cell r="I35">
            <v>3</v>
          </cell>
        </row>
        <row r="36">
          <cell r="A36" t="str">
            <v>ChileTWA2</v>
          </cell>
          <cell r="B36" t="str">
            <v>Chile</v>
          </cell>
          <cell r="C36" t="str">
            <v>TWA2</v>
          </cell>
          <cell r="D36" t="str">
            <v>Are there any restrictions on the number of renewals of a TWA contract?</v>
          </cell>
          <cell r="E36" t="str">
            <v>No restrictions within maximum cumulated duration.</v>
          </cell>
          <cell r="F36" t="str">
            <v>No</v>
          </cell>
          <cell r="I36">
            <v>2</v>
          </cell>
        </row>
        <row r="37">
          <cell r="A37" t="str">
            <v>ChileTWA3</v>
          </cell>
          <cell r="B37" t="str">
            <v>Chile</v>
          </cell>
          <cell r="C37" t="str">
            <v>TWA3</v>
          </cell>
          <cell r="D37" t="str">
            <v>Maximum cumulated duration of temporary work contractse</v>
          </cell>
          <cell r="E37" t="str">
            <v>TWA contracts for extraordinary events or to cover occasional increases in workload have a maximum duration of 90 days. TWA contracts for new businesses or projects have a maximum duration of 180 days. TWA contracts to replace a worker on leave last as long as the worker remains on leave. Calculation: average of 3 months and 6 months = 4.5 months.</v>
          </cell>
          <cell r="F37">
            <v>4.5</v>
          </cell>
          <cell r="I37">
            <v>6</v>
          </cell>
        </row>
        <row r="38">
          <cell r="A38" t="str">
            <v>ChileTWA4</v>
          </cell>
          <cell r="B38" t="str">
            <v>Chile</v>
          </cell>
          <cell r="C38" t="str">
            <v>TWA4</v>
          </cell>
          <cell r="D38" t="str">
            <v>Authorisation or reporting requirements</v>
          </cell>
          <cell r="E38" t="str">
            <v>No authorisation or reporting obligations.</v>
          </cell>
          <cell r="F38">
            <v>0</v>
          </cell>
          <cell r="I38">
            <v>0</v>
          </cell>
        </row>
        <row r="39">
          <cell r="A39" t="str">
            <v>ChileTWA5</v>
          </cell>
          <cell r="B39" t="str">
            <v>Chile</v>
          </cell>
          <cell r="C39" t="str">
            <v>TWA5</v>
          </cell>
          <cell r="D39" t="str">
            <v>Equal treatment for TWA workers</v>
          </cell>
          <cell r="E39" t="str">
            <v>No requirement for equal treatment.</v>
          </cell>
          <cell r="F39">
            <v>0</v>
          </cell>
          <cell r="I39">
            <v>0</v>
          </cell>
        </row>
        <row r="40">
          <cell r="A40" t="str">
            <v>ChileCD1</v>
          </cell>
          <cell r="B40" t="str">
            <v>Chile</v>
          </cell>
          <cell r="C40" t="str">
            <v>CD1</v>
          </cell>
          <cell r="D40" t="str">
            <v>Definition of collective dismissal</v>
          </cell>
          <cell r="E40" t="str">
            <v>No requirements in legislation.</v>
          </cell>
          <cell r="F40">
            <v>0</v>
          </cell>
          <cell r="I40">
            <v>0</v>
          </cell>
        </row>
        <row r="41">
          <cell r="A41" t="str">
            <v>ChileCD2</v>
          </cell>
          <cell r="B41" t="str">
            <v>Chile</v>
          </cell>
          <cell r="C41" t="str">
            <v>CD2</v>
          </cell>
          <cell r="D41" t="str">
            <v>Additional notification requirements in case of collective dismissals</v>
          </cell>
          <cell r="E41" t="str">
            <v>No requirements in legislation.</v>
          </cell>
          <cell r="F41">
            <v>0</v>
          </cell>
          <cell r="I41">
            <v>0</v>
          </cell>
        </row>
        <row r="42">
          <cell r="A42" t="str">
            <v>ChileCD3</v>
          </cell>
          <cell r="B42" t="str">
            <v>Chile</v>
          </cell>
          <cell r="C42" t="str">
            <v>CD3</v>
          </cell>
          <cell r="D42" t="str">
            <v>Additional delays involved in case of collective dismissals</v>
          </cell>
          <cell r="E42" t="str">
            <v>No requirements in legislation.</v>
          </cell>
          <cell r="F42">
            <v>0</v>
          </cell>
          <cell r="I42">
            <v>0</v>
          </cell>
        </row>
        <row r="43">
          <cell r="A43" t="str">
            <v>ChileCD4</v>
          </cell>
          <cell r="B43" t="str">
            <v>Chile</v>
          </cell>
          <cell r="C43" t="str">
            <v>CD4</v>
          </cell>
          <cell r="D43" t="str">
            <v>Other special costs to employers in case of collective dismissals</v>
          </cell>
          <cell r="E43" t="str">
            <v>No requirements in legislation.</v>
          </cell>
          <cell r="F43">
            <v>0</v>
          </cell>
          <cell r="I43">
            <v>0</v>
          </cell>
        </row>
        <row r="44">
          <cell r="A44" t="str">
            <v>ChinaEPL1A</v>
          </cell>
          <cell r="B44" t="str">
            <v>China</v>
          </cell>
          <cell r="C44" t="str">
            <v>EPL1A</v>
          </cell>
          <cell r="D44" t="str">
            <v>Notification proceduresa</v>
          </cell>
          <cell r="E44"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F44">
            <v>2</v>
          </cell>
          <cell r="I44">
            <v>4</v>
          </cell>
        </row>
        <row r="45">
          <cell r="A45" t="str">
            <v>ChinaEPL1B</v>
          </cell>
          <cell r="B45" t="str">
            <v>China</v>
          </cell>
          <cell r="C45" t="str">
            <v>EPL1B</v>
          </cell>
          <cell r="D45" t="str">
            <v>Delay before notice can starta</v>
          </cell>
          <cell r="E45" t="str">
            <v>The employer may terminate the employment contract by giving the worker 30 days' prior written notice. Calculation: 1 day for notice handed directly to the employee</v>
          </cell>
          <cell r="F45">
            <v>1</v>
          </cell>
          <cell r="I45">
            <v>0</v>
          </cell>
        </row>
        <row r="46">
          <cell r="A46" t="str">
            <v>ChinaEPL2A1, EPL2A2, EPL2A3</v>
          </cell>
          <cell r="B46" t="str">
            <v>China</v>
          </cell>
          <cell r="C46" t="str">
            <v>EPL2A1, EPL2A2, EPL2A3</v>
          </cell>
          <cell r="D46" t="str">
            <v>Notice / tenurea</v>
          </cell>
          <cell r="E46" t="str">
            <v>30 days written notice, regardless of tenure. 9 months: 1 month; 4 years: 1 month; 20 years: 1 month</v>
          </cell>
          <cell r="F46">
            <v>1</v>
          </cell>
          <cell r="G46">
            <v>1</v>
          </cell>
          <cell r="H46">
            <v>1</v>
          </cell>
          <cell r="I46">
            <v>3</v>
          </cell>
          <cell r="J46">
            <v>2</v>
          </cell>
          <cell r="K46">
            <v>1</v>
          </cell>
        </row>
        <row r="47">
          <cell r="A47" t="str">
            <v>ChinaEPL2B1, EPL2B2, EPL2B3</v>
          </cell>
          <cell r="B47" t="str">
            <v>China</v>
          </cell>
          <cell r="C47" t="str">
            <v>EPL2B1, EPL2B2, EPL2B3</v>
          </cell>
          <cell r="D47" t="str">
            <v>Severance pay / tenurea</v>
          </cell>
          <cell r="E47"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12 months</v>
          </cell>
          <cell r="F47">
            <v>1</v>
          </cell>
          <cell r="G47">
            <v>4</v>
          </cell>
          <cell r="H47">
            <v>12</v>
          </cell>
          <cell r="I47">
            <v>2</v>
          </cell>
          <cell r="J47">
            <v>6</v>
          </cell>
          <cell r="K47">
            <v>4</v>
          </cell>
        </row>
        <row r="48">
          <cell r="A48" t="str">
            <v>ChinaEPL3A</v>
          </cell>
          <cell r="B48" t="str">
            <v>China</v>
          </cell>
          <cell r="C48" t="str">
            <v>EPL3A</v>
          </cell>
          <cell r="D48" t="str">
            <v>Definition of justified or unfair dismissal</v>
          </cell>
          <cell r="E48" t="str">
            <v>An employer may terminate an employment contract if: (i) during the probation period, the worker is shown not to satisfy the conditions of employment; (ii) the worker seriously violates its rules and regulations; (iii) the workers commits a serious derilication of duty, practices graft or engages in embezzlement, causing material damage to the employer; (iv) the worker simulataneously has an employment relationship with another employer, seriously affecting the completion of his/her work tasks with the employer, or after having the same mentioned to him/her by the 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v>
          </cell>
          <cell r="F48">
            <v>2</v>
          </cell>
          <cell r="I48">
            <v>4</v>
          </cell>
        </row>
        <row r="49">
          <cell r="A49" t="str">
            <v>ChinaEPL3B</v>
          </cell>
          <cell r="B49" t="str">
            <v>China</v>
          </cell>
          <cell r="C49" t="str">
            <v>EPL3B</v>
          </cell>
          <cell r="D49" t="str">
            <v>Trial period</v>
          </cell>
          <cell r="E49" t="str">
            <v>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 No probation period may be specified for an employment contract for the duration of a certain task or an employment contract with a term of less than three months.</v>
          </cell>
          <cell r="F49">
            <v>6</v>
          </cell>
          <cell r="I49">
            <v>3</v>
          </cell>
        </row>
        <row r="50">
          <cell r="A50" t="str">
            <v>ChinaEPL3C</v>
          </cell>
          <cell r="B50" t="str">
            <v>China</v>
          </cell>
          <cell r="C50" t="str">
            <v>EPL3C</v>
          </cell>
          <cell r="D50" t="str">
            <v>compensation following unfair dismissalb</v>
          </cell>
          <cell r="E50"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v>
          </cell>
          <cell r="F50">
            <v>40</v>
          </cell>
          <cell r="I50">
            <v>6</v>
          </cell>
        </row>
        <row r="51">
          <cell r="A51" t="str">
            <v>ChinaEPL3D</v>
          </cell>
          <cell r="B51" t="str">
            <v>China</v>
          </cell>
          <cell r="C51" t="str">
            <v>EPL3D</v>
          </cell>
          <cell r="D51" t="str">
            <v>Possibility of reinstatement following unfair dismissal</v>
          </cell>
          <cell r="E51" t="str">
            <v>If an employer terminates or ends an employment contract in violation of the law, the worker can request reinstatement.</v>
          </cell>
          <cell r="F51">
            <v>3</v>
          </cell>
          <cell r="I51">
            <v>6</v>
          </cell>
        </row>
        <row r="52">
          <cell r="A52" t="str">
            <v>ChinaEPL3E</v>
          </cell>
          <cell r="B52" t="str">
            <v>China</v>
          </cell>
          <cell r="C52" t="str">
            <v>EPL3E</v>
          </cell>
          <cell r="D52" t="str">
            <v>Maximum time for claim</v>
          </cell>
          <cell r="E52" t="str">
            <v>One year under the Arbitration and Mediation Act.</v>
          </cell>
          <cell r="F52">
            <v>12</v>
          </cell>
          <cell r="I52">
            <v>5</v>
          </cell>
        </row>
        <row r="53">
          <cell r="A53" t="str">
            <v>ChinaFT1</v>
          </cell>
          <cell r="B53" t="str">
            <v>China</v>
          </cell>
          <cell r="C53" t="str">
            <v>FT1</v>
          </cell>
          <cell r="D53" t="str">
            <v>Valid cases for use of fixed-term contracts, other than  “objective”  or “material” situationc</v>
          </cell>
          <cell r="E53" t="str">
            <v>Once an employer and a worker have reached a consensus through consultations, they may establish a fixed-term employment contract. There are no restrictions on the types of work for which fixed-term contract may be used.</v>
          </cell>
          <cell r="F53">
            <v>3</v>
          </cell>
          <cell r="I53">
            <v>0</v>
          </cell>
        </row>
        <row r="54">
          <cell r="A54" t="str">
            <v>ChinaFT2</v>
          </cell>
          <cell r="B54" t="str">
            <v>China</v>
          </cell>
          <cell r="C54" t="str">
            <v>FT2</v>
          </cell>
          <cell r="D54" t="str">
            <v>Maximum number of successive fixed-term contractsd</v>
          </cell>
          <cell r="E54" t="str">
            <v>If the worker has concluded two fixed-term contracts in succession, he/she is not characterised by any of the circumstances under which the employer may fairly dismiss him/her and his/her contract is up for renewal, the new contract will be taken to be an open-ended contract.</v>
          </cell>
          <cell r="F54">
            <v>2</v>
          </cell>
          <cell r="I54">
            <v>4</v>
          </cell>
        </row>
        <row r="55">
          <cell r="A55" t="str">
            <v>ChinaFT3</v>
          </cell>
          <cell r="B55" t="str">
            <v>China</v>
          </cell>
          <cell r="C55" t="str">
            <v>FT3</v>
          </cell>
          <cell r="D55" t="str">
            <v>Maximum cumulated duration of successive fixed-term contracts</v>
          </cell>
          <cell r="E55" t="str">
            <v>If the worker has worked for the employer for at least 10 years in succession, the contract will be taken to be an open-ended contract.</v>
          </cell>
          <cell r="F55">
            <v>120</v>
          </cell>
          <cell r="I55">
            <v>1</v>
          </cell>
        </row>
        <row r="56">
          <cell r="A56" t="str">
            <v>ChinaTWA1</v>
          </cell>
          <cell r="B56" t="str">
            <v>China</v>
          </cell>
          <cell r="C56" t="str">
            <v>TWA1</v>
          </cell>
          <cell r="D56" t="str">
            <v>Types of work for which TWA employment is legal</v>
          </cell>
          <cell r="E56" t="str">
            <v>In general, placement of temporary workers shall apply to temporary, ancillary and substitute positions.</v>
          </cell>
          <cell r="F56">
            <v>2</v>
          </cell>
          <cell r="I56">
            <v>3</v>
          </cell>
        </row>
        <row r="57">
          <cell r="A57" t="str">
            <v>ChinaTWA2</v>
          </cell>
          <cell r="B57" t="str">
            <v>China</v>
          </cell>
          <cell r="C57" t="str">
            <v>TWA2</v>
          </cell>
          <cell r="D57" t="str">
            <v>Are there any restrictions on the number of renewals of a TWA contract?</v>
          </cell>
          <cell r="E57" t="str">
            <v>A temp agency shall conclude a fixed-term employment contract of at least two years with a temporary worker. Fixed-term contracts may only be renewed twice.</v>
          </cell>
          <cell r="F57" t="str">
            <v>Yes</v>
          </cell>
          <cell r="I57">
            <v>4</v>
          </cell>
        </row>
        <row r="58">
          <cell r="A58" t="str">
            <v>ChinaTWA3</v>
          </cell>
          <cell r="B58" t="str">
            <v>China</v>
          </cell>
          <cell r="C58" t="str">
            <v>TWA3</v>
          </cell>
          <cell r="D58" t="str">
            <v>Maximum cumulated duration of temporary work contractse</v>
          </cell>
          <cell r="E58" t="str">
            <v>A temp agency shall conclude a fixed-term employment contract of at least two years with a temporary worker. Maximum cumulated duration of a fixed-term contract is 10 years.</v>
          </cell>
          <cell r="F58">
            <v>120</v>
          </cell>
          <cell r="I58">
            <v>1</v>
          </cell>
        </row>
        <row r="59">
          <cell r="A59" t="str">
            <v>ChinaTWA4</v>
          </cell>
          <cell r="B59" t="str">
            <v>China</v>
          </cell>
          <cell r="C59" t="str">
            <v>TWA4</v>
          </cell>
          <cell r="D59" t="str">
            <v>Authorisation or reporting requirements</v>
          </cell>
          <cell r="E59" t="str">
            <v>Temp agencies shall be established in accordance with relevant provisions of the Company Law and have registered capital of not less than Rmb500 000. There is no obligation in the Employment Contract Law for ongoing reporting to authorities.</v>
          </cell>
          <cell r="F59">
            <v>1</v>
          </cell>
          <cell r="I59">
            <v>2</v>
          </cell>
        </row>
        <row r="60">
          <cell r="A60" t="str">
            <v>ChinaTWA5</v>
          </cell>
          <cell r="B60" t="str">
            <v>China</v>
          </cell>
          <cell r="C60" t="str">
            <v>TWA5</v>
          </cell>
          <cell r="D60" t="str">
            <v>Equal treatment for TWA workers</v>
          </cell>
          <cell r="E60" t="str">
            <v>Temporary workers have the right to the same pay for the same work as the workers of the employment of temporary workers. If the employer of temporary workers does not have workers inte same positions, the labour compensation of the temporary workers shall be determined with reference to the labur compensation of workers in identical or similar positions in the place where the employer of temporary workers is located.</v>
          </cell>
          <cell r="F60">
            <v>2</v>
          </cell>
          <cell r="I60">
            <v>6</v>
          </cell>
        </row>
        <row r="61">
          <cell r="A61" t="str">
            <v>ChinaCD1</v>
          </cell>
          <cell r="B61" t="str">
            <v>China</v>
          </cell>
          <cell r="C61" t="str">
            <v>CD1</v>
          </cell>
          <cell r="D61" t="str">
            <v>Definition of collective dismissal</v>
          </cell>
          <cell r="E61"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F61">
            <v>4</v>
          </cell>
          <cell r="I61">
            <v>6</v>
          </cell>
        </row>
        <row r="62">
          <cell r="A62" t="str">
            <v>ChinaCD2</v>
          </cell>
          <cell r="B62" t="str">
            <v>China</v>
          </cell>
          <cell r="C62" t="str">
            <v>CD2</v>
          </cell>
          <cell r="D62" t="str">
            <v>Additional notification requirements in case of collective dismissals</v>
          </cell>
          <cell r="E62"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F62">
            <v>1</v>
          </cell>
          <cell r="I62">
            <v>3</v>
          </cell>
        </row>
        <row r="63">
          <cell r="A63" t="str">
            <v>ChinaCD3</v>
          </cell>
          <cell r="B63" t="str">
            <v>China</v>
          </cell>
          <cell r="C63" t="str">
            <v>CD3</v>
          </cell>
          <cell r="D63" t="str">
            <v>Additional delays involved in case of collective dismissals</v>
          </cell>
          <cell r="E63" t="str">
            <v>No additional delays.</v>
          </cell>
          <cell r="F63">
            <v>0</v>
          </cell>
          <cell r="I63">
            <v>0</v>
          </cell>
        </row>
        <row r="64">
          <cell r="A64" t="str">
            <v>ChinaCD4</v>
          </cell>
          <cell r="B64" t="str">
            <v>China</v>
          </cell>
          <cell r="C64" t="str">
            <v>CD4</v>
          </cell>
          <cell r="D64" t="str">
            <v>Other special costs to employers in case of collective dismissals</v>
          </cell>
          <cell r="E64"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v>
          </cell>
          <cell r="F64">
            <v>1</v>
          </cell>
          <cell r="I64">
            <v>3</v>
          </cell>
        </row>
        <row r="65">
          <cell r="A65" t="str">
            <v>EstoniaEPL1A</v>
          </cell>
          <cell r="B65" t="str">
            <v>Estonia</v>
          </cell>
          <cell r="C65" t="str">
            <v>EPL1A</v>
          </cell>
          <cell r="D65" t="str">
            <v>Notification proceduresa</v>
          </cell>
          <cell r="E65" t="str">
            <v xml:space="preserve">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v>
          </cell>
          <cell r="F65">
            <v>1</v>
          </cell>
          <cell r="I65">
            <v>2</v>
          </cell>
        </row>
        <row r="66">
          <cell r="A66" t="str">
            <v>EstoniaEPL1B</v>
          </cell>
          <cell r="B66" t="str">
            <v>Estonia</v>
          </cell>
          <cell r="C66" t="str">
            <v>EPL1B</v>
          </cell>
          <cell r="D66" t="str">
            <v>Delay before notice can starta</v>
          </cell>
          <cell r="E66"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F66">
            <v>1</v>
          </cell>
          <cell r="I66">
            <v>0</v>
          </cell>
        </row>
        <row r="67">
          <cell r="A67" t="str">
            <v>EstoniaEPL2A1, EPL2A2, EPL2A3</v>
          </cell>
          <cell r="B67" t="str">
            <v>Estonia</v>
          </cell>
          <cell r="C67" t="str">
            <v>EPL2A1, EPL2A2, EPL2A3</v>
          </cell>
          <cell r="D67" t="str">
            <v>Notice / tenurea</v>
          </cell>
          <cell r="E67" t="str">
            <v>An employee is requierd to notify an employee of termination of the employment contract in writing: (1) upon liquidation of the enterprise, agency or other organisation: 2 months; (2) upon layoff of employees: 2m&lt;5y, 3m&lt;10y, 4m&lt;20y; (3) unsuitability of employee: 1 month. 9 months tenure: (2+2+1)/3 = 1.7; 4 years tenure: (2+2+1)/3=1.7; 20 years tenure: (2+4+1)/3=2.3</v>
          </cell>
          <cell r="F67">
            <v>1.7</v>
          </cell>
          <cell r="G67">
            <v>1.7</v>
          </cell>
          <cell r="H67">
            <v>2.2999999999999998</v>
          </cell>
          <cell r="I67">
            <v>5</v>
          </cell>
          <cell r="J67">
            <v>3</v>
          </cell>
          <cell r="K67">
            <v>1</v>
          </cell>
        </row>
        <row r="68">
          <cell r="A68" t="str">
            <v>EstoniaEPL2B1, EPL2B2, EPL2B3</v>
          </cell>
          <cell r="B68" t="str">
            <v>Estonia</v>
          </cell>
          <cell r="C68" t="str">
            <v>EPL2B1, EPL2B2, EPL2B3</v>
          </cell>
          <cell r="D68" t="str">
            <v>Severance pay / tenurea</v>
          </cell>
          <cell r="E68" t="str">
            <v>Severance payment cases: (1) upon liquidation of the enterprise, layoff of employees or bankruptcy: 2m&lt;5y, 3m&lt;10y, 4m&lt;20y. (2) unsuitability of employee: 1 month. Calculation: 9 months: (2+2+1)/3=1.67; 4 years: (2+2+1)/3=1.67; 20 years: (4+4+1)/3=3</v>
          </cell>
          <cell r="F68">
            <v>1.67</v>
          </cell>
          <cell r="G68">
            <v>1.67</v>
          </cell>
          <cell r="H68">
            <v>3</v>
          </cell>
          <cell r="I68">
            <v>3</v>
          </cell>
          <cell r="J68">
            <v>3</v>
          </cell>
          <cell r="K68">
            <v>1</v>
          </cell>
        </row>
        <row r="69">
          <cell r="A69" t="str">
            <v>EstoniaEPL3A</v>
          </cell>
          <cell r="B69" t="str">
            <v>Estonia</v>
          </cell>
          <cell r="C69" t="str">
            <v>EPL3A</v>
          </cell>
          <cell r="D69" t="str">
            <v>Definition of justified or unfair dismissal</v>
          </cell>
          <cell r="E69"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F69">
            <v>2</v>
          </cell>
          <cell r="I69">
            <v>4</v>
          </cell>
        </row>
        <row r="70">
          <cell r="A70" t="str">
            <v>EstoniaEPL3B</v>
          </cell>
          <cell r="B70" t="str">
            <v>Estonia</v>
          </cell>
          <cell r="C70" t="str">
            <v>EPL3B</v>
          </cell>
          <cell r="D70" t="str">
            <v>Trial period</v>
          </cell>
          <cell r="E70" t="str">
            <v>A probationary period shall not exceed 4 months</v>
          </cell>
          <cell r="F70">
            <v>4</v>
          </cell>
          <cell r="I70">
            <v>4</v>
          </cell>
        </row>
        <row r="71">
          <cell r="A71" t="str">
            <v>EstoniaEPL3C</v>
          </cell>
          <cell r="B71" t="str">
            <v>Estonia</v>
          </cell>
          <cell r="C71" t="str">
            <v>EPL3C</v>
          </cell>
          <cell r="D71" t="str">
            <v>compensation following unfair dismissalb</v>
          </cell>
          <cell r="E71" t="str">
            <v>Compensation up to six months wages, subject to the circumstances of the employment contract and the nature of the offence upon termination of the employment contract.</v>
          </cell>
          <cell r="F71">
            <v>6</v>
          </cell>
          <cell r="I71">
            <v>1</v>
          </cell>
        </row>
        <row r="72">
          <cell r="A72" t="str">
            <v>EstoniaEPL3D</v>
          </cell>
          <cell r="B72" t="str">
            <v>Estonia</v>
          </cell>
          <cell r="C72" t="str">
            <v>EPL3D</v>
          </cell>
          <cell r="D72" t="str">
            <v>Possibility of reinstatement following unfair dismissal</v>
          </cell>
          <cell r="E72"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F72">
            <v>3</v>
          </cell>
          <cell r="I72">
            <v>6</v>
          </cell>
        </row>
        <row r="73">
          <cell r="A73" t="str">
            <v>EstoniaEPL3E</v>
          </cell>
          <cell r="B73" t="str">
            <v>Estonia</v>
          </cell>
          <cell r="C73" t="str">
            <v>EPL3E</v>
          </cell>
          <cell r="D73" t="str">
            <v>Maximum time for claim</v>
          </cell>
          <cell r="E73" t="str">
            <v>The limitation period for filing a claim to contenst the justification for termination of an employment contract is one month.</v>
          </cell>
          <cell r="F73">
            <v>1</v>
          </cell>
          <cell r="I73">
            <v>1</v>
          </cell>
        </row>
        <row r="74">
          <cell r="A74" t="str">
            <v>EstoniaFT1</v>
          </cell>
          <cell r="B74" t="str">
            <v>Estonia</v>
          </cell>
          <cell r="C74" t="str">
            <v>FT1</v>
          </cell>
          <cell r="D74" t="str">
            <v>Valid cases for use of fixed-term contracts, other than  “objective”  or “material” situationc</v>
          </cell>
          <cell r="E74" t="str">
            <v>There are some valid cases for use of fixed-term contracts, other than "objective" or "material" situation for example the director of a state museum, members of the teaching staff or research staff of a university, etc.</v>
          </cell>
          <cell r="F74">
            <v>1</v>
          </cell>
          <cell r="I74">
            <v>4</v>
          </cell>
        </row>
        <row r="75">
          <cell r="A75" t="str">
            <v>EstoniaFT2</v>
          </cell>
          <cell r="B75" t="str">
            <v>Estonia</v>
          </cell>
          <cell r="C75" t="str">
            <v>FT2</v>
          </cell>
          <cell r="D75" t="str">
            <v>Maximum number of successive fixed-term contractsd</v>
          </cell>
          <cell r="E75" t="str">
            <v>If an employment contract for completion of a specific t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F75">
            <v>2</v>
          </cell>
          <cell r="I75">
            <v>4</v>
          </cell>
        </row>
        <row r="76">
          <cell r="A76" t="str">
            <v>EstoniaFT3</v>
          </cell>
          <cell r="B76" t="str">
            <v>Estonia</v>
          </cell>
          <cell r="C76" t="str">
            <v>FT3</v>
          </cell>
          <cell r="D76" t="str">
            <v>Maximum cumulated duration of successive fixed-term contracts</v>
          </cell>
          <cell r="E76" t="str">
            <v>The law does not specify any limits to the number of fixed term contracts if separate valid objective reasons for each new contract cannot be given. A fixed term employment contract can be entered into not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F76">
            <v>120</v>
          </cell>
          <cell r="I76">
            <v>0</v>
          </cell>
        </row>
        <row r="77">
          <cell r="A77" t="str">
            <v>EstoniaTWA1</v>
          </cell>
          <cell r="B77" t="str">
            <v>Estonia</v>
          </cell>
          <cell r="C77" t="str">
            <v>TWA1</v>
          </cell>
          <cell r="D77" t="str">
            <v>Types of work for which TWA employment is legal</v>
          </cell>
          <cell r="E77" t="str">
            <v>TWA contracts are allowed in all types of work.</v>
          </cell>
          <cell r="F77">
            <v>4</v>
          </cell>
          <cell r="I77">
            <v>0</v>
          </cell>
        </row>
        <row r="78">
          <cell r="A78" t="str">
            <v>EstoniaTWA2</v>
          </cell>
          <cell r="B78" t="str">
            <v>Estonia</v>
          </cell>
          <cell r="C78" t="str">
            <v>TWA2</v>
          </cell>
          <cell r="D78" t="str">
            <v>Are there any restrictions on the number of renewals of a TWA contract?</v>
          </cell>
          <cell r="E78" t="str">
            <v>No restrictions.</v>
          </cell>
          <cell r="F78" t="str">
            <v>No</v>
          </cell>
          <cell r="I78">
            <v>2</v>
          </cell>
        </row>
        <row r="79">
          <cell r="A79" t="str">
            <v>EstoniaTWA3</v>
          </cell>
          <cell r="B79" t="str">
            <v>Estonia</v>
          </cell>
          <cell r="C79" t="str">
            <v>TWA3</v>
          </cell>
          <cell r="D79" t="str">
            <v>Maximum cumulated duration of temporary work contractse</v>
          </cell>
          <cell r="E79" t="str">
            <v>No limits.</v>
          </cell>
          <cell r="F79">
            <v>100</v>
          </cell>
          <cell r="I79">
            <v>0</v>
          </cell>
        </row>
        <row r="80">
          <cell r="A80" t="str">
            <v>EstoniaTWA4</v>
          </cell>
          <cell r="B80" t="str">
            <v>Estonia</v>
          </cell>
          <cell r="C80" t="str">
            <v>TWA4</v>
          </cell>
          <cell r="D80" t="str">
            <v>Authorisation or reporting requirements</v>
          </cell>
          <cell r="E80" t="str">
            <v>No</v>
          </cell>
          <cell r="F80">
            <v>0</v>
          </cell>
          <cell r="I80">
            <v>0</v>
          </cell>
        </row>
        <row r="81">
          <cell r="A81" t="str">
            <v>EstoniaTWA5</v>
          </cell>
          <cell r="B81" t="str">
            <v>Estonia</v>
          </cell>
          <cell r="C81" t="str">
            <v>TWA5</v>
          </cell>
          <cell r="D81" t="str">
            <v>Equal treatment for TWA workers</v>
          </cell>
          <cell r="E81" t="str">
            <v>Yes.</v>
          </cell>
          <cell r="F81">
            <v>2</v>
          </cell>
          <cell r="I81">
            <v>6</v>
          </cell>
        </row>
        <row r="82">
          <cell r="A82" t="str">
            <v>EstoniaCD1</v>
          </cell>
          <cell r="B82" t="str">
            <v>Estonia</v>
          </cell>
          <cell r="C82" t="str">
            <v>CD1</v>
          </cell>
          <cell r="D82" t="str">
            <v>Definition of collective dismissal</v>
          </cell>
          <cell r="E82" t="str">
            <v>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v>
          </cell>
          <cell r="F82">
            <v>4</v>
          </cell>
          <cell r="I82">
            <v>6</v>
          </cell>
        </row>
        <row r="83">
          <cell r="A83" t="str">
            <v>EstoniaCD2</v>
          </cell>
          <cell r="B83" t="str">
            <v>Estonia</v>
          </cell>
          <cell r="C83" t="str">
            <v>CD2</v>
          </cell>
          <cell r="D83" t="str">
            <v>Additional notification requirements in case of collective dismissals</v>
          </cell>
          <cell r="E83" t="str">
            <v>Employer has the obligation to inform and consult with representative of employees and apply for the approval of the labour inspectorate.</v>
          </cell>
          <cell r="F83">
            <v>2</v>
          </cell>
          <cell r="I83">
            <v>6</v>
          </cell>
        </row>
        <row r="84">
          <cell r="A84" t="str">
            <v>EstoniaCD3</v>
          </cell>
          <cell r="B84" t="str">
            <v>Estonia</v>
          </cell>
          <cell r="C84" t="str">
            <v>CD3</v>
          </cell>
          <cell r="D84" t="str">
            <v>Additional delays involved in case of collective dismissals</v>
          </cell>
          <cell r="E84"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 in time.
Delay involved before notice can start: 15 days for employees to submit, their written proposals and opinions with regard to the termination of employment contracts.</v>
          </cell>
          <cell r="F84">
            <v>15</v>
          </cell>
          <cell r="I84">
            <v>1</v>
          </cell>
        </row>
        <row r="85">
          <cell r="A85" t="str">
            <v>EstoniaCD4</v>
          </cell>
          <cell r="B85" t="str">
            <v>Estonia</v>
          </cell>
          <cell r="C85" t="str">
            <v>CD4</v>
          </cell>
          <cell r="D85" t="str">
            <v>Other special costs to employers in case of collective dismissals</v>
          </cell>
          <cell r="E85" t="str">
            <v>No additional requirements</v>
          </cell>
          <cell r="F85">
            <v>0</v>
          </cell>
          <cell r="I85">
            <v>0</v>
          </cell>
        </row>
        <row r="86">
          <cell r="A86" t="str">
            <v>IcelandEPL1A</v>
          </cell>
          <cell r="B86" t="str">
            <v>Iceland</v>
          </cell>
          <cell r="C86" t="str">
            <v>EPL1A</v>
          </cell>
          <cell r="D86" t="str">
            <v>Notification proceduresa</v>
          </cell>
          <cell r="E86" t="str">
            <v>A worker must be notified of dismissal in writing.</v>
          </cell>
          <cell r="F86">
            <v>1</v>
          </cell>
          <cell r="I86">
            <v>2</v>
          </cell>
        </row>
        <row r="87">
          <cell r="A87" t="str">
            <v>IcelandEPL1B</v>
          </cell>
          <cell r="B87" t="str">
            <v>Iceland</v>
          </cell>
          <cell r="C87" t="str">
            <v>EPL1B</v>
          </cell>
          <cell r="D87" t="str">
            <v>Delay before notice can starta</v>
          </cell>
          <cell r="E87" t="str">
            <v xml:space="preserve">After notification in writing, the notice period begins first day of the month following notification.
Calculation: 1 day for notice in writing, 15 days on average for first day of following month. </v>
          </cell>
          <cell r="F87">
            <v>16</v>
          </cell>
          <cell r="I87">
            <v>2</v>
          </cell>
        </row>
        <row r="88">
          <cell r="A88" t="str">
            <v>IcelandEPL2A1, EPL2A2, EPL2A3</v>
          </cell>
          <cell r="B88" t="str">
            <v>Iceland</v>
          </cell>
          <cell r="C88" t="str">
            <v>EPL2A1, EPL2A2, EPL2A3</v>
          </cell>
          <cell r="D88" t="str">
            <v>Notice / tenurea</v>
          </cell>
          <cell r="E88" t="str">
            <v xml:space="preserve">Under minimum standards legislat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F88">
            <v>2</v>
          </cell>
          <cell r="G88">
            <v>3</v>
          </cell>
          <cell r="H88">
            <v>3</v>
          </cell>
          <cell r="I88">
            <v>6</v>
          </cell>
          <cell r="J88">
            <v>5</v>
          </cell>
          <cell r="K88">
            <v>2</v>
          </cell>
        </row>
        <row r="89">
          <cell r="A89" t="str">
            <v>IcelandEPL2B1, EPL2B2, EPL2B3</v>
          </cell>
          <cell r="B89" t="str">
            <v>Iceland</v>
          </cell>
          <cell r="C89" t="str">
            <v>EPL2B1, EPL2B2, EPL2B3</v>
          </cell>
          <cell r="D89" t="str">
            <v>Severance pay / tenurea</v>
          </cell>
          <cell r="E89" t="str">
            <v>There is no legal right to severance pay</v>
          </cell>
          <cell r="F89">
            <v>0</v>
          </cell>
          <cell r="G89">
            <v>0</v>
          </cell>
          <cell r="H89">
            <v>0</v>
          </cell>
          <cell r="I89">
            <v>0</v>
          </cell>
          <cell r="J89">
            <v>0</v>
          </cell>
          <cell r="K89">
            <v>0</v>
          </cell>
        </row>
        <row r="90">
          <cell r="A90" t="str">
            <v>IcelandEPL3A</v>
          </cell>
          <cell r="B90" t="str">
            <v>Iceland</v>
          </cell>
          <cell r="C90" t="str">
            <v>EPL3A</v>
          </cell>
          <cell r="D90" t="str">
            <v>Definition of justified or unfair dismissal</v>
          </cell>
          <cell r="E90"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F90">
            <v>0</v>
          </cell>
          <cell r="I90">
            <v>0</v>
          </cell>
        </row>
        <row r="91">
          <cell r="A91" t="str">
            <v>IcelandEPL3B</v>
          </cell>
          <cell r="B91" t="str">
            <v>Iceland</v>
          </cell>
          <cell r="C91" t="str">
            <v>EPL3B</v>
          </cell>
          <cell r="D91" t="str">
            <v>Trial period</v>
          </cell>
          <cell r="E91" t="str">
            <v>3 months</v>
          </cell>
          <cell r="F91">
            <v>3</v>
          </cell>
          <cell r="I91">
            <v>4</v>
          </cell>
        </row>
        <row r="92">
          <cell r="A92" t="str">
            <v>IcelandEPL3C</v>
          </cell>
          <cell r="B92" t="str">
            <v>Iceland</v>
          </cell>
          <cell r="C92" t="str">
            <v>EPL3C</v>
          </cell>
          <cell r="D92" t="str">
            <v>compensation following unfair dismissalb</v>
          </cell>
          <cell r="E92" t="str">
            <v>Information not readily available.</v>
          </cell>
          <cell r="F92" t="str">
            <v>..</v>
          </cell>
          <cell r="I92" t="e">
            <v>#N/A</v>
          </cell>
        </row>
        <row r="93">
          <cell r="A93" t="str">
            <v>IcelandEPL3D</v>
          </cell>
          <cell r="B93" t="str">
            <v>Iceland</v>
          </cell>
          <cell r="C93" t="str">
            <v>EPL3D</v>
          </cell>
          <cell r="D93" t="str">
            <v>Possibility of reinstatement following unfair dismissal</v>
          </cell>
          <cell r="E93" t="str">
            <v>If the termination is found to be unfair, the court does not typically order reinstatement.</v>
          </cell>
          <cell r="F93">
            <v>0</v>
          </cell>
          <cell r="I93">
            <v>0</v>
          </cell>
        </row>
        <row r="94">
          <cell r="A94" t="str">
            <v>IcelandEPL3E</v>
          </cell>
          <cell r="B94" t="str">
            <v>Iceland</v>
          </cell>
          <cell r="C94" t="str">
            <v>EPL3E</v>
          </cell>
          <cell r="D94" t="str">
            <v>Maximum time for claim</v>
          </cell>
          <cell r="E94" t="str">
            <v>Generally, dispute cases lapse if not claimed without four years.</v>
          </cell>
          <cell r="F94">
            <v>48</v>
          </cell>
          <cell r="I94">
            <v>6</v>
          </cell>
        </row>
        <row r="95">
          <cell r="A95" t="str">
            <v>IcelandFT1</v>
          </cell>
          <cell r="B95" t="str">
            <v>Iceland</v>
          </cell>
          <cell r="C95" t="str">
            <v>FT1</v>
          </cell>
          <cell r="D95" t="str">
            <v>Valid cases for use of fixed-term contracts, other than  “objective”  or “material” situationc</v>
          </cell>
          <cell r="E95" t="str">
            <v>No restrictions</v>
          </cell>
          <cell r="F95">
            <v>3</v>
          </cell>
          <cell r="I95">
            <v>0</v>
          </cell>
        </row>
        <row r="96">
          <cell r="A96" t="str">
            <v>IcelandFT2</v>
          </cell>
          <cell r="B96" t="str">
            <v>Iceland</v>
          </cell>
          <cell r="C96" t="str">
            <v>FT2</v>
          </cell>
          <cell r="D96" t="str">
            <v>Maximum number of successive fixed-term contractsd</v>
          </cell>
          <cell r="E96" t="str">
            <v>No limit.</v>
          </cell>
          <cell r="F96">
            <v>100</v>
          </cell>
          <cell r="I96">
            <v>0</v>
          </cell>
        </row>
        <row r="97">
          <cell r="A97" t="str">
            <v>IcelandFT3</v>
          </cell>
          <cell r="B97" t="str">
            <v>Iceland</v>
          </cell>
          <cell r="C97" t="str">
            <v>FT3</v>
          </cell>
          <cell r="D97" t="str">
            <v>Maximum cumulated duration of successive fixed-term contracts</v>
          </cell>
          <cell r="E97" t="str">
            <v>Maximum length of fixed term contracts is 24 months including renewals. Fixed-term contracts for managerial personnel are not time-limited.</v>
          </cell>
          <cell r="F97">
            <v>24</v>
          </cell>
          <cell r="I97">
            <v>3</v>
          </cell>
        </row>
        <row r="98">
          <cell r="A98" t="str">
            <v>IcelandTWA1</v>
          </cell>
          <cell r="B98" t="str">
            <v>Iceland</v>
          </cell>
          <cell r="C98" t="str">
            <v>TWA1</v>
          </cell>
          <cell r="D98" t="str">
            <v>Types of work for which TWA employment is legal</v>
          </cell>
          <cell r="E98" t="str">
            <v>Generally allowed. However, TWA’s are not permitted to hire out a worker to a user firm if the worker has worked directly for the user firm in the previous six months.</v>
          </cell>
          <cell r="F98">
            <v>4</v>
          </cell>
          <cell r="I98">
            <v>0</v>
          </cell>
        </row>
        <row r="99">
          <cell r="A99" t="str">
            <v>IcelandTWA2</v>
          </cell>
          <cell r="B99" t="str">
            <v>Iceland</v>
          </cell>
          <cell r="C99" t="str">
            <v>TWA2</v>
          </cell>
          <cell r="D99" t="str">
            <v>Are there any restrictions on the number of renewals of a TWA contract?</v>
          </cell>
          <cell r="E99" t="str">
            <v>No</v>
          </cell>
          <cell r="F99" t="str">
            <v>No</v>
          </cell>
          <cell r="I99">
            <v>2</v>
          </cell>
        </row>
        <row r="100">
          <cell r="A100" t="str">
            <v>IcelandTWA3</v>
          </cell>
          <cell r="B100" t="str">
            <v>Iceland</v>
          </cell>
          <cell r="C100" t="str">
            <v>TWA3</v>
          </cell>
          <cell r="D100" t="str">
            <v>Maximum cumulated duration of temporary work contractse</v>
          </cell>
          <cell r="E100" t="str">
            <v>No limit</v>
          </cell>
          <cell r="F100">
            <v>100</v>
          </cell>
          <cell r="I100">
            <v>0</v>
          </cell>
        </row>
        <row r="101">
          <cell r="A101" t="str">
            <v>IcelandTWA4</v>
          </cell>
          <cell r="B101" t="str">
            <v>Iceland</v>
          </cell>
          <cell r="C101" t="str">
            <v>TWA4</v>
          </cell>
          <cell r="D101" t="str">
            <v>Authorisation or reporting requirements</v>
          </cell>
          <cell r="E101" t="str">
            <v>Temporary work agencies must notify and report regularly to the Directorate of Labour.</v>
          </cell>
          <cell r="F101">
            <v>3</v>
          </cell>
          <cell r="I101">
            <v>6</v>
          </cell>
        </row>
        <row r="102">
          <cell r="A102" t="str">
            <v>IcelandTWA5</v>
          </cell>
          <cell r="B102" t="str">
            <v>Iceland</v>
          </cell>
          <cell r="C102" t="str">
            <v>TWA5</v>
          </cell>
          <cell r="D102" t="str">
            <v>Equal treatment for TWA workers</v>
          </cell>
          <cell r="E102" t="str">
            <v>TWA workers enjoy the same rights as guaranteed to other workers and shall receive the same pay and benefits as agreed in collective agreements.</v>
          </cell>
          <cell r="F102">
            <v>2</v>
          </cell>
          <cell r="I102">
            <v>6</v>
          </cell>
        </row>
        <row r="103">
          <cell r="A103" t="str">
            <v>IcelandCD1</v>
          </cell>
          <cell r="B103" t="str">
            <v>Iceland</v>
          </cell>
          <cell r="C103" t="str">
            <v>CD1</v>
          </cell>
          <cell r="D103" t="str">
            <v>Definition of collective dismissal</v>
          </cell>
          <cell r="E103"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v>
          </cell>
          <cell r="F103">
            <v>3</v>
          </cell>
          <cell r="I103">
            <v>4.5</v>
          </cell>
        </row>
        <row r="104">
          <cell r="A104" t="str">
            <v>IcelandCD2</v>
          </cell>
          <cell r="B104" t="str">
            <v>Iceland</v>
          </cell>
          <cell r="C104" t="str">
            <v>CD2</v>
          </cell>
          <cell r="D104" t="str">
            <v>Additional notification requirements in case of collective dismissals</v>
          </cell>
          <cell r="E104" t="str">
            <v xml:space="preserve">An employer contemplating collective dismissal must consult with the workers’ representatives or with the workers and provide them with the opportunity to suggest ways to avoid or limit the dismissals or their impact. The employer must also notify the regional employment office. </v>
          </cell>
          <cell r="F104">
            <v>2</v>
          </cell>
          <cell r="I104">
            <v>6</v>
          </cell>
        </row>
        <row r="105">
          <cell r="A105" t="str">
            <v>IcelandCD3</v>
          </cell>
          <cell r="B105" t="str">
            <v>Iceland</v>
          </cell>
          <cell r="C105" t="str">
            <v>CD3</v>
          </cell>
          <cell r="D105" t="str">
            <v>Additional delays involved in case of collective dismissals</v>
          </cell>
          <cell r="E105" t="str">
            <v>The time taken for consultation between the employer and the workers' representatives varies widely.</v>
          </cell>
          <cell r="F105" t="str">
            <v>..</v>
          </cell>
          <cell r="I105" t="str">
            <v>..</v>
          </cell>
        </row>
        <row r="106">
          <cell r="A106" t="str">
            <v>IcelandCD4</v>
          </cell>
          <cell r="B106" t="str">
            <v>Iceland</v>
          </cell>
          <cell r="C106" t="str">
            <v>CD4</v>
          </cell>
          <cell r="D106" t="str">
            <v>Other special costs to employers in case of collective dismissals</v>
          </cell>
          <cell r="E106" t="str">
            <v>No additional costs.</v>
          </cell>
          <cell r="F106">
            <v>0</v>
          </cell>
          <cell r="I106">
            <v>0</v>
          </cell>
        </row>
        <row r="107">
          <cell r="A107" t="str">
            <v>IndiaEPL1A</v>
          </cell>
          <cell r="B107" t="str">
            <v>India</v>
          </cell>
          <cell r="C107" t="str">
            <v>EPL1A</v>
          </cell>
          <cell r="D107" t="str">
            <v>Notification proceduresa</v>
          </cell>
          <cell r="E107" t="str">
            <v>Firms are required to give workers written notice of dismissal and employees must be given sufficient warning and opportunity to respond. For firms with 100 or more workers, the employer must also inform the relevant government authority before retrenchments can take place and the authority must give permission before the dismissal can take place. 
Calculation: average of small firms (written statement =1) and large firms (authorisation required = 3)</v>
          </cell>
          <cell r="F107">
            <v>2</v>
          </cell>
          <cell r="I107">
            <v>4</v>
          </cell>
        </row>
        <row r="108">
          <cell r="A108" t="str">
            <v>IndiaEPL1B</v>
          </cell>
          <cell r="B108" t="str">
            <v>India</v>
          </cell>
          <cell r="C108" t="str">
            <v>EPL1B</v>
          </cell>
          <cell r="D108" t="str">
            <v>Delay before notice can starta</v>
          </cell>
          <cell r="E108" t="str">
            <v>Written notice of dismissal can be handed to the employee. Courts may require that an employee be given warning prior to dismissal and a fair hearing. For large firms, authorisation must be received from the relevant government authority. Typically, the firm is required to give the government authority 60 days notice of dismissal in which to make a decision. Where an employee is dismissed for disciplinary reasons, courts usually examine whether appropriate warning was given prior to dismissal.
Calculation: average of small firms (1 day for written notice + 6 days for prior warning) and large firms (1 day for written notice + 6 days for prior warning + 60 days for permission) = 37 days</v>
          </cell>
          <cell r="F108">
            <v>37</v>
          </cell>
          <cell r="I108">
            <v>5</v>
          </cell>
        </row>
        <row r="109">
          <cell r="A109" t="str">
            <v>IndiaEPL2A1, EPL2A2, EPL2A3</v>
          </cell>
          <cell r="B109" t="str">
            <v>India</v>
          </cell>
          <cell r="C109" t="str">
            <v>EPL2A1, EPL2A2, EPL2A3</v>
          </cell>
          <cell r="D109" t="str">
            <v>Notice / tenurea</v>
          </cell>
          <cell r="E109" t="str">
            <v>Workers with more than one year’s tenure are entitled to one month’s notice or payment in lieu of notice. Firms with 100 or more workers are required to give workers three months’ notice or payment in lieu.</v>
          </cell>
          <cell r="F109">
            <v>0</v>
          </cell>
          <cell r="G109">
            <v>2</v>
          </cell>
          <cell r="H109">
            <v>2</v>
          </cell>
          <cell r="I109">
            <v>0</v>
          </cell>
          <cell r="J109">
            <v>4</v>
          </cell>
          <cell r="K109">
            <v>1</v>
          </cell>
        </row>
        <row r="110">
          <cell r="A110" t="str">
            <v>IndiaEPL2B1, EPL2B2, EPL2B3</v>
          </cell>
          <cell r="B110" t="str">
            <v>India</v>
          </cell>
          <cell r="C110" t="str">
            <v>EPL2B1, EPL2B2, EPL2B3</v>
          </cell>
          <cell r="D110" t="str">
            <v>Severance pay / tenurea</v>
          </cell>
          <cell r="E110" t="str">
            <v>Workers with more than one year’s tenure who are dismissed for economic reasons or employee incapacity are entitled to 15 days pay for each completed year of continuous service or any part thereof exceeding six months.</v>
          </cell>
          <cell r="F110">
            <v>0</v>
          </cell>
          <cell r="G110">
            <v>2</v>
          </cell>
          <cell r="H110">
            <v>10</v>
          </cell>
          <cell r="I110">
            <v>0</v>
          </cell>
          <cell r="J110">
            <v>3</v>
          </cell>
          <cell r="K110">
            <v>3</v>
          </cell>
        </row>
        <row r="111">
          <cell r="A111" t="str">
            <v>IndiaEPL3A</v>
          </cell>
          <cell r="B111" t="str">
            <v>India</v>
          </cell>
          <cell r="C111" t="str">
            <v>EPL3A</v>
          </cell>
          <cell r="D111" t="str">
            <v>Definition of justified or unfair dismissal</v>
          </cell>
          <cell r="E111" t="str">
            <v>Fair: an employee can be dismissed on the charge of theft, habitual negligence of duty, disorderly behavior, bribery, lack of capability, financial irregularities or subordination. However, in most cases the employee is entitled to warning prior to dismissal and a fair hearing.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F111">
            <v>1</v>
          </cell>
          <cell r="I111">
            <v>2</v>
          </cell>
        </row>
        <row r="112">
          <cell r="A112" t="str">
            <v>IndiaEPL3B</v>
          </cell>
          <cell r="B112" t="str">
            <v>India</v>
          </cell>
          <cell r="C112" t="str">
            <v>EPL3B</v>
          </cell>
          <cell r="D112" t="str">
            <v>Trial period</v>
          </cell>
          <cell r="E112" t="str">
            <v>Employees appointed for a permanent post are usually kept on probation for a period of six
months to a year, during which time the employee’s suitability for the job can be assessed.
The law does not stipulate any maximum probation period.</v>
          </cell>
          <cell r="F112">
            <v>9</v>
          </cell>
          <cell r="I112">
            <v>3</v>
          </cell>
        </row>
        <row r="113">
          <cell r="A113" t="str">
            <v>IndiaEPL3C</v>
          </cell>
          <cell r="B113" t="str">
            <v>India</v>
          </cell>
          <cell r="C113" t="str">
            <v>EPL3C</v>
          </cell>
          <cell r="D113" t="str">
            <v>compensation following unfair dismissalb</v>
          </cell>
          <cell r="E113" t="str">
            <v>In the event that a dismissal is found to be unfair, the court may reinstate the worker with or without back pay. In extreme cases where the employer argues strongly against reinstatement, the court may award compensation instead of reinstatement. Labour courts typically take 3-4 years to settle disputes and make an award.
Typical compensation at 20 years tenure assuming that court takes 3.5 years to decide case: 42 months’ back pay.</v>
          </cell>
          <cell r="F113">
            <v>42</v>
          </cell>
          <cell r="I113">
            <v>6</v>
          </cell>
        </row>
        <row r="114">
          <cell r="A114" t="str">
            <v>IndiaEPL3D</v>
          </cell>
          <cell r="B114" t="str">
            <v>India</v>
          </cell>
          <cell r="C114" t="str">
            <v>EPL3D</v>
          </cell>
          <cell r="D114" t="str">
            <v>Possibility of reinstatement following unfair dismissal</v>
          </cell>
          <cell r="E114" t="str">
            <v xml:space="preserve">In most cases of unfair dismissal, the court orders reinstatement. </v>
          </cell>
          <cell r="F114">
            <v>3</v>
          </cell>
          <cell r="I114">
            <v>6</v>
          </cell>
        </row>
        <row r="115">
          <cell r="A115" t="str">
            <v>IndiaEPL3E</v>
          </cell>
          <cell r="B115" t="str">
            <v>India</v>
          </cell>
          <cell r="C115" t="str">
            <v>EPL3E</v>
          </cell>
          <cell r="D115" t="str">
            <v>Maximum time for claim</v>
          </cell>
          <cell r="E115" t="str">
            <v>There is no time limit for lodging a complaint about dismissal, although excessive delay may prejudice a worker’s case.</v>
          </cell>
          <cell r="F115">
            <v>100</v>
          </cell>
          <cell r="I115">
            <v>6</v>
          </cell>
        </row>
        <row r="116">
          <cell r="A116" t="str">
            <v>IndiaFT1</v>
          </cell>
          <cell r="B116" t="str">
            <v>India</v>
          </cell>
          <cell r="C116" t="str">
            <v>FT1</v>
          </cell>
          <cell r="D116" t="str">
            <v>Valid cases for use of fixed-term contracts, other than  “objective”  or “material” situationc</v>
          </cell>
          <cell r="E11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F116">
            <v>1</v>
          </cell>
          <cell r="I116">
            <v>4</v>
          </cell>
        </row>
        <row r="117">
          <cell r="A117" t="str">
            <v>IndiaFT2</v>
          </cell>
          <cell r="B117" t="str">
            <v>India</v>
          </cell>
          <cell r="C117" t="str">
            <v>FT2</v>
          </cell>
          <cell r="D117" t="str">
            <v>Maximum number of successive fixed-term contractsd</v>
          </cell>
          <cell r="E117" t="str">
            <v>No limits.</v>
          </cell>
          <cell r="F117">
            <v>100</v>
          </cell>
          <cell r="I117">
            <v>0</v>
          </cell>
        </row>
        <row r="118">
          <cell r="A118" t="str">
            <v>IndiaFT3</v>
          </cell>
          <cell r="B118" t="str">
            <v>India</v>
          </cell>
          <cell r="C118" t="str">
            <v>FT3</v>
          </cell>
          <cell r="D118" t="str">
            <v>Maximum cumulated duration of successive fixed-term contracts</v>
          </cell>
          <cell r="E118" t="str">
            <v>No limits.</v>
          </cell>
          <cell r="F118">
            <v>100</v>
          </cell>
          <cell r="I118">
            <v>0</v>
          </cell>
        </row>
        <row r="119">
          <cell r="A119" t="str">
            <v>IndiaTWA1</v>
          </cell>
          <cell r="B119" t="str">
            <v>India</v>
          </cell>
          <cell r="C119" t="str">
            <v>TWA1</v>
          </cell>
          <cell r="D119" t="str">
            <v>Types of work for which TWA employment is legal</v>
          </cell>
          <cell r="E119" t="str">
            <v>Generally allowed for non-core activities, with some industries or firms prohibited from using TWA workers.</v>
          </cell>
          <cell r="F119">
            <v>2</v>
          </cell>
          <cell r="I119">
            <v>3</v>
          </cell>
        </row>
        <row r="120">
          <cell r="A120" t="str">
            <v>IndiaTWA2</v>
          </cell>
          <cell r="B120" t="str">
            <v>India</v>
          </cell>
          <cell r="C120" t="str">
            <v>TWA2</v>
          </cell>
          <cell r="D120" t="str">
            <v>Are there any restrictions on the number of renewals of a TWA contract?</v>
          </cell>
          <cell r="E120" t="str">
            <v>No</v>
          </cell>
          <cell r="F120" t="str">
            <v>No</v>
          </cell>
          <cell r="I120">
            <v>2</v>
          </cell>
        </row>
        <row r="121">
          <cell r="A121" t="str">
            <v>IndiaTWA3</v>
          </cell>
          <cell r="B121" t="str">
            <v>India</v>
          </cell>
          <cell r="C121" t="str">
            <v>TWA3</v>
          </cell>
          <cell r="D121" t="str">
            <v>Maximum cumulated duration of temporary work contractse</v>
          </cell>
          <cell r="E121" t="str">
            <v>No limits.</v>
          </cell>
          <cell r="F121">
            <v>100</v>
          </cell>
          <cell r="I121">
            <v>0</v>
          </cell>
        </row>
        <row r="122">
          <cell r="A122" t="str">
            <v>IndiaTWA4</v>
          </cell>
          <cell r="B122" t="str">
            <v>India</v>
          </cell>
          <cell r="C122" t="str">
            <v>TWA4</v>
          </cell>
          <cell r="D122" t="str">
            <v>Authorisation or reporting requirements</v>
          </cell>
          <cell r="E12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F122">
            <v>3</v>
          </cell>
          <cell r="I122">
            <v>6</v>
          </cell>
        </row>
        <row r="123">
          <cell r="A123" t="str">
            <v>IndiaTWA5</v>
          </cell>
          <cell r="B123" t="str">
            <v>India</v>
          </cell>
          <cell r="C123" t="str">
            <v>TWA5</v>
          </cell>
          <cell r="D123" t="str">
            <v>Equal treatment for TWA workers</v>
          </cell>
          <cell r="E123" t="str">
            <v>The wage rates and working conditions of the contracted worker must be the same as those of a worker employed directly by the user firm to do the same type of work.</v>
          </cell>
          <cell r="F123">
            <v>2</v>
          </cell>
          <cell r="I123">
            <v>6</v>
          </cell>
        </row>
        <row r="124">
          <cell r="A124" t="str">
            <v>IndiaCD1</v>
          </cell>
          <cell r="B124" t="str">
            <v>India</v>
          </cell>
          <cell r="C124" t="str">
            <v>CD1</v>
          </cell>
          <cell r="D124" t="str">
            <v>Definition of collective dismissal</v>
          </cell>
          <cell r="E124" t="str">
            <v>There are no additional regulations for collective dismissals.</v>
          </cell>
          <cell r="F124">
            <v>0</v>
          </cell>
          <cell r="I124">
            <v>0</v>
          </cell>
        </row>
        <row r="125">
          <cell r="A125" t="str">
            <v>IndiaCD2</v>
          </cell>
          <cell r="B125" t="str">
            <v>India</v>
          </cell>
          <cell r="C125" t="str">
            <v>CD2</v>
          </cell>
          <cell r="D125" t="str">
            <v>Additional notification requirements in case of collective dismissals</v>
          </cell>
          <cell r="E125" t="str">
            <v>There are no additional regulations for collective dismissals.</v>
          </cell>
          <cell r="F125">
            <v>0</v>
          </cell>
          <cell r="I125">
            <v>0</v>
          </cell>
        </row>
        <row r="126">
          <cell r="A126" t="str">
            <v>IndiaCD3</v>
          </cell>
          <cell r="B126" t="str">
            <v>India</v>
          </cell>
          <cell r="C126" t="str">
            <v>CD3</v>
          </cell>
          <cell r="D126" t="str">
            <v>Additional delays involved in case of collective dismissals</v>
          </cell>
          <cell r="E126" t="str">
            <v>There are no additional regulations for collective dismissals.</v>
          </cell>
          <cell r="F126">
            <v>0</v>
          </cell>
          <cell r="I126">
            <v>0</v>
          </cell>
        </row>
        <row r="127">
          <cell r="A127" t="str">
            <v>IndiaCD4</v>
          </cell>
          <cell r="B127" t="str">
            <v>India</v>
          </cell>
          <cell r="C127" t="str">
            <v>CD4</v>
          </cell>
          <cell r="D127" t="str">
            <v>Other special costs to employers in case of collective dismissals</v>
          </cell>
          <cell r="E127" t="str">
            <v>There are no additional regulations for collective dismissals.</v>
          </cell>
          <cell r="F127">
            <v>0</v>
          </cell>
          <cell r="I127">
            <v>0</v>
          </cell>
        </row>
        <row r="128">
          <cell r="A128" t="str">
            <v>IndonesiaEPL1A</v>
          </cell>
          <cell r="B128" t="str">
            <v>Indonesia</v>
          </cell>
          <cell r="C128" t="str">
            <v>EPL1A</v>
          </cell>
          <cell r="D128" t="str">
            <v>Notification proceduresa</v>
          </cell>
          <cell r="E128"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F128">
            <v>3</v>
          </cell>
          <cell r="I128">
            <v>6</v>
          </cell>
        </row>
        <row r="129">
          <cell r="A129" t="str">
            <v>IndonesiaEPL1B</v>
          </cell>
          <cell r="B129" t="str">
            <v>Indonesia</v>
          </cell>
          <cell r="C129" t="str">
            <v>EPL1B</v>
          </cell>
          <cell r="D129" t="str">
            <v>Delay before notice can starta</v>
          </cell>
          <cell r="E129" t="str">
            <v>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v>
          </cell>
          <cell r="F129">
            <v>80</v>
          </cell>
          <cell r="I129">
            <v>6</v>
          </cell>
        </row>
        <row r="130">
          <cell r="A130" t="str">
            <v>IndonesiaEPL2A1, EPL2A2, EPL2A3</v>
          </cell>
          <cell r="B130" t="str">
            <v>Indonesia</v>
          </cell>
          <cell r="C130" t="str">
            <v>EPL2A1, EPL2A2, EPL2A3</v>
          </cell>
          <cell r="D130" t="str">
            <v>Notice / tenurea</v>
          </cell>
          <cell r="E130" t="str">
            <v>There is no notice period as dismissal must be approved by the institution for the settlement of industrial relations disputes.</v>
          </cell>
          <cell r="F130">
            <v>0</v>
          </cell>
          <cell r="G130">
            <v>0</v>
          </cell>
          <cell r="H130">
            <v>0</v>
          </cell>
          <cell r="I130">
            <v>0</v>
          </cell>
          <cell r="J130">
            <v>0</v>
          </cell>
          <cell r="K130">
            <v>0</v>
          </cell>
        </row>
        <row r="131">
          <cell r="A131" t="str">
            <v>IndonesiaEPL2B1, EPL2B2, EPL2B3</v>
          </cell>
          <cell r="B131" t="str">
            <v>Indonesia</v>
          </cell>
          <cell r="C131" t="str">
            <v>EPL2B1, EPL2B2, EPL2B3</v>
          </cell>
          <cell r="D131" t="str">
            <v>Severance pay / tenurea</v>
          </cell>
          <cell r="E131" t="str">
            <v>Dismissed workers are entitled to severance pay equal to one month’s wages for each year of service up to a maximum of nine months’ pay and a reward-for-service payment equal to two months’ pay for the first three years of service plus an additional one month’s pay for each three years of service thereafter. 
9 months: 1 month; 4 years: 4+2 months; 20 years: 9+7 months</v>
          </cell>
          <cell r="F131">
            <v>1</v>
          </cell>
          <cell r="G131">
            <v>6</v>
          </cell>
          <cell r="H131">
            <v>16</v>
          </cell>
          <cell r="I131">
            <v>2</v>
          </cell>
          <cell r="J131">
            <v>6</v>
          </cell>
          <cell r="K131">
            <v>5</v>
          </cell>
        </row>
        <row r="132">
          <cell r="A132" t="str">
            <v>IndonesiaEPL3A</v>
          </cell>
          <cell r="B132" t="str">
            <v>Indonesia</v>
          </cell>
          <cell r="C132" t="str">
            <v>EPL3A</v>
          </cell>
          <cell r="D132" t="str">
            <v>Definition of justified or unfair dismissal</v>
          </cell>
          <cell r="E132" t="str">
            <v>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has to be closed down due to continual losses suffered for two continuous years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v>
          </cell>
          <cell r="F132">
            <v>3</v>
          </cell>
          <cell r="I132">
            <v>6</v>
          </cell>
        </row>
        <row r="133">
          <cell r="A133" t="str">
            <v>IndonesiaEPL3B</v>
          </cell>
          <cell r="B133" t="str">
            <v>Indonesia</v>
          </cell>
          <cell r="C133" t="str">
            <v>EPL3B</v>
          </cell>
          <cell r="D133" t="str">
            <v>Trial period</v>
          </cell>
          <cell r="E133" t="str">
            <v>Maximum of three months. There is no trial period allowed for fixed-term contracts.</v>
          </cell>
          <cell r="F133">
            <v>3</v>
          </cell>
          <cell r="I133">
            <v>4</v>
          </cell>
        </row>
        <row r="134">
          <cell r="A134" t="str">
            <v>IndonesiaEPL3C</v>
          </cell>
          <cell r="B134" t="str">
            <v>Indonesia</v>
          </cell>
          <cell r="C134" t="str">
            <v>EPL3C</v>
          </cell>
          <cell r="D134" t="str">
            <v>compensation following unfair dismissalb</v>
          </cell>
          <cell r="E134" t="str">
            <v>The employer is obliged to pay all the wages and entitlements which the affected worker should have received.</v>
          </cell>
          <cell r="F134">
            <v>6</v>
          </cell>
          <cell r="I134">
            <v>1</v>
          </cell>
        </row>
        <row r="135">
          <cell r="A135" t="str">
            <v>IndonesiaEPL3D</v>
          </cell>
          <cell r="B135" t="str">
            <v>Indonesia</v>
          </cell>
          <cell r="C135" t="str">
            <v>EPL3D</v>
          </cell>
          <cell r="D135" t="str">
            <v>Possibility of reinstatement following unfair dismissal</v>
          </cell>
          <cell r="E135" t="str">
            <v>If the termination of employment takes place for reasons other than those allowed, it will be declared null and void and the employer shall be obliged to re-employ the affected worker.</v>
          </cell>
          <cell r="F135">
            <v>3</v>
          </cell>
          <cell r="I135">
            <v>6</v>
          </cell>
        </row>
        <row r="136">
          <cell r="A136" t="str">
            <v>IndonesiaEPL3E</v>
          </cell>
          <cell r="B136" t="str">
            <v>Indonesia</v>
          </cell>
          <cell r="C136" t="str">
            <v>EPL3E</v>
          </cell>
          <cell r="D136" t="str">
            <v>Maximum time for claim</v>
          </cell>
          <cell r="E136"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F136">
            <v>12</v>
          </cell>
          <cell r="I136">
            <v>5</v>
          </cell>
        </row>
        <row r="137">
          <cell r="A137" t="str">
            <v>IndonesiaFT1</v>
          </cell>
          <cell r="B137" t="str">
            <v>Indonesia</v>
          </cell>
          <cell r="C137" t="str">
            <v>FT1</v>
          </cell>
          <cell r="D137" t="str">
            <v>Valid cases for use of fixed-term contracts, other than  “objective”  or “material” situationc</v>
          </cell>
          <cell r="E137"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F137">
            <v>0</v>
          </cell>
          <cell r="I137">
            <v>6</v>
          </cell>
        </row>
        <row r="138">
          <cell r="A138" t="str">
            <v>IndonesiaFT2</v>
          </cell>
          <cell r="B138" t="str">
            <v>Indonesia</v>
          </cell>
          <cell r="C138" t="str">
            <v>FT2</v>
          </cell>
          <cell r="D138" t="str">
            <v>Maximum number of successive fixed-term contractsd</v>
          </cell>
          <cell r="E138" t="str">
            <v>One extension possible.</v>
          </cell>
          <cell r="F138">
            <v>2</v>
          </cell>
          <cell r="I138">
            <v>4</v>
          </cell>
        </row>
        <row r="139">
          <cell r="A139" t="str">
            <v>IndonesiaFT3</v>
          </cell>
          <cell r="B139" t="str">
            <v>Indonesia</v>
          </cell>
          <cell r="C139" t="str">
            <v>FT3</v>
          </cell>
          <cell r="D139" t="str">
            <v>Maximum cumulated duration of successive fixed-term contracts</v>
          </cell>
          <cell r="E139" t="str">
            <v>A work agreement for a specified period of time may be made for a period of no longer than two years and may only be extended one time for another period that is not longer than 1 year.</v>
          </cell>
          <cell r="F139">
            <v>36</v>
          </cell>
          <cell r="I139">
            <v>1</v>
          </cell>
        </row>
        <row r="140">
          <cell r="A140" t="str">
            <v>IndonesiaTWA1</v>
          </cell>
          <cell r="B140" t="str">
            <v>Indonesia</v>
          </cell>
          <cell r="C140" t="str">
            <v>TWA1</v>
          </cell>
          <cell r="D140" t="str">
            <v>Types of work for which TWA employment is legal</v>
          </cell>
          <cell r="E140" t="str">
            <v>Temporary agency workers must not be used by employers to carry out their enterprises’ main activities or activities that are directly related to production processes, except for auxiliary service activities or activities that are indirectly related to production processes.</v>
          </cell>
          <cell r="F140">
            <v>2</v>
          </cell>
          <cell r="I140">
            <v>3</v>
          </cell>
        </row>
        <row r="141">
          <cell r="A141" t="str">
            <v>IndonesiaTWA2</v>
          </cell>
          <cell r="B141" t="str">
            <v>Indonesia</v>
          </cell>
          <cell r="C141" t="str">
            <v>TWA2</v>
          </cell>
          <cell r="D141" t="str">
            <v>Are there any restrictions on the number of renewals of a TWA contract?</v>
          </cell>
          <cell r="E141" t="str">
            <v>Temporary work agency workers are employed either on contracts of unlimited duration or fixed-term contracts.</v>
          </cell>
          <cell r="F141" t="str">
            <v>No</v>
          </cell>
          <cell r="I141">
            <v>2</v>
          </cell>
        </row>
        <row r="142">
          <cell r="A142" t="str">
            <v>IndonesiaTWA3</v>
          </cell>
          <cell r="B142" t="str">
            <v>Indonesia</v>
          </cell>
          <cell r="C142" t="str">
            <v>TWA3</v>
          </cell>
          <cell r="D142" t="str">
            <v>Maximum cumulated duration of temporary work contractse</v>
          </cell>
          <cell r="E142" t="str">
            <v>Temporary work agency workers are employed either on contracts of unlimited duration or fixed-term contracts.</v>
          </cell>
          <cell r="F142">
            <v>100</v>
          </cell>
          <cell r="I142">
            <v>0</v>
          </cell>
        </row>
        <row r="143">
          <cell r="A143" t="str">
            <v>IndonesiaTWA4</v>
          </cell>
          <cell r="B143" t="str">
            <v>Indonesia</v>
          </cell>
          <cell r="C143" t="str">
            <v>TWA4</v>
          </cell>
          <cell r="D143" t="str">
            <v>Authorisation or reporting requirements</v>
          </cell>
          <cell r="E143" t="str">
            <v>Temporary work agencies shall take the form of a legal entity business with license from a government agency responsible for labour/ manpower affairs.</v>
          </cell>
          <cell r="F143">
            <v>1</v>
          </cell>
          <cell r="I143">
            <v>2</v>
          </cell>
        </row>
        <row r="144">
          <cell r="A144" t="str">
            <v>IndonesiaTWA5</v>
          </cell>
          <cell r="B144" t="str">
            <v>Indonesia</v>
          </cell>
          <cell r="C144" t="str">
            <v>TWA5</v>
          </cell>
          <cell r="D144" t="str">
            <v>Equal treatment for TWA workers</v>
          </cell>
          <cell r="E144" t="str">
            <v>No</v>
          </cell>
          <cell r="F144">
            <v>0</v>
          </cell>
          <cell r="I144">
            <v>0</v>
          </cell>
        </row>
        <row r="145">
          <cell r="A145" t="str">
            <v>IndonesiaCD1</v>
          </cell>
          <cell r="B145" t="str">
            <v>Indonesia</v>
          </cell>
          <cell r="C145" t="str">
            <v>CD1</v>
          </cell>
          <cell r="D145" t="str">
            <v>Definition of collective dismissal</v>
          </cell>
          <cell r="E145" t="str">
            <v>There are no special regulations or additional costs for collective dismissals.</v>
          </cell>
          <cell r="F145">
            <v>0</v>
          </cell>
          <cell r="I145">
            <v>0</v>
          </cell>
        </row>
        <row r="146">
          <cell r="A146" t="str">
            <v>IndonesiaCD2</v>
          </cell>
          <cell r="B146" t="str">
            <v>Indonesia</v>
          </cell>
          <cell r="C146" t="str">
            <v>CD2</v>
          </cell>
          <cell r="D146" t="str">
            <v>Additional notification requirements in case of collective dismissals</v>
          </cell>
          <cell r="E146" t="str">
            <v>There are no special regulations or additional costs for collective dismissals.</v>
          </cell>
          <cell r="F146">
            <v>0</v>
          </cell>
          <cell r="I146">
            <v>0</v>
          </cell>
        </row>
        <row r="147">
          <cell r="A147" t="str">
            <v>IndonesiaCD3</v>
          </cell>
          <cell r="B147" t="str">
            <v>Indonesia</v>
          </cell>
          <cell r="C147" t="str">
            <v>CD3</v>
          </cell>
          <cell r="D147" t="str">
            <v>Additional delays involved in case of collective dismissals</v>
          </cell>
          <cell r="E147" t="str">
            <v>There are no special regulations or additional costs for collective dismissals.</v>
          </cell>
          <cell r="F147">
            <v>0</v>
          </cell>
          <cell r="I147">
            <v>0</v>
          </cell>
        </row>
        <row r="148">
          <cell r="A148" t="str">
            <v>IndonesiaCD4</v>
          </cell>
          <cell r="B148" t="str">
            <v>Indonesia</v>
          </cell>
          <cell r="C148" t="str">
            <v>CD4</v>
          </cell>
          <cell r="D148" t="str">
            <v>Other special costs to employers in case of collective dismissals</v>
          </cell>
          <cell r="E148" t="str">
            <v>There are no special regulations or additional costs for collective dismissals.</v>
          </cell>
          <cell r="F148">
            <v>0</v>
          </cell>
          <cell r="I148">
            <v>0</v>
          </cell>
        </row>
        <row r="149">
          <cell r="A149" t="str">
            <v>IsraelEPL1A</v>
          </cell>
          <cell r="B149" t="str">
            <v>Israel</v>
          </cell>
          <cell r="C149" t="str">
            <v>EPL1A</v>
          </cell>
          <cell r="D149" t="str">
            <v>Notification proceduresa</v>
          </cell>
          <cell r="E149"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F149">
            <v>1.5</v>
          </cell>
          <cell r="I149">
            <v>3</v>
          </cell>
        </row>
        <row r="150">
          <cell r="A150" t="str">
            <v>IsraelEPL1B</v>
          </cell>
          <cell r="B150" t="str">
            <v>Israel</v>
          </cell>
          <cell r="C150" t="str">
            <v>EPL1B</v>
          </cell>
          <cell r="D150" t="str">
            <v>Delay before notice can starta</v>
          </cell>
          <cell r="E150"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F150">
            <v>1</v>
          </cell>
          <cell r="I150">
            <v>0</v>
          </cell>
        </row>
        <row r="151">
          <cell r="A151" t="str">
            <v>IsraelEPL2A1, EPL2A2, EPL2A3</v>
          </cell>
          <cell r="B151" t="str">
            <v>Israel</v>
          </cell>
          <cell r="C151" t="str">
            <v>EPL2A1, EPL2A2, EPL2A3</v>
          </cell>
          <cell r="D151" t="str">
            <v>Notice / tenurea</v>
          </cell>
          <cell r="E151" t="str">
            <v>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v>
          </cell>
          <cell r="F151">
            <v>0.4</v>
          </cell>
          <cell r="G151">
            <v>1</v>
          </cell>
          <cell r="H151">
            <v>1</v>
          </cell>
          <cell r="I151">
            <v>1</v>
          </cell>
          <cell r="J151">
            <v>2</v>
          </cell>
          <cell r="K151">
            <v>1</v>
          </cell>
        </row>
        <row r="152">
          <cell r="A152" t="str">
            <v>IsraelEPL2B1, EPL2B2, EPL2B3</v>
          </cell>
          <cell r="B152" t="str">
            <v>Israel</v>
          </cell>
          <cell r="C152" t="str">
            <v>EPL2B1, EPL2B2, EPL2B3</v>
          </cell>
          <cell r="D152" t="str">
            <v>Severance pay / tenurea</v>
          </cell>
          <cell r="E152" t="str">
            <v>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v>
          </cell>
          <cell r="F152">
            <v>0</v>
          </cell>
          <cell r="G152">
            <v>4</v>
          </cell>
          <cell r="H152">
            <v>20</v>
          </cell>
          <cell r="I152">
            <v>0</v>
          </cell>
          <cell r="J152">
            <v>6</v>
          </cell>
          <cell r="K152">
            <v>6</v>
          </cell>
        </row>
        <row r="153">
          <cell r="A153" t="str">
            <v>IsraelEPL3A</v>
          </cell>
          <cell r="B153" t="str">
            <v>Israel</v>
          </cell>
          <cell r="C153" t="str">
            <v>EPL3A</v>
          </cell>
          <cell r="D153" t="str">
            <v>Definition of justified or unfair dismissal</v>
          </cell>
          <cell r="E153"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F153">
            <v>0</v>
          </cell>
          <cell r="I153">
            <v>0</v>
          </cell>
        </row>
        <row r="154">
          <cell r="A154" t="str">
            <v>IsraelEPL3B</v>
          </cell>
          <cell r="B154" t="str">
            <v>Israel</v>
          </cell>
          <cell r="C154" t="str">
            <v>EPL3B</v>
          </cell>
          <cell r="D154" t="str">
            <v>Trial period</v>
          </cell>
          <cell r="E154"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F154">
            <v>12</v>
          </cell>
          <cell r="I154">
            <v>2</v>
          </cell>
        </row>
        <row r="155">
          <cell r="A155" t="str">
            <v>IsraelEPL3C</v>
          </cell>
          <cell r="B155" t="str">
            <v>Israel</v>
          </cell>
          <cell r="C155" t="str">
            <v>EPL3C</v>
          </cell>
          <cell r="D155" t="str">
            <v>compensation following unfair dismissalb</v>
          </cell>
          <cell r="E155"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danages without proving damages (according to the Protection of Employees (Exposure of Offences of Unethical Conduct and Improper Administration) Law (1997).
Typical compensation at 20 years tenure: 6-9 months pay</v>
          </cell>
          <cell r="F155">
            <v>7.5</v>
          </cell>
          <cell r="I155">
            <v>1</v>
          </cell>
        </row>
        <row r="156">
          <cell r="A156" t="str">
            <v>IsraelEPL3D</v>
          </cell>
          <cell r="B156" t="str">
            <v>Israel</v>
          </cell>
          <cell r="C156" t="str">
            <v>EPL3D</v>
          </cell>
          <cell r="D156" t="str">
            <v>Possibility of reinstatement following unfair dismissal</v>
          </cell>
          <cell r="E156"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F156">
            <v>1</v>
          </cell>
          <cell r="I156">
            <v>2</v>
          </cell>
        </row>
        <row r="157">
          <cell r="A157" t="str">
            <v>IsraelEPL3E</v>
          </cell>
          <cell r="B157" t="str">
            <v>Israel</v>
          </cell>
          <cell r="C157" t="str">
            <v>EPL3E</v>
          </cell>
          <cell r="D157" t="str">
            <v>Maximum time for claim</v>
          </cell>
          <cell r="E157"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F157">
            <v>84</v>
          </cell>
          <cell r="I157">
            <v>6</v>
          </cell>
        </row>
        <row r="158">
          <cell r="A158" t="str">
            <v>IsraelFT1</v>
          </cell>
          <cell r="B158" t="str">
            <v>Israel</v>
          </cell>
          <cell r="C158" t="str">
            <v>FT1</v>
          </cell>
          <cell r="D158" t="str">
            <v>Valid cases for use of fixed-term contracts, other than  “objective”  or “material” situationc</v>
          </cell>
          <cell r="E158" t="str">
            <v xml:space="preserve">No restrictions on the use of fixed-term contracts. </v>
          </cell>
          <cell r="F158">
            <v>3</v>
          </cell>
          <cell r="I158">
            <v>0</v>
          </cell>
        </row>
        <row r="159">
          <cell r="A159" t="str">
            <v>IsraelFT2</v>
          </cell>
          <cell r="B159" t="str">
            <v>Israel</v>
          </cell>
          <cell r="C159" t="str">
            <v>FT2</v>
          </cell>
          <cell r="D159" t="str">
            <v>Maximum number of successive fixed-term contractsd</v>
          </cell>
          <cell r="E159" t="str">
            <v>No limit</v>
          </cell>
          <cell r="F159">
            <v>100</v>
          </cell>
          <cell r="I159">
            <v>0</v>
          </cell>
        </row>
        <row r="160">
          <cell r="A160" t="str">
            <v>IsraelFT3</v>
          </cell>
          <cell r="B160" t="str">
            <v>Israel</v>
          </cell>
          <cell r="C160" t="str">
            <v>FT3</v>
          </cell>
          <cell r="D160" t="str">
            <v>Maximum cumulated duration of successive fixed-term contracts</v>
          </cell>
          <cell r="E160" t="str">
            <v>No limit</v>
          </cell>
          <cell r="F160">
            <v>100</v>
          </cell>
          <cell r="I160">
            <v>0</v>
          </cell>
        </row>
        <row r="161">
          <cell r="A161" t="str">
            <v>IsraelTWA1</v>
          </cell>
          <cell r="B161" t="str">
            <v>Israel</v>
          </cell>
          <cell r="C161" t="str">
            <v>TWA1</v>
          </cell>
          <cell r="D161" t="str">
            <v>Types of work for which TWA employment is legal</v>
          </cell>
          <cell r="E161" t="str">
            <v>No restrictions</v>
          </cell>
          <cell r="F161">
            <v>4</v>
          </cell>
          <cell r="I161">
            <v>0</v>
          </cell>
        </row>
        <row r="162">
          <cell r="A162" t="str">
            <v>IsraelTWA2</v>
          </cell>
          <cell r="B162" t="str">
            <v>Israel</v>
          </cell>
          <cell r="C162" t="str">
            <v>TWA2</v>
          </cell>
          <cell r="D162" t="str">
            <v>Are there any restrictions on the number of renewals of a TWA contract?</v>
          </cell>
          <cell r="E162" t="str">
            <v>No, within maximum time for TWA contracts.</v>
          </cell>
          <cell r="F162" t="str">
            <v>No</v>
          </cell>
          <cell r="I162">
            <v>2</v>
          </cell>
        </row>
        <row r="163">
          <cell r="A163" t="str">
            <v>IsraelTWA3</v>
          </cell>
          <cell r="B163" t="str">
            <v>Israel</v>
          </cell>
          <cell r="C163" t="str">
            <v>TWA3</v>
          </cell>
          <cell r="D163" t="str">
            <v>Maximum cumulated duration of temporary work contractse</v>
          </cell>
          <cell r="E163"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v>
          </cell>
          <cell r="F163">
            <v>9</v>
          </cell>
          <cell r="I163">
            <v>5</v>
          </cell>
        </row>
        <row r="164">
          <cell r="A164" t="str">
            <v>IsraelTWA4</v>
          </cell>
          <cell r="B164" t="str">
            <v>Israel</v>
          </cell>
          <cell r="C164" t="str">
            <v>TWA4</v>
          </cell>
          <cell r="D164" t="str">
            <v>Authorisation or reporting requirements</v>
          </cell>
          <cell r="E164"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F164">
            <v>3</v>
          </cell>
          <cell r="I164">
            <v>6</v>
          </cell>
        </row>
        <row r="165">
          <cell r="A165" t="str">
            <v>IsraelTWA5</v>
          </cell>
          <cell r="B165" t="str">
            <v>Israel</v>
          </cell>
          <cell r="C165" t="str">
            <v>TWA5</v>
          </cell>
          <cell r="D165" t="str">
            <v>Equal treatment for TWA workers</v>
          </cell>
          <cell r="E165"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F165">
            <v>2</v>
          </cell>
          <cell r="I165">
            <v>6</v>
          </cell>
        </row>
        <row r="166">
          <cell r="A166" t="str">
            <v>IsraelCD1</v>
          </cell>
          <cell r="B166" t="str">
            <v>Israel</v>
          </cell>
          <cell r="C166" t="str">
            <v>CD1</v>
          </cell>
          <cell r="D166" t="str">
            <v>Definition of collective dismissal</v>
          </cell>
          <cell r="E166" t="str">
            <v>Ten or more workers in a period of one month. Collective agreements may contain different definitions of collective dismissal.</v>
          </cell>
          <cell r="F166">
            <v>3</v>
          </cell>
          <cell r="I166">
            <v>4.5</v>
          </cell>
        </row>
        <row r="167">
          <cell r="A167" t="str">
            <v>IsraelCD2</v>
          </cell>
          <cell r="B167" t="str">
            <v>Israel</v>
          </cell>
          <cell r="C167" t="str">
            <v>CD2</v>
          </cell>
          <cell r="D167" t="str">
            <v>Additional notification requirements in case of collective dismissals</v>
          </cell>
          <cell r="E167" t="str">
            <v>The employer must give prior notice of dismissal to the Employment Service Bureau.</v>
          </cell>
          <cell r="F167">
            <v>1</v>
          </cell>
          <cell r="I167">
            <v>3</v>
          </cell>
        </row>
        <row r="168">
          <cell r="A168" t="str">
            <v>IsraelCD3</v>
          </cell>
          <cell r="B168" t="str">
            <v>Israel</v>
          </cell>
          <cell r="C168" t="str">
            <v>CD3</v>
          </cell>
          <cell r="D168" t="str">
            <v>Additional delays involved in case of collective dismissals</v>
          </cell>
          <cell r="E168" t="str">
            <v>No additional delays</v>
          </cell>
          <cell r="F168">
            <v>0</v>
          </cell>
          <cell r="I168">
            <v>0</v>
          </cell>
        </row>
        <row r="169">
          <cell r="A169" t="str">
            <v>IsraelCD4</v>
          </cell>
          <cell r="B169" t="str">
            <v>Israel</v>
          </cell>
          <cell r="C169" t="str">
            <v>CD4</v>
          </cell>
          <cell r="D169" t="str">
            <v>Other special costs to employers in case of collective dismissals</v>
          </cell>
          <cell r="E169" t="str">
            <v>No additional costs.</v>
          </cell>
          <cell r="F169">
            <v>0</v>
          </cell>
          <cell r="I169">
            <v>0</v>
          </cell>
        </row>
        <row r="170">
          <cell r="A170" t="str">
            <v>LuxembourgEPL1A</v>
          </cell>
          <cell r="B170" t="str">
            <v>Luxembourg</v>
          </cell>
          <cell r="C170" t="str">
            <v>EPL1A</v>
          </cell>
          <cell r="D170" t="str">
            <v>Notification proceduresa</v>
          </cell>
          <cell r="E170" t="str">
            <v xml:space="preserve">Employees must be notified of dismissal by registered mail. The labour inspectorate and the enterprise’s works council (if applicable) must also be notified of impending dismissals. </v>
          </cell>
          <cell r="F170">
            <v>2</v>
          </cell>
          <cell r="I170">
            <v>4</v>
          </cell>
        </row>
        <row r="171">
          <cell r="A171" t="str">
            <v>LuxembourgEPL1B</v>
          </cell>
          <cell r="B171" t="str">
            <v>Luxembourg</v>
          </cell>
          <cell r="C171" t="str">
            <v>EPL1B</v>
          </cell>
          <cell r="D171" t="str">
            <v>Delay before notice can starta</v>
          </cell>
          <cell r="E171" t="str">
            <v>The employer must notify the employee of the dismissal by registered mail. The notice period starts either on the 1st or 15th day of the month following notice being received by the employee, whichever is earliest.
Calculation: 3 days for letter sent by registered mail, 7 days on average until start of notice period.</v>
          </cell>
          <cell r="F171">
            <v>10</v>
          </cell>
          <cell r="I171">
            <v>2</v>
          </cell>
        </row>
        <row r="172">
          <cell r="A172" t="str">
            <v>LuxembourgEPL2A1, EPL2A2, EPL2A3</v>
          </cell>
          <cell r="B172" t="str">
            <v>Luxembourg</v>
          </cell>
          <cell r="C172" t="str">
            <v>EPL2A1, EPL2A2, EPL2A3</v>
          </cell>
          <cell r="D172" t="str">
            <v>Notice / tenurea</v>
          </cell>
          <cell r="E172"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ous service.</v>
          </cell>
          <cell r="F172">
            <v>2</v>
          </cell>
          <cell r="G172">
            <v>2</v>
          </cell>
          <cell r="H172">
            <v>6</v>
          </cell>
          <cell r="I172">
            <v>6</v>
          </cell>
          <cell r="J172">
            <v>4</v>
          </cell>
          <cell r="K172">
            <v>3</v>
          </cell>
        </row>
        <row r="173">
          <cell r="A173" t="str">
            <v>LuxembourgEPL2B1, EPL2B2, EPL2B3</v>
          </cell>
          <cell r="B173" t="str">
            <v>Luxembourg</v>
          </cell>
          <cell r="C173" t="str">
            <v>EPL2B1, EPL2B2, EPL2B3</v>
          </cell>
          <cell r="D173" t="str">
            <v>Severance pay / tenurea</v>
          </cell>
          <cell r="E173"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F173">
            <v>0</v>
          </cell>
          <cell r="G173">
            <v>0</v>
          </cell>
          <cell r="H173">
            <v>6</v>
          </cell>
          <cell r="I173">
            <v>0</v>
          </cell>
          <cell r="J173">
            <v>0</v>
          </cell>
          <cell r="K173">
            <v>2</v>
          </cell>
        </row>
        <row r="174">
          <cell r="A174" t="str">
            <v>LuxembourgEPL3A</v>
          </cell>
          <cell r="B174" t="str">
            <v>Luxembourg</v>
          </cell>
          <cell r="C174" t="str">
            <v>EPL3A</v>
          </cell>
          <cell r="D174" t="str">
            <v>Definition of justified or unfair dismissal</v>
          </cell>
          <cell r="E174"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F174">
            <v>1</v>
          </cell>
          <cell r="I174">
            <v>2</v>
          </cell>
        </row>
        <row r="175">
          <cell r="A175" t="str">
            <v>LuxembourgEPL3B</v>
          </cell>
          <cell r="B175" t="str">
            <v>Luxembourg</v>
          </cell>
          <cell r="C175" t="str">
            <v>EPL3B</v>
          </cell>
          <cell r="D175" t="str">
            <v>Trial period</v>
          </cell>
          <cell r="E175" t="str">
            <v>The maximum length of the trial period for a contract of unlimited duration is 6 months.</v>
          </cell>
          <cell r="F175">
            <v>6</v>
          </cell>
          <cell r="I175">
            <v>3</v>
          </cell>
        </row>
        <row r="176">
          <cell r="A176" t="str">
            <v>LuxembourgEPL3C</v>
          </cell>
          <cell r="B176" t="str">
            <v>Luxembourg</v>
          </cell>
          <cell r="C176" t="str">
            <v>EPL3C</v>
          </cell>
          <cell r="D176" t="str">
            <v>compensation following unfair dismissalb</v>
          </cell>
          <cell r="E176"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Typical compensation at 20 years of tenure: 5 months</v>
          </cell>
          <cell r="F176">
            <v>5</v>
          </cell>
          <cell r="I176">
            <v>1</v>
          </cell>
        </row>
        <row r="177">
          <cell r="A177" t="str">
            <v>LuxembourgEPL3D</v>
          </cell>
          <cell r="B177" t="str">
            <v>Luxembourg</v>
          </cell>
          <cell r="C177" t="str">
            <v>EPL3D</v>
          </cell>
          <cell r="D177" t="str">
            <v>Possibility of reinstatement following unfair dismissal</v>
          </cell>
          <cell r="E177" t="str">
            <v>When ruling on unfair dismissal, judges may request that the employee is reinstated. If the employer does not want to reinstate the employee, the employer can pay additional compensation of one months’ salary.</v>
          </cell>
          <cell r="F177">
            <v>3</v>
          </cell>
          <cell r="I177">
            <v>6</v>
          </cell>
        </row>
        <row r="178">
          <cell r="A178" t="str">
            <v>LuxembourgEPL3E</v>
          </cell>
          <cell r="B178" t="str">
            <v>Luxembourg</v>
          </cell>
          <cell r="C178" t="str">
            <v>EPL3E</v>
          </cell>
          <cell r="D178" t="str">
            <v>Maximum time for claim</v>
          </cell>
          <cell r="E178" t="str">
            <v>The time limit for making a claim of unfair dismissal is three months from the date of the dismissal or the date when the employee requested/received reasons for dismissal.</v>
          </cell>
          <cell r="F178">
            <v>3</v>
          </cell>
          <cell r="I178">
            <v>2</v>
          </cell>
        </row>
        <row r="179">
          <cell r="A179" t="str">
            <v>LuxembourgFT1</v>
          </cell>
          <cell r="B179" t="str">
            <v>Luxembourg</v>
          </cell>
          <cell r="C179" t="str">
            <v>FT1</v>
          </cell>
          <cell r="D179" t="str">
            <v>Valid cases for use of fixed-term contracts, other than  “objective”  or “material” situationc</v>
          </cell>
          <cell r="E179"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Employment Administration (authorisation takes into account age, training and duration of unemployment), and with the authorisation of the Labour Ministry, employment intended to promote the hiring of some categories of workers or to engage in training.</v>
          </cell>
          <cell r="F179">
            <v>0.5</v>
          </cell>
          <cell r="I179">
            <v>5</v>
          </cell>
        </row>
        <row r="180">
          <cell r="A180" t="str">
            <v>LuxembourgFT2</v>
          </cell>
          <cell r="B180" t="str">
            <v>Luxembourg</v>
          </cell>
          <cell r="C180" t="str">
            <v>FT2</v>
          </cell>
          <cell r="D180" t="str">
            <v>Maximum number of successive fixed-term contractsd</v>
          </cell>
          <cell r="E180" t="str">
            <v>A fixed-term contract can be renewed twice. Some categories of workers (teachers, artists, performers, athletes, coaches) are not subject to restrictions on renewals of fixed-term contracts.</v>
          </cell>
          <cell r="F180">
            <v>3</v>
          </cell>
          <cell r="I180">
            <v>3</v>
          </cell>
        </row>
        <row r="181">
          <cell r="A181" t="str">
            <v>LuxembourgFT3</v>
          </cell>
          <cell r="B181" t="str">
            <v>Luxembourg</v>
          </cell>
          <cell r="C181" t="str">
            <v>FT3</v>
          </cell>
          <cell r="D181" t="str">
            <v>Maximum cumulated duration of successive fixed-term contracts</v>
          </cell>
          <cell r="E181" t="str">
            <v>A fixed-term contract cannot exceed 24 months in duration (including renewals). Fixed-term contracts for seasonal work cannot exceed 10 months in a 12 month period.</v>
          </cell>
          <cell r="F181">
            <v>24</v>
          </cell>
          <cell r="I181">
            <v>3</v>
          </cell>
        </row>
        <row r="182">
          <cell r="A182" t="str">
            <v>LuxembourgTWA1</v>
          </cell>
          <cell r="B182" t="str">
            <v>Luxembourg</v>
          </cell>
          <cell r="C182" t="str">
            <v>TWA1</v>
          </cell>
          <cell r="D182" t="str">
            <v>Types of work for which TWA employment is legal</v>
          </cell>
          <cell r="E182"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F182">
            <v>2</v>
          </cell>
          <cell r="I182">
            <v>3</v>
          </cell>
        </row>
        <row r="183">
          <cell r="A183" t="str">
            <v>LuxembourgTWA2</v>
          </cell>
          <cell r="B183" t="str">
            <v>Luxembourg</v>
          </cell>
          <cell r="C183" t="str">
            <v>TWA2</v>
          </cell>
          <cell r="D183" t="str">
            <v>Are there any restrictions on the number of renewals of a TWA contract?</v>
          </cell>
          <cell r="E183" t="str">
            <v>The contract can be renewed twice without exceeding the 12 month limit.</v>
          </cell>
          <cell r="F183" t="str">
            <v>Yes</v>
          </cell>
          <cell r="I183">
            <v>4</v>
          </cell>
        </row>
        <row r="184">
          <cell r="A184" t="str">
            <v>LuxembourgTWA3</v>
          </cell>
          <cell r="B184" t="str">
            <v>Luxembourg</v>
          </cell>
          <cell r="C184" t="str">
            <v>TWA3</v>
          </cell>
          <cell r="D184" t="str">
            <v>Maximum cumulated duration of temporary work contractse</v>
          </cell>
          <cell r="E184" t="str">
            <v>Except for seasonal jobs, the contract should not exceed 12 months in duration for the same employee in the same job, including renewals.</v>
          </cell>
          <cell r="F184">
            <v>12</v>
          </cell>
          <cell r="I184">
            <v>4</v>
          </cell>
        </row>
        <row r="185">
          <cell r="A185" t="str">
            <v>LuxembourgTWA4</v>
          </cell>
          <cell r="B185" t="str">
            <v>Luxembourg</v>
          </cell>
          <cell r="C185" t="str">
            <v>TWA4</v>
          </cell>
          <cell r="D185" t="str">
            <v>Authorisation or reporting requirements</v>
          </cell>
          <cell r="E185" t="str">
            <v>Temporary work agencies require authorization from the Ministry of Labour,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F185">
            <v>1.5</v>
          </cell>
          <cell r="I185">
            <v>3</v>
          </cell>
        </row>
        <row r="186">
          <cell r="A186" t="str">
            <v>LuxembourgTWA5</v>
          </cell>
          <cell r="B186" t="str">
            <v>Luxembourg</v>
          </cell>
          <cell r="C186" t="str">
            <v>TWA5</v>
          </cell>
          <cell r="D186" t="str">
            <v>Equal treatment for TWA workers</v>
          </cell>
          <cell r="E186" t="str">
            <v>A TWA worker is required to receive the same pay and conditions as an employee with the same or an equivalent qualification hired by the user firm as a permanent employee.</v>
          </cell>
          <cell r="F186">
            <v>2</v>
          </cell>
          <cell r="I186">
            <v>6</v>
          </cell>
        </row>
        <row r="187">
          <cell r="A187" t="str">
            <v>LuxembourgCD1</v>
          </cell>
          <cell r="B187" t="str">
            <v>Luxembourg</v>
          </cell>
          <cell r="C187" t="str">
            <v>CD1</v>
          </cell>
          <cell r="D187" t="str">
            <v>Definition of collective dismissal</v>
          </cell>
          <cell r="E187" t="str">
            <v>Additional regulations apply for dismissals of 7 or more workers within a 30 day period or 15 or more workers within a 90 day period.</v>
          </cell>
          <cell r="F187">
            <v>3</v>
          </cell>
          <cell r="I187">
            <v>4.5</v>
          </cell>
        </row>
        <row r="188">
          <cell r="A188" t="str">
            <v>LuxembourgCD2</v>
          </cell>
          <cell r="B188" t="str">
            <v>Luxembourg</v>
          </cell>
          <cell r="C188" t="str">
            <v>CD2</v>
          </cell>
          <cell r="D188" t="str">
            <v>Additional notification requirements in case of collective dismissals</v>
          </cell>
          <cell r="E188" t="str">
            <v xml:space="preserve">The works council and the labour inspectorate must be notified of the dismissal. </v>
          </cell>
          <cell r="F188">
            <v>0</v>
          </cell>
          <cell r="I188">
            <v>0</v>
          </cell>
        </row>
        <row r="189">
          <cell r="A189" t="str">
            <v>LuxembourgCD3</v>
          </cell>
          <cell r="B189" t="str">
            <v>Luxembourg</v>
          </cell>
          <cell r="C189" t="str">
            <v>CD3</v>
          </cell>
          <cell r="D189" t="str">
            <v>Additional delays involved in case of collective dismissals</v>
          </cell>
          <cell r="E189" t="str">
            <v>Once notification has been given, negotiations start on a social plan, which must be finalised within 2 weeks. After the social plan has been agreed to, individual notification can be given to workers after 75 days.
Calculation: 75+14 days -10 days for individual dismissal.</v>
          </cell>
          <cell r="F189">
            <v>79</v>
          </cell>
          <cell r="I189">
            <v>5</v>
          </cell>
        </row>
        <row r="190">
          <cell r="A190" t="str">
            <v>LuxembourgCD4</v>
          </cell>
          <cell r="B190" t="str">
            <v>Luxembourg</v>
          </cell>
          <cell r="C190" t="str">
            <v>CD4</v>
          </cell>
          <cell r="D190" t="str">
            <v>Other special costs to employers in case of collective dismissals</v>
          </cell>
          <cell r="E190" t="str">
            <v>The social plan typically contains internal and external reclassification measures and the amount of additional compensation payable.</v>
          </cell>
          <cell r="F190">
            <v>2</v>
          </cell>
          <cell r="I190">
            <v>6</v>
          </cell>
        </row>
        <row r="191">
          <cell r="A191" t="str">
            <v>Russian FederationEPL1A</v>
          </cell>
          <cell r="B191" t="str">
            <v>Russian Federation</v>
          </cell>
          <cell r="C191" t="str">
            <v>EPL1A</v>
          </cell>
          <cell r="D191" t="str">
            <v>Notification proceduresa</v>
          </cell>
          <cell r="E191" t="str">
            <v>Personal reasons: the employer must give the employee notice personally. Dismissal of employees who are members of a trade union is possible only with consideration of the opinion of the elected trade union authorities
Redundancy: The employer must give the employee notice personally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Average of 0 for non-union members and 2 for union members = 1</v>
          </cell>
          <cell r="F191">
            <v>1.5</v>
          </cell>
          <cell r="I191">
            <v>3</v>
          </cell>
        </row>
        <row r="192">
          <cell r="A192" t="str">
            <v>Russian FederationEPL1B</v>
          </cell>
          <cell r="B192" t="str">
            <v>Russian Federation</v>
          </cell>
          <cell r="C192" t="str">
            <v>EPL1B</v>
          </cell>
          <cell r="D192" t="str">
            <v>Delay before notice can starta</v>
          </cell>
          <cell r="E192" t="str">
            <v>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notice directly to the employee.
Calculation: average of situation for union members (10 days for notice and consultation with union + 1 day for notice to employee) and non-members (1 day for notice to employee)</v>
          </cell>
          <cell r="F192">
            <v>6</v>
          </cell>
          <cell r="I192">
            <v>1</v>
          </cell>
        </row>
        <row r="193">
          <cell r="A193" t="str">
            <v>Russian FederationEPL2A1, EPL2A2, EPL2A3</v>
          </cell>
          <cell r="B193" t="str">
            <v>Russian Federation</v>
          </cell>
          <cell r="C193" t="str">
            <v>EPL2A1, EPL2A2, EPL2A3</v>
          </cell>
          <cell r="D193" t="str">
            <v>Notice / tenurea</v>
          </cell>
          <cell r="E193" t="str">
            <v>The employer must give the employee two months’ notice. The employer can cancel the labour contract without notice by paying two months’ average wages (in addition to severance pay) with the employee’s written consent.</v>
          </cell>
          <cell r="F193">
            <v>2</v>
          </cell>
          <cell r="G193">
            <v>2</v>
          </cell>
          <cell r="H193">
            <v>2</v>
          </cell>
          <cell r="I193">
            <v>6</v>
          </cell>
          <cell r="J193">
            <v>4</v>
          </cell>
          <cell r="K193">
            <v>1</v>
          </cell>
        </row>
        <row r="194">
          <cell r="A194" t="str">
            <v>Russian FederationEPL2B1, EPL2B2, EPL2B3</v>
          </cell>
          <cell r="B194" t="str">
            <v>Russian Federation</v>
          </cell>
          <cell r="C194" t="str">
            <v>EPL2B1, EPL2B2, EPL2B3</v>
          </cell>
          <cell r="D194" t="str">
            <v>Severance pay / tenurea</v>
          </cell>
          <cell r="E194" t="str">
            <v>In the case of dismissal in connection with liquidation of the organisation or reducing the number of permanent staff, the employee to be dismissed is paid a dismissal allowance of an one-month average salary and in addition is entitled up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v>
          </cell>
          <cell r="F194">
            <v>2</v>
          </cell>
          <cell r="G194">
            <v>2</v>
          </cell>
          <cell r="H194">
            <v>2</v>
          </cell>
          <cell r="I194">
            <v>4</v>
          </cell>
          <cell r="J194">
            <v>3</v>
          </cell>
          <cell r="K194">
            <v>1</v>
          </cell>
        </row>
        <row r="195">
          <cell r="A195" t="str">
            <v>Russian FederationEPL3A</v>
          </cell>
          <cell r="B195" t="str">
            <v>Russian Federation</v>
          </cell>
          <cell r="C195" t="str">
            <v>EPL3A</v>
          </cell>
          <cell r="D195" t="str">
            <v>Definition of justified or unfair dismissal</v>
          </cell>
          <cell r="E195" t="str">
            <v>An employer can terminate a labour agreement on grounds of serious misconduct, repeated non-fulfillment of job functions without reasonable excuse, if the employee is not fit for the occupied position or performed job functions because of ill health or insufficient qualifications, in case of dissolving of an organisation or termination of activities of an employer, or in case of reduction of number of employees in an organisation. Dismissal on grounds of reduction of number of employees in an organisation or if the employee is not fit for the occupaied position or performed job functions is only allowed if transition of an employee to a different job position with consent of an employee is impossible. 
Dismissal of an employee on employer's initiative is not allowed during the period of temporary incapacity of employee for work and during the period of leave of an employee (except cases of dissolving of an organisation or termination employer's activities if an employer is a physical entity).</v>
          </cell>
          <cell r="F195">
            <v>2</v>
          </cell>
          <cell r="I195">
            <v>4</v>
          </cell>
        </row>
        <row r="196">
          <cell r="A196" t="str">
            <v>Russian FederationEPL3B</v>
          </cell>
          <cell r="B196" t="str">
            <v>Russian Federation</v>
          </cell>
          <cell r="C196" t="str">
            <v>EPL3B</v>
          </cell>
          <cell r="D196" t="str">
            <v>Trial period</v>
          </cell>
          <cell r="E196" t="str">
            <v>One party to a labor agreement may request a probationary period to test skills and abilities of an employee to determine whether an employee fits the occupied position. If no probationary period condition is stated in a labor agreement, then the employee is accepted without probationary period. An employer may terminate the employment of an employee during the probationary period by giving three days written notice. A probationary period cannot exceed three months (six months for some categories of managerial workers).</v>
          </cell>
          <cell r="F196">
            <v>3</v>
          </cell>
          <cell r="I196">
            <v>4</v>
          </cell>
        </row>
        <row r="197">
          <cell r="A197" t="str">
            <v>Russian FederationEPL3C</v>
          </cell>
          <cell r="B197" t="str">
            <v>Russian Federation</v>
          </cell>
          <cell r="C197" t="str">
            <v>EPL3C</v>
          </cell>
          <cell r="D197" t="str">
            <v>compensation following unfair dismissalb</v>
          </cell>
          <cell r="E197"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a compensation. 
Typical compensation at 20 years: 6 months for unpaid wages during court proceedings (Court proceedings should only take 2 months: 1 month for submitting a claim and 1 month for considering a dismissal case, but they generally take longer in practice.) </v>
          </cell>
          <cell r="F197">
            <v>6</v>
          </cell>
          <cell r="I197">
            <v>1</v>
          </cell>
        </row>
        <row r="198">
          <cell r="A198" t="str">
            <v>Russian FederationEPL3D</v>
          </cell>
          <cell r="B198" t="str">
            <v>Russian Federation</v>
          </cell>
          <cell r="C198" t="str">
            <v>EPL3D</v>
          </cell>
          <cell r="D198" t="str">
            <v>Possibility of reinstatement following unfair dismissal</v>
          </cell>
          <cell r="E198" t="str">
            <v>In case of unfair dismissal, the employee shall be reinstated by the court.</v>
          </cell>
          <cell r="F198">
            <v>3</v>
          </cell>
          <cell r="I198">
            <v>6</v>
          </cell>
        </row>
        <row r="199">
          <cell r="A199" t="str">
            <v>Russian FederationEPL3E</v>
          </cell>
          <cell r="B199" t="str">
            <v>Russian Federation</v>
          </cell>
          <cell r="C199" t="str">
            <v>EPL3E</v>
          </cell>
          <cell r="D199" t="str">
            <v>Maximum time for claim</v>
          </cell>
          <cell r="E199" t="str">
            <v>An employee must submit an appeal to court within 1 month.</v>
          </cell>
          <cell r="F199">
            <v>1</v>
          </cell>
          <cell r="I199">
            <v>1</v>
          </cell>
        </row>
        <row r="200">
          <cell r="A200" t="str">
            <v>Russian FederationFT1</v>
          </cell>
          <cell r="B200" t="str">
            <v>Russian Federation</v>
          </cell>
          <cell r="C200" t="str">
            <v>FT1</v>
          </cell>
          <cell r="D200" t="str">
            <v>Valid cases for use of fixed-term contracts, other than  “objective”  or “material” situationc</v>
          </cell>
          <cell r="E200" t="str">
            <v>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v>
          </cell>
          <cell r="F200">
            <v>2</v>
          </cell>
          <cell r="I200">
            <v>2</v>
          </cell>
        </row>
        <row r="201">
          <cell r="A201" t="str">
            <v>Russian FederationFT2</v>
          </cell>
          <cell r="B201" t="str">
            <v>Russian Federation</v>
          </cell>
          <cell r="C201" t="str">
            <v>FT2</v>
          </cell>
          <cell r="D201" t="str">
            <v>Maximum number of successive fixed-term contractsd</v>
          </cell>
          <cell r="E201" t="str">
            <v>No limit.</v>
          </cell>
          <cell r="F201">
            <v>100</v>
          </cell>
          <cell r="I201">
            <v>0</v>
          </cell>
        </row>
        <row r="202">
          <cell r="A202" t="str">
            <v>Russian FederationFT3</v>
          </cell>
          <cell r="B202" t="str">
            <v>Russian Federation</v>
          </cell>
          <cell r="C202" t="str">
            <v>FT3</v>
          </cell>
          <cell r="D202" t="str">
            <v>Maximum cumulated duration of successive fixed-term contracts</v>
          </cell>
          <cell r="E202" t="str">
            <v>5 years</v>
          </cell>
          <cell r="F202">
            <v>60</v>
          </cell>
          <cell r="I202">
            <v>1</v>
          </cell>
        </row>
        <row r="203">
          <cell r="A203" t="str">
            <v>Russian FederationTWA1</v>
          </cell>
          <cell r="B203" t="str">
            <v>Russian Federation</v>
          </cell>
          <cell r="C203" t="str">
            <v>TWA1</v>
          </cell>
          <cell r="D203" t="str">
            <v>Types of work for which TWA employment is legal</v>
          </cell>
          <cell r="E203" t="str">
            <v>Temporary agency work is not subject to specific legislation but such relationships are covered by civil and commercial law.</v>
          </cell>
          <cell r="F203">
            <v>3</v>
          </cell>
          <cell r="I203">
            <v>1.5</v>
          </cell>
        </row>
        <row r="204">
          <cell r="A204" t="str">
            <v>Russian FederationTWA2</v>
          </cell>
          <cell r="B204" t="str">
            <v>Russian Federation</v>
          </cell>
          <cell r="C204" t="str">
            <v>TWA2</v>
          </cell>
          <cell r="D204" t="str">
            <v>Are there any restrictions on the number of renewals of a TWA contract?</v>
          </cell>
          <cell r="E204" t="str">
            <v>No restrictions.</v>
          </cell>
          <cell r="F204" t="str">
            <v>No</v>
          </cell>
          <cell r="I204">
            <v>2</v>
          </cell>
        </row>
        <row r="205">
          <cell r="A205" t="str">
            <v>Russian FederationTWA3</v>
          </cell>
          <cell r="B205" t="str">
            <v>Russian Federation</v>
          </cell>
          <cell r="C205" t="str">
            <v>TWA3</v>
          </cell>
          <cell r="D205" t="str">
            <v>Maximum cumulated duration of temporary work contractse</v>
          </cell>
          <cell r="E205" t="str">
            <v>No limit.</v>
          </cell>
          <cell r="F205">
            <v>100</v>
          </cell>
          <cell r="I205">
            <v>0</v>
          </cell>
        </row>
        <row r="206">
          <cell r="A206" t="str">
            <v>Russian FederationTWA4</v>
          </cell>
          <cell r="B206" t="str">
            <v>Russian Federation</v>
          </cell>
          <cell r="C206" t="str">
            <v>TWA4</v>
          </cell>
          <cell r="D206" t="str">
            <v>Authorisation or reporting requirements</v>
          </cell>
          <cell r="E206" t="str">
            <v>No requirement for authorisation or reporting obligations.</v>
          </cell>
          <cell r="F206">
            <v>0</v>
          </cell>
          <cell r="I206">
            <v>0</v>
          </cell>
        </row>
        <row r="207">
          <cell r="A207" t="str">
            <v>Russian FederationTWA5</v>
          </cell>
          <cell r="B207" t="str">
            <v>Russian Federation</v>
          </cell>
          <cell r="C207" t="str">
            <v>TWA5</v>
          </cell>
          <cell r="D207" t="str">
            <v>Equal treatment for TWA workers</v>
          </cell>
          <cell r="E207" t="str">
            <v>No requirement for equal treatment.</v>
          </cell>
          <cell r="F207">
            <v>0</v>
          </cell>
          <cell r="I207">
            <v>0</v>
          </cell>
        </row>
        <row r="208">
          <cell r="A208" t="str">
            <v>Russian FederationCD1</v>
          </cell>
          <cell r="B208" t="str">
            <v>Russian Federation</v>
          </cell>
          <cell r="C208" t="str">
            <v>CD1</v>
          </cell>
          <cell r="D208" t="str">
            <v>Definition of collective dismissal</v>
          </cell>
          <cell r="E208" t="str">
            <v>Criteria of mass dismissal is defined in industrial and (or) territorial agreements. Additional regulations typically apply from 50 dismissals upwards.</v>
          </cell>
          <cell r="F208">
            <v>1</v>
          </cell>
          <cell r="I208">
            <v>1.5</v>
          </cell>
        </row>
        <row r="209">
          <cell r="A209" t="str">
            <v>Russian FederationCD2</v>
          </cell>
          <cell r="B209" t="str">
            <v>Russian Federation</v>
          </cell>
          <cell r="C209" t="str">
            <v>CD2</v>
          </cell>
          <cell r="D209" t="str">
            <v>Additional notification requirements in case of collective dismissals</v>
          </cell>
          <cell r="E209" t="str">
            <v>None</v>
          </cell>
          <cell r="F209">
            <v>0.5</v>
          </cell>
          <cell r="I209">
            <v>1.5</v>
          </cell>
        </row>
        <row r="210">
          <cell r="A210" t="str">
            <v>Russian FederationCD3</v>
          </cell>
          <cell r="B210" t="str">
            <v>Russian Federation</v>
          </cell>
          <cell r="C210" t="str">
            <v>CD3</v>
          </cell>
          <cell r="D210" t="str">
            <v>Additional delays involved in case of collective dismissals</v>
          </cell>
          <cell r="E210" t="str">
            <v>In the case of collective dismissals, the employer must inform the trade union in writing three months prior to the dismissals taking effect (compared with two months in case of individual dismissal).</v>
          </cell>
          <cell r="F210">
            <v>30</v>
          </cell>
          <cell r="I210">
            <v>3</v>
          </cell>
        </row>
        <row r="211">
          <cell r="A211" t="str">
            <v>Russian FederationCD4</v>
          </cell>
          <cell r="B211" t="str">
            <v>Russian Federation</v>
          </cell>
          <cell r="C211" t="str">
            <v>CD4</v>
          </cell>
          <cell r="D211" t="str">
            <v>Other special costs to employers in case of collective dismissals</v>
          </cell>
          <cell r="E211" t="str">
            <v>No additional requirements.</v>
          </cell>
          <cell r="F211">
            <v>0</v>
          </cell>
          <cell r="I211">
            <v>0</v>
          </cell>
        </row>
        <row r="212">
          <cell r="A212" t="str">
            <v>SloveniaEPL1A</v>
          </cell>
          <cell r="B212" t="str">
            <v>Slovenia</v>
          </cell>
          <cell r="C212" t="str">
            <v>EPL1A</v>
          </cell>
          <cell r="D212" t="str">
            <v>Notification proceduresa</v>
          </cell>
          <cell r="E212" t="str">
            <v>Prior to dismissal for reasons of incapacity, the employer must allow the worker to offer a defence within a reasonable deadline, which must not be shorter than three working days, except where circumstances exist for which reason it would be unjustified to expect the employer to provide this for the worker. The employer must notify the worker in writing of an intentended dismissal for business reasons. Where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v>
          </cell>
          <cell r="F212">
            <v>3</v>
          </cell>
          <cell r="I212">
            <v>6</v>
          </cell>
        </row>
        <row r="213">
          <cell r="A213" t="str">
            <v>SloveniaEPL1B</v>
          </cell>
          <cell r="B213" t="str">
            <v>Slovenia</v>
          </cell>
          <cell r="C213" t="str">
            <v>EPL1B</v>
          </cell>
          <cell r="D213" t="str">
            <v>Delay before notice can starta</v>
          </cell>
          <cell r="E213" t="str">
            <v>Reasons of incapacity - defence within a deadline of up to three working days, on the express request of the worker, notification of the union, which has an eight-day deadline to give its opinion. Business reasons - prior notice to the worker of the intended cancellation, on the express request of the worker notification of the union, which has an eight-day deadline to give its opinion. Calculation: 3 + 8 days = 11 days</v>
          </cell>
          <cell r="F213">
            <v>11</v>
          </cell>
          <cell r="I213">
            <v>2</v>
          </cell>
        </row>
        <row r="214">
          <cell r="A214" t="str">
            <v>SloveniaEPL2A1, EPL2A2, EPL2A3</v>
          </cell>
          <cell r="B214" t="str">
            <v>Slovenia</v>
          </cell>
          <cell r="C214" t="str">
            <v>EPL2A1, EPL2A2, EPL2A3</v>
          </cell>
          <cell r="D214" t="str">
            <v>Notice / tenurea</v>
          </cell>
          <cell r="E214" t="str">
            <v>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v>
          </cell>
          <cell r="F214">
            <v>1</v>
          </cell>
          <cell r="G214">
            <v>1.5</v>
          </cell>
          <cell r="H214">
            <v>2.25</v>
          </cell>
          <cell r="I214">
            <v>3</v>
          </cell>
          <cell r="J214">
            <v>3</v>
          </cell>
          <cell r="K214">
            <v>1</v>
          </cell>
        </row>
        <row r="215">
          <cell r="A215" t="str">
            <v>SloveniaEPL2B1, EPL2B2, EPL2B3</v>
          </cell>
          <cell r="B215" t="str">
            <v>Slovenia</v>
          </cell>
          <cell r="C215" t="str">
            <v>EPL2B1, EPL2B2, EPL2B3</v>
          </cell>
          <cell r="D215" t="str">
            <v>Severance pay / tenurea</v>
          </cell>
          <cell r="E215" t="str">
            <v>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t he payment of severance pay, the existence of a large number of jobs at the employer would be threatened. Calculation: 9 months: 0; 4 years: 0.8 months; 20 years: 6.7 months</v>
          </cell>
          <cell r="F215">
            <v>0</v>
          </cell>
          <cell r="G215">
            <v>0.8</v>
          </cell>
          <cell r="H215">
            <v>6.7</v>
          </cell>
          <cell r="I215">
            <v>0</v>
          </cell>
          <cell r="J215">
            <v>2</v>
          </cell>
          <cell r="K215">
            <v>3</v>
          </cell>
        </row>
        <row r="216">
          <cell r="A216" t="str">
            <v>SloveniaEPL3A</v>
          </cell>
          <cell r="B216" t="str">
            <v>Slovenia</v>
          </cell>
          <cell r="C216" t="str">
            <v>EPL3A</v>
          </cell>
          <cell r="D216" t="str">
            <v>Definition of justified or unfair dismissal</v>
          </cell>
          <cell r="E216" t="str">
            <v>Cancellation is legitimate if there exists a justified reason for cancellation which prevents continued work under the conditions from the employment contract.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F216">
            <v>2</v>
          </cell>
          <cell r="I216">
            <v>4</v>
          </cell>
        </row>
        <row r="217">
          <cell r="A217" t="str">
            <v>SloveniaEPL3B</v>
          </cell>
          <cell r="B217" t="str">
            <v>Slovenia</v>
          </cell>
          <cell r="C217" t="str">
            <v>EPL3B</v>
          </cell>
          <cell r="D217" t="str">
            <v>Trial period</v>
          </cell>
          <cell r="E217" t="str">
            <v>Probation can last a maximum of six months. It can be extended in the event of temporary absence from work. Unsuccessful completion of probation is a reason for extraordinary cancellation (without notice period).</v>
          </cell>
          <cell r="F217">
            <v>6</v>
          </cell>
          <cell r="I217">
            <v>3</v>
          </cell>
        </row>
        <row r="218">
          <cell r="A218" t="str">
            <v>SloveniaEPL3C</v>
          </cell>
          <cell r="B218" t="str">
            <v>Slovenia</v>
          </cell>
          <cell r="C218" t="str">
            <v>EPL3C</v>
          </cell>
          <cell r="D218" t="str">
            <v>compensation following unfair dismissalb</v>
          </cell>
          <cell r="E218"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v>
          </cell>
          <cell r="F218">
            <v>18</v>
          </cell>
          <cell r="I218">
            <v>3</v>
          </cell>
        </row>
        <row r="219">
          <cell r="A219" t="str">
            <v>SloveniaEPL3D</v>
          </cell>
          <cell r="B219" t="str">
            <v>Slovenia</v>
          </cell>
          <cell r="C219" t="str">
            <v>EPL3D</v>
          </cell>
          <cell r="D219" t="str">
            <v>Possibility of reinstatement following unfair dismissal</v>
          </cell>
          <cell r="E219" t="str">
            <v>If the courst determines that the employer's cancellation is not legitimate, but the worker does not wish to continue the employment, it may, on the proposal of the worker: determine the duration of the emplyo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F219">
            <v>2</v>
          </cell>
          <cell r="I219">
            <v>4</v>
          </cell>
        </row>
        <row r="220">
          <cell r="A220" t="str">
            <v>SloveniaEPL3E</v>
          </cell>
          <cell r="B220" t="str">
            <v>Slovenia</v>
          </cell>
          <cell r="C220" t="str">
            <v>EPL3E</v>
          </cell>
          <cell r="D220" t="str">
            <v>Maximum time for claim</v>
          </cell>
          <cell r="E220" t="str">
            <v>The worker may requset a determination of the illegitimacy of the dismissal within a deadline of 30 days from the day of being served notice of termination.</v>
          </cell>
          <cell r="F220">
            <v>1</v>
          </cell>
          <cell r="I220">
            <v>1</v>
          </cell>
        </row>
        <row r="221">
          <cell r="A221" t="str">
            <v>SloveniaFT1</v>
          </cell>
          <cell r="B221" t="str">
            <v>Slovenia</v>
          </cell>
          <cell r="C221" t="str">
            <v>FT1</v>
          </cell>
          <cell r="D221" t="str">
            <v>Valid cases for use of fixed-term contracts, other than  “objective”  or “material” situationc</v>
          </cell>
          <cell r="E221" t="str">
            <v>Employment contracts may be concluded for fixed terms where this involves cases provided by: the Employment Relationships Act; another act or firm-level collective agreement; a sector-level collective agreement for small employers.</v>
          </cell>
          <cell r="F221">
            <v>2</v>
          </cell>
          <cell r="I221">
            <v>2</v>
          </cell>
        </row>
        <row r="222">
          <cell r="A222" t="str">
            <v>SloveniaFT2</v>
          </cell>
          <cell r="B222" t="str">
            <v>Slovenia</v>
          </cell>
          <cell r="C222" t="str">
            <v>FT2</v>
          </cell>
          <cell r="D222" t="str">
            <v>Maximum number of successive fixed-term contractsd</v>
          </cell>
          <cell r="E222" t="str">
            <v>No limit, within 2-year time limit for fixed term contracts.</v>
          </cell>
          <cell r="F222">
            <v>100</v>
          </cell>
          <cell r="I222">
            <v>0</v>
          </cell>
        </row>
        <row r="223">
          <cell r="A223" t="str">
            <v>SloveniaFT3</v>
          </cell>
          <cell r="B223" t="str">
            <v>Slovenia</v>
          </cell>
          <cell r="C223" t="str">
            <v>FT3</v>
          </cell>
          <cell r="D223" t="str">
            <v>Maximum cumulated duration of successive fixed-term contracts</v>
          </cell>
          <cell r="E223" t="str">
            <v>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for small employers, a 3-year time limit is applicable up to 2010. Calculation: average of situation for large and small employers: (24+36)/2 = 30 months</v>
          </cell>
          <cell r="F223">
            <v>30</v>
          </cell>
          <cell r="I223">
            <v>2</v>
          </cell>
        </row>
        <row r="224">
          <cell r="A224" t="str">
            <v>SloveniaTWA1</v>
          </cell>
          <cell r="B224" t="str">
            <v>Slovenia</v>
          </cell>
          <cell r="C224" t="str">
            <v>TWA1</v>
          </cell>
          <cell r="D224" t="str">
            <v>Types of work for which TWA employment is legal</v>
          </cell>
          <cell r="E224"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F224">
            <v>3</v>
          </cell>
          <cell r="I224">
            <v>1.5</v>
          </cell>
        </row>
        <row r="225">
          <cell r="A225" t="str">
            <v>SloveniaTWA2</v>
          </cell>
          <cell r="B225" t="str">
            <v>Slovenia</v>
          </cell>
          <cell r="C225" t="str">
            <v>TWA2</v>
          </cell>
          <cell r="D225" t="str">
            <v>Are there any restrictions on the number of renewals of a TWA contract?</v>
          </cell>
          <cell r="E225" t="str">
            <v>No restrictions.</v>
          </cell>
          <cell r="F225" t="str">
            <v>No</v>
          </cell>
          <cell r="I225">
            <v>2</v>
          </cell>
        </row>
        <row r="226">
          <cell r="A226" t="str">
            <v>SloveniaTWA3</v>
          </cell>
          <cell r="B226" t="str">
            <v>Slovenia</v>
          </cell>
          <cell r="C226" t="str">
            <v>TWA3</v>
          </cell>
          <cell r="D226" t="str">
            <v>Maximum cumulated duration of temporary work contractse</v>
          </cell>
          <cell r="E226" t="str">
            <v>Employers may not provide the work of a worker to a user without interruption, or with interruptions of up to one month, for longer than a year if this inovolves for the entire time the performance of the same work by the worker.</v>
          </cell>
          <cell r="F226">
            <v>12</v>
          </cell>
          <cell r="I226">
            <v>4</v>
          </cell>
        </row>
        <row r="227">
          <cell r="A227" t="str">
            <v>SloveniaTWA4</v>
          </cell>
          <cell r="B227" t="str">
            <v>Slovenia</v>
          </cell>
          <cell r="C227" t="str">
            <v>TWA4</v>
          </cell>
          <cell r="D227" t="str">
            <v>Authorisation or reporting requirements</v>
          </cell>
          <cell r="E227" t="str">
            <v>Agencies must be entered into the register of agencies and issue annual reports. Agencies must also provide a report upon request from the Ministry.</v>
          </cell>
          <cell r="F227">
            <v>3</v>
          </cell>
          <cell r="I227">
            <v>6</v>
          </cell>
        </row>
        <row r="228">
          <cell r="A228" t="str">
            <v>SloveniaTWA5</v>
          </cell>
          <cell r="B228" t="str">
            <v>Slovenia</v>
          </cell>
          <cell r="C228" t="str">
            <v>TWA5</v>
          </cell>
          <cell r="D228" t="str">
            <v>Equal treatment for TWA workers</v>
          </cell>
          <cell r="E228"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F228">
            <v>2</v>
          </cell>
          <cell r="I228">
            <v>6</v>
          </cell>
        </row>
        <row r="229">
          <cell r="A229" t="str">
            <v>SloveniaCD1</v>
          </cell>
          <cell r="B229" t="str">
            <v>Slovenia</v>
          </cell>
          <cell r="C229" t="str">
            <v>CD1</v>
          </cell>
          <cell r="D229" t="str">
            <v>Definition of collective dismissal</v>
          </cell>
          <cell r="E229"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nmore workers.  Cancellation of the employment of large number of workers also occurs when the employer determines that for business reasons within a period of three months there will no longer be the need for the work of 20 or more workers.</v>
          </cell>
          <cell r="F229">
            <v>3</v>
          </cell>
          <cell r="I229">
            <v>4.5</v>
          </cell>
        </row>
        <row r="230">
          <cell r="A230" t="str">
            <v>SloveniaCD2</v>
          </cell>
          <cell r="B230" t="str">
            <v>Slovenia</v>
          </cell>
          <cell r="C230" t="str">
            <v>CD2</v>
          </cell>
          <cell r="D230" t="str">
            <v>Additional notification requirements in case of collective dismissals</v>
          </cell>
          <cell r="E230" t="str">
            <v xml:space="preserve">The obligation to inform and consult with the uion and the obligation to notify the Employment Service. </v>
          </cell>
          <cell r="F230">
            <v>1</v>
          </cell>
          <cell r="I230">
            <v>3</v>
          </cell>
        </row>
        <row r="231">
          <cell r="A231" t="str">
            <v>SloveniaCD3</v>
          </cell>
          <cell r="B231" t="str">
            <v>Slovenia</v>
          </cell>
          <cell r="C231" t="str">
            <v>CD3</v>
          </cell>
          <cell r="D231" t="str">
            <v>Additional delays involved in case of collective dismissals</v>
          </cell>
          <cell r="E231" t="str">
            <v>The empoyer may cancel the employment contracts of redundant workers in accordance with the programme of redundancies, but not prior to the expiry of the 30-day deadline from fulfilment of the obligation to notify the Employment Service.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30 - 11 days for individual dismissal = 19 days.</v>
          </cell>
          <cell r="F231">
            <v>19</v>
          </cell>
          <cell r="I231">
            <v>1</v>
          </cell>
        </row>
        <row r="232">
          <cell r="A232" t="str">
            <v>SloveniaCD4</v>
          </cell>
          <cell r="B232" t="str">
            <v>Slovenia</v>
          </cell>
          <cell r="C232" t="str">
            <v>CD4</v>
          </cell>
          <cell r="D232" t="str">
            <v>Other special costs to employers in case of collective dismissals</v>
          </cell>
          <cell r="E232"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F232">
            <v>1</v>
          </cell>
          <cell r="I232">
            <v>3</v>
          </cell>
        </row>
        <row r="233">
          <cell r="A233" t="str">
            <v>South AfricaEPL1A</v>
          </cell>
          <cell r="B233" t="str">
            <v>South Africa</v>
          </cell>
          <cell r="C233" t="str">
            <v>EPL1A</v>
          </cell>
          <cell r="D233" t="str">
            <v>Notification proceduresa</v>
          </cell>
          <cell r="E233" t="str">
            <v>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v>
          </cell>
          <cell r="F233">
            <v>1.5</v>
          </cell>
          <cell r="I233">
            <v>3</v>
          </cell>
        </row>
        <row r="234">
          <cell r="A234" t="str">
            <v>South AfricaEPL1B</v>
          </cell>
          <cell r="B234" t="str">
            <v>South Africa</v>
          </cell>
          <cell r="C234" t="str">
            <v>EPL1B</v>
          </cell>
          <cell r="D234" t="str">
            <v>Delay before notice can starta</v>
          </cell>
          <cell r="E234" t="str">
            <v>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v>
          </cell>
          <cell r="F234">
            <v>13</v>
          </cell>
          <cell r="I234">
            <v>2</v>
          </cell>
        </row>
        <row r="235">
          <cell r="A235" t="str">
            <v>South AfricaEPL2A1, EPL2A2, EPL2A3</v>
          </cell>
          <cell r="B235" t="str">
            <v>South Africa</v>
          </cell>
          <cell r="C235" t="str">
            <v>EPL2A1, EPL2A2, EPL2A3</v>
          </cell>
          <cell r="D235" t="str">
            <v>Notice / tenurea</v>
          </cell>
          <cell r="E235"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F235">
            <v>0.5</v>
          </cell>
          <cell r="G235">
            <v>1</v>
          </cell>
          <cell r="H235">
            <v>1</v>
          </cell>
          <cell r="I235">
            <v>2</v>
          </cell>
          <cell r="J235">
            <v>2</v>
          </cell>
          <cell r="K235">
            <v>1</v>
          </cell>
        </row>
        <row r="236">
          <cell r="A236" t="str">
            <v>South AfricaEPL2B1, EPL2B2, EPL2B3</v>
          </cell>
          <cell r="B236" t="str">
            <v>South Africa</v>
          </cell>
          <cell r="C236" t="str">
            <v>EPL2B1, EPL2B2, EPL2B3</v>
          </cell>
          <cell r="D236" t="str">
            <v>Severance pay / tenurea</v>
          </cell>
          <cell r="E236" t="str">
            <v>An employer must pay an employee who is dismissed for reasons based on the employer’s operation requirements severance pay equal to at least one week’s remuneration for each completed year of continuous service.</v>
          </cell>
          <cell r="F236">
            <v>0</v>
          </cell>
          <cell r="G236">
            <v>1</v>
          </cell>
          <cell r="H236">
            <v>5</v>
          </cell>
          <cell r="I236">
            <v>0</v>
          </cell>
          <cell r="J236">
            <v>2</v>
          </cell>
          <cell r="K236">
            <v>2</v>
          </cell>
        </row>
        <row r="237">
          <cell r="A237" t="str">
            <v>South AfricaEPL3A</v>
          </cell>
          <cell r="B237" t="str">
            <v>South Africa</v>
          </cell>
          <cell r="C237" t="str">
            <v>EPL3A</v>
          </cell>
          <cell r="D237" t="str">
            <v>Definition of justified or unfair dismissal</v>
          </cell>
          <cell r="E237" t="str">
            <v>Fair: Dismissals related to the employee's conduct or capacity or the employer's operational requirements and effected in accordance with a fair procedure. Unfair: dismissals for discriminatory reasons, based on participation in lawful industrial action are automatically unfair. Also unfair if the employer cannot prove that the dismissal was fair.</v>
          </cell>
          <cell r="F237">
            <v>0</v>
          </cell>
          <cell r="I237">
            <v>0</v>
          </cell>
        </row>
        <row r="238">
          <cell r="A238" t="str">
            <v>South AfricaEPL3B</v>
          </cell>
          <cell r="B238" t="str">
            <v>South Africa</v>
          </cell>
          <cell r="C238" t="str">
            <v>EPL3B</v>
          </cell>
          <cell r="D238" t="str">
            <v>Trial period</v>
          </cell>
          <cell r="E238" t="str">
            <v xml:space="preserve">No limit set in law. The length of the probationary period should be determined with reference to the nature of the job and the time it takes to determine the employee's suitability for continued employment. </v>
          </cell>
          <cell r="F238" t="str">
            <v>..</v>
          </cell>
          <cell r="I238" t="e">
            <v>#N/A</v>
          </cell>
        </row>
        <row r="239">
          <cell r="A239" t="str">
            <v>South AfricaEPL3C</v>
          </cell>
          <cell r="B239" t="str">
            <v>South Africa</v>
          </cell>
          <cell r="C239" t="str">
            <v>EPL3C</v>
          </cell>
          <cell r="D239" t="str">
            <v>compensation following unfair dismissalb</v>
          </cell>
          <cell r="E239"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F239">
            <v>12</v>
          </cell>
          <cell r="I239">
            <v>2</v>
          </cell>
        </row>
        <row r="240">
          <cell r="A240" t="str">
            <v>South AfricaEPL3D</v>
          </cell>
          <cell r="B240" t="str">
            <v>South Africa</v>
          </cell>
          <cell r="C240" t="str">
            <v>EPL3D</v>
          </cell>
          <cell r="D240" t="str">
            <v>Possibility of reinstatement following unfair dismissal</v>
          </cell>
          <cell r="E240" t="str">
            <v>Reinstatement is possible if the dismissal is found to be substantively, as opposed to procedurally, unfair, although compensation orders are more common.</v>
          </cell>
          <cell r="F240">
            <v>2</v>
          </cell>
          <cell r="I240">
            <v>4</v>
          </cell>
        </row>
        <row r="241">
          <cell r="A241" t="str">
            <v>South AfricaEPL3E</v>
          </cell>
          <cell r="B241" t="str">
            <v>South Africa</v>
          </cell>
          <cell r="C241" t="str">
            <v>EPL3E</v>
          </cell>
          <cell r="D241" t="str">
            <v>Maximum time for claim</v>
          </cell>
          <cell r="E241" t="str">
            <v>Within 30 days from the date of dismissal.</v>
          </cell>
          <cell r="F241">
            <v>1</v>
          </cell>
          <cell r="I241">
            <v>1</v>
          </cell>
        </row>
        <row r="242">
          <cell r="A242" t="str">
            <v>South AfricaFT1</v>
          </cell>
          <cell r="B242" t="str">
            <v>South Africa</v>
          </cell>
          <cell r="C242" t="str">
            <v>FT1</v>
          </cell>
          <cell r="D242" t="str">
            <v>Valid cases for use of fixed-term contracts, other than  “objective”  or “material” situationc</v>
          </cell>
          <cell r="E242" t="str">
            <v>Fixed-term contracts are widely used and possible for all types of employment. No objective reason is required.</v>
          </cell>
          <cell r="F242">
            <v>3</v>
          </cell>
          <cell r="I242">
            <v>0</v>
          </cell>
        </row>
        <row r="243">
          <cell r="A243" t="str">
            <v>South AfricaFT2</v>
          </cell>
          <cell r="B243" t="str">
            <v>South Africa</v>
          </cell>
          <cell r="C243" t="str">
            <v>FT2</v>
          </cell>
          <cell r="D243" t="str">
            <v>Maximum number of successive fixed-term contractsd</v>
          </cell>
          <cell r="E243"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F243">
            <v>4</v>
          </cell>
          <cell r="I243">
            <v>2</v>
          </cell>
        </row>
        <row r="244">
          <cell r="A244" t="str">
            <v>South AfricaFT3</v>
          </cell>
          <cell r="B244" t="str">
            <v>South Africa</v>
          </cell>
          <cell r="C244" t="str">
            <v>FT3</v>
          </cell>
          <cell r="D244" t="str">
            <v>Maximum cumulated duration of successive fixed-term contracts</v>
          </cell>
          <cell r="E244" t="str">
            <v>No limit</v>
          </cell>
          <cell r="F244">
            <v>100</v>
          </cell>
          <cell r="I244">
            <v>0</v>
          </cell>
        </row>
        <row r="245">
          <cell r="A245" t="str">
            <v>South AfricaTWA1</v>
          </cell>
          <cell r="B245" t="str">
            <v>South Africa</v>
          </cell>
          <cell r="C245" t="str">
            <v>TWA1</v>
          </cell>
          <cell r="D245" t="str">
            <v>Types of work for which TWA employment is legal</v>
          </cell>
          <cell r="E245" t="str">
            <v>All work</v>
          </cell>
          <cell r="F245">
            <v>4</v>
          </cell>
          <cell r="I245">
            <v>0</v>
          </cell>
        </row>
        <row r="246">
          <cell r="A246" t="str">
            <v>South AfricaTWA2</v>
          </cell>
          <cell r="B246" t="str">
            <v>South Africa</v>
          </cell>
          <cell r="C246" t="str">
            <v>TWA2</v>
          </cell>
          <cell r="D246" t="str">
            <v>Are there any restrictions on the number of renewals of a TWA contract?</v>
          </cell>
          <cell r="E246" t="str">
            <v>No</v>
          </cell>
          <cell r="F246" t="str">
            <v>No</v>
          </cell>
          <cell r="I246">
            <v>2</v>
          </cell>
        </row>
        <row r="247">
          <cell r="A247" t="str">
            <v>South AfricaTWA3</v>
          </cell>
          <cell r="B247" t="str">
            <v>South Africa</v>
          </cell>
          <cell r="C247" t="str">
            <v>TWA3</v>
          </cell>
          <cell r="D247" t="str">
            <v>Maximum cumulated duration of temporary work contractse</v>
          </cell>
          <cell r="E247" t="str">
            <v>No limit</v>
          </cell>
          <cell r="F247">
            <v>100</v>
          </cell>
          <cell r="I247">
            <v>0</v>
          </cell>
        </row>
        <row r="248">
          <cell r="A248" t="str">
            <v>South AfricaTWA4</v>
          </cell>
          <cell r="B248" t="str">
            <v>South Africa</v>
          </cell>
          <cell r="C248" t="str">
            <v>TWA4</v>
          </cell>
          <cell r="D248" t="str">
            <v>Authorisation or reporting requirements</v>
          </cell>
          <cell r="E248" t="str">
            <v>A temporary employment service is required to register with the Department of Labour.</v>
          </cell>
          <cell r="F248">
            <v>1</v>
          </cell>
          <cell r="I248">
            <v>2</v>
          </cell>
        </row>
        <row r="249">
          <cell r="A249" t="str">
            <v>South AfricaTWA5</v>
          </cell>
          <cell r="B249" t="str">
            <v>South Africa</v>
          </cell>
          <cell r="C249" t="str">
            <v>TWA5</v>
          </cell>
          <cell r="D249" t="str">
            <v>Equal treatment for TWA workers</v>
          </cell>
          <cell r="E249" t="str">
            <v>TWA workers are the employees of the agency and are bound by any collective agreement, sectoral determination or legislation that binds the agency.</v>
          </cell>
          <cell r="F249">
            <v>0</v>
          </cell>
          <cell r="I249">
            <v>0</v>
          </cell>
        </row>
        <row r="250">
          <cell r="A250" t="str">
            <v>South AfricaCD1</v>
          </cell>
          <cell r="B250" t="str">
            <v>South Africa</v>
          </cell>
          <cell r="C250" t="str">
            <v>CD1</v>
          </cell>
          <cell r="D250" t="str">
            <v>Definition of collective dismissal</v>
          </cell>
          <cell r="E250"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F250">
            <v>3</v>
          </cell>
          <cell r="I250">
            <v>4.5</v>
          </cell>
        </row>
        <row r="251">
          <cell r="A251" t="str">
            <v>South AfricaCD2</v>
          </cell>
          <cell r="B251" t="str">
            <v>South Africa</v>
          </cell>
          <cell r="C251" t="str">
            <v>CD2</v>
          </cell>
          <cell r="D251" t="str">
            <v>Additional notification requirements in case of collective dismissals</v>
          </cell>
          <cell r="E251" t="str">
            <v>None</v>
          </cell>
          <cell r="F251">
            <v>0</v>
          </cell>
          <cell r="I251">
            <v>0</v>
          </cell>
        </row>
        <row r="252">
          <cell r="A252" t="str">
            <v>South AfricaCD3</v>
          </cell>
          <cell r="B252" t="str">
            <v>South Africa</v>
          </cell>
          <cell r="C252" t="str">
            <v>CD3</v>
          </cell>
          <cell r="D252" t="str">
            <v>Additional delays involved in case of collective dismissals</v>
          </cell>
          <cell r="E252" t="str">
            <v>If requested by the employer or employee representatives, the Commission for Conciliation, Mediation and Arbitration must appoint a facilitator within 15 days of the retrenchment notice.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Average: (75+17)/2 = 46 days.</v>
          </cell>
          <cell r="F252">
            <v>46</v>
          </cell>
          <cell r="I252">
            <v>3</v>
          </cell>
        </row>
        <row r="253">
          <cell r="A253" t="str">
            <v>South AfricaCD4</v>
          </cell>
          <cell r="B253" t="str">
            <v>South Africa</v>
          </cell>
          <cell r="C253" t="str">
            <v>CD4</v>
          </cell>
          <cell r="D253" t="str">
            <v>Other special costs to employers in case of collective dismissals</v>
          </cell>
          <cell r="E253" t="str">
            <v>None, although the negotiation of social plans is common in the public service or state enterprises.</v>
          </cell>
          <cell r="F253">
            <v>0</v>
          </cell>
          <cell r="I253">
            <v>0</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ow r="5">
          <cell r="A5">
            <v>0</v>
          </cell>
        </row>
      </sheetData>
      <sheetData sheetId="15"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1-2"/>
      <sheetName val="Table 1-3"/>
    </sheetNames>
    <sheetDataSet>
      <sheetData sheetId="0" refreshError="1"/>
      <sheetData sheetId="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VPINK"/>
      <sheetName val="2 Pct"/>
      <sheetName val="3 CMR PINK"/>
      <sheetName val="4 CMR Tall Chart"/>
      <sheetName val="5 CMR Pet-Met Chart"/>
      <sheetName val="6 CMR Agr Chart"/>
      <sheetName val="7 CMR Indx chart"/>
      <sheetName val="8 CMR 24 charts"/>
      <sheetName val="annual"/>
      <sheetName val="monthly"/>
      <sheetName val="quarterly"/>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Drop down lists - round 1"/>
      <sheetName val="Indicators"/>
      <sheetName val="Table"/>
      <sheetName val="Averank"/>
      <sheetName val="EU Members"/>
      <sheetName val="Country"/>
      <sheetName val="Charts"/>
      <sheetName val="CorrelInd"/>
      <sheetName val="Correl"/>
      <sheetName val="CorrelPMR"/>
      <sheetName val="Scope"/>
      <sheetName val="Policy"/>
      <sheetName val="Probity"/>
      <sheetName val="Advocacy"/>
      <sheetName val="Competences"/>
      <sheetName val="Independence"/>
      <sheetName val="Investigation"/>
      <sheetName val="Sanctions"/>
      <sheetName val="Mergers"/>
      <sheetName val="Horizontal"/>
      <sheetName val="Vertical"/>
      <sheetName val="Exclusionary"/>
      <sheetName val="Fairness"/>
      <sheetName val="Accountability"/>
      <sheetName val="PrivateEnf"/>
      <sheetName val="check2agencies"/>
      <sheetName val="GCR"/>
      <sheetName val="WEF6.03"/>
      <sheetName val="EU"/>
      <sheetName val="CorrelEconomicoutcomes"/>
      <sheetName val="Correllsign"/>
      <sheetName val="PMR20082013"/>
      <sheetName val="EPL"/>
      <sheetName val="2012 FDI RR Index"/>
      <sheetName val="ControlofCorruption"/>
      <sheetName val="RuleofLaw"/>
      <sheetName val="RegulatoryQuality"/>
      <sheetName val="GovernmentEffectiveness"/>
      <sheetName val="end"/>
    </sheetNames>
    <sheetDataSet>
      <sheetData sheetId="0" refreshError="1"/>
      <sheetData sheetId="1" refreshError="1"/>
      <sheetData sheetId="2" refreshError="1"/>
      <sheetData sheetId="3">
        <row r="1">
          <cell r="C1" t="str">
            <v>SCOPE OF ACTION</v>
          </cell>
        </row>
      </sheetData>
      <sheetData sheetId="4" refreshError="1"/>
      <sheetData sheetId="5" refreshError="1"/>
      <sheetData sheetId="6" refreshError="1"/>
      <sheetData sheetId="7">
        <row r="7">
          <cell r="B7" t="str">
            <v>Australia</v>
          </cell>
        </row>
        <row r="8">
          <cell r="B8" t="str">
            <v>Austria</v>
          </cell>
        </row>
        <row r="9">
          <cell r="B9" t="str">
            <v>Belgium</v>
          </cell>
        </row>
        <row r="10">
          <cell r="B10" t="str">
            <v>Bulgaria</v>
          </cell>
        </row>
        <row r="11">
          <cell r="B11" t="str">
            <v>Brazil</v>
          </cell>
        </row>
        <row r="12">
          <cell r="B12" t="str">
            <v>Canada</v>
          </cell>
        </row>
        <row r="13">
          <cell r="B13" t="str">
            <v>Switzerland</v>
          </cell>
        </row>
        <row r="14">
          <cell r="B14" t="str">
            <v>Chile</v>
          </cell>
        </row>
        <row r="15">
          <cell r="B15" t="str">
            <v>Colombia</v>
          </cell>
        </row>
        <row r="16">
          <cell r="B16" t="str">
            <v>Czech Republic</v>
          </cell>
        </row>
        <row r="17">
          <cell r="B17" t="str">
            <v>Germany</v>
          </cell>
        </row>
        <row r="18">
          <cell r="B18" t="str">
            <v>Denmark</v>
          </cell>
        </row>
        <row r="19">
          <cell r="B19" t="str">
            <v>Egypt</v>
          </cell>
        </row>
        <row r="20">
          <cell r="B20" t="str">
            <v>Spain</v>
          </cell>
        </row>
        <row r="21">
          <cell r="B21" t="str">
            <v>Estonia</v>
          </cell>
        </row>
        <row r="22">
          <cell r="B22" t="str">
            <v>Finland</v>
          </cell>
        </row>
        <row r="23">
          <cell r="B23" t="str">
            <v>France</v>
          </cell>
        </row>
        <row r="24">
          <cell r="B24" t="str">
            <v>United Kingdom</v>
          </cell>
        </row>
        <row r="25">
          <cell r="B25" t="str">
            <v>Greece</v>
          </cell>
        </row>
        <row r="26">
          <cell r="B26" t="str">
            <v>Hungary</v>
          </cell>
        </row>
        <row r="27">
          <cell r="B27" t="str">
            <v>Indonesia</v>
          </cell>
        </row>
        <row r="28">
          <cell r="B28" t="str">
            <v>India</v>
          </cell>
        </row>
        <row r="29">
          <cell r="B29" t="str">
            <v>Ireland</v>
          </cell>
        </row>
        <row r="30">
          <cell r="B30" t="str">
            <v>Iceland</v>
          </cell>
        </row>
        <row r="31">
          <cell r="B31" t="str">
            <v>Israel</v>
          </cell>
        </row>
        <row r="32">
          <cell r="B32" t="str">
            <v>Italy</v>
          </cell>
        </row>
        <row r="33">
          <cell r="B33" t="str">
            <v>Japan</v>
          </cell>
        </row>
        <row r="34">
          <cell r="B34" t="str">
            <v>Korea</v>
          </cell>
        </row>
        <row r="35">
          <cell r="B35" t="str">
            <v>Lithuania</v>
          </cell>
        </row>
        <row r="36">
          <cell r="B36" t="str">
            <v>Luxembourg</v>
          </cell>
        </row>
        <row r="37">
          <cell r="B37" t="str">
            <v>Latvia</v>
          </cell>
        </row>
        <row r="38">
          <cell r="B38" t="str">
            <v>Mexico</v>
          </cell>
        </row>
        <row r="39">
          <cell r="B39" t="str">
            <v>Malta</v>
          </cell>
        </row>
        <row r="40">
          <cell r="B40" t="str">
            <v>Netherlands</v>
          </cell>
        </row>
        <row r="41">
          <cell r="B41" t="str">
            <v>Norway</v>
          </cell>
        </row>
        <row r="42">
          <cell r="B42" t="str">
            <v>New Zealand</v>
          </cell>
        </row>
        <row r="43">
          <cell r="B43" t="str">
            <v>Peru</v>
          </cell>
        </row>
        <row r="44">
          <cell r="B44" t="str">
            <v>Poland</v>
          </cell>
        </row>
        <row r="45">
          <cell r="B45" t="str">
            <v>Portugal</v>
          </cell>
        </row>
        <row r="46">
          <cell r="B46" t="str">
            <v>Romania</v>
          </cell>
        </row>
        <row r="47">
          <cell r="B47" t="str">
            <v>Russia</v>
          </cell>
        </row>
        <row r="48">
          <cell r="B48" t="str">
            <v>Slovakia</v>
          </cell>
        </row>
        <row r="49">
          <cell r="B49" t="str">
            <v>Slovenia</v>
          </cell>
        </row>
        <row r="50">
          <cell r="B50" t="str">
            <v>Sweden</v>
          </cell>
        </row>
        <row r="51">
          <cell r="B51" t="str">
            <v>Turkey</v>
          </cell>
        </row>
        <row r="52">
          <cell r="B52" t="str">
            <v>Ukraine</v>
          </cell>
        </row>
        <row r="53">
          <cell r="B53" t="str">
            <v>United States</v>
          </cell>
        </row>
        <row r="54">
          <cell r="B54" t="str">
            <v>South Africa</v>
          </cell>
        </row>
        <row r="57">
          <cell r="B57" t="str">
            <v>SCOPE OF ACTION</v>
          </cell>
        </row>
        <row r="58">
          <cell r="B58" t="str">
            <v>POLICY ON ANTICOMPETITIVE BEHAVIOURS</v>
          </cell>
        </row>
        <row r="59">
          <cell r="B59" t="str">
            <v>PROBITY OF INVESTIGATION</v>
          </cell>
        </row>
        <row r="60">
          <cell r="B60" t="str">
            <v>ADVOCACY</v>
          </cell>
        </row>
        <row r="61">
          <cell r="B61" t="str">
            <v>COMPETENCES</v>
          </cell>
        </row>
        <row r="62">
          <cell r="B62" t="str">
            <v>POWERS TO INVESTIGATE</v>
          </cell>
        </row>
        <row r="63">
          <cell r="B63" t="str">
            <v>POWERS TO SANCTION/REMEDY</v>
          </cell>
        </row>
        <row r="64">
          <cell r="B64" t="str">
            <v>PRIVATE ENFORCEMENT</v>
          </cell>
        </row>
        <row r="65">
          <cell r="B65" t="str">
            <v>HORIZONTAL AGREEMENTS</v>
          </cell>
        </row>
        <row r="66">
          <cell r="B66" t="str">
            <v>VERTICAL AGREEMENTS</v>
          </cell>
        </row>
        <row r="67">
          <cell r="B67" t="str">
            <v>MERGERS</v>
          </cell>
        </row>
        <row r="68">
          <cell r="B68" t="str">
            <v>EXCLUSIONARY CONDUCTS</v>
          </cell>
        </row>
        <row r="69">
          <cell r="B69" t="str">
            <v>INDEPENDENCE</v>
          </cell>
        </row>
        <row r="70">
          <cell r="B70" t="str">
            <v>ACCOUNTABILITY</v>
          </cell>
        </row>
        <row r="71">
          <cell r="B71" t="str">
            <v>PROCEDURAL FAIRNESS</v>
          </cell>
        </row>
        <row r="72">
          <cell r="B72" t="str">
            <v>ADVOCACY</v>
          </cell>
        </row>
        <row r="73">
          <cell r="B73" t="str">
            <v>WEF6.03</v>
          </cell>
        </row>
        <row r="74">
          <cell r="B74" t="str">
            <v>Average GCR</v>
          </cell>
        </row>
        <row r="76">
          <cell r="B76" t="str">
            <v>GDPCAP(2007-2012)</v>
          </cell>
        </row>
        <row r="77">
          <cell r="B77" t="str">
            <v>GDPCAPgrowth(2000-last year)</v>
          </cell>
        </row>
        <row r="78">
          <cell r="B78" t="str">
            <v>LabProd(2007-2011)</v>
          </cell>
        </row>
        <row r="79">
          <cell r="B79" t="str">
            <v>LabProdgrowth(2000-lastyear)</v>
          </cell>
        </row>
        <row r="80">
          <cell r="B80" t="str">
            <v>MFP2005-2010</v>
          </cell>
        </row>
        <row r="81">
          <cell r="B81" t="str">
            <v>PDYG2011</v>
          </cell>
        </row>
        <row r="83">
          <cell r="B83" t="str">
            <v xml:space="preserve">Administrative burdens for corporation </v>
          </cell>
        </row>
        <row r="84">
          <cell r="B84" t="str">
            <v xml:space="preserve">Administrative burdens for sole proprietor firms </v>
          </cell>
        </row>
        <row r="85">
          <cell r="B85" t="str">
            <v>Administrative burdens on startups</v>
          </cell>
        </row>
        <row r="86">
          <cell r="B86" t="str">
            <v xml:space="preserve">Antitrust exemptions </v>
          </cell>
        </row>
        <row r="87">
          <cell r="B87" t="str">
            <v>Barriers in network sectors</v>
          </cell>
        </row>
        <row r="88">
          <cell r="B88" t="str">
            <v>Barriers in services sectors</v>
          </cell>
        </row>
        <row r="89">
          <cell r="B89" t="str">
            <v>Barriers to entrepreneurship</v>
          </cell>
        </row>
        <row r="90">
          <cell r="B90" t="str">
            <v>Barriers to FDI</v>
          </cell>
        </row>
        <row r="91">
          <cell r="B91" t="str">
            <v>Barriers to trade and investment</v>
          </cell>
        </row>
        <row r="92">
          <cell r="B92" t="str">
            <v>Barriers to trade facilitation</v>
          </cell>
        </row>
        <row r="93">
          <cell r="B93" t="str">
            <v xml:space="preserve">Command &amp; control regulation </v>
          </cell>
        </row>
        <row r="94">
          <cell r="B94" t="str">
            <v>Communication and simplification of rules and procedures</v>
          </cell>
        </row>
        <row r="95">
          <cell r="B95" t="str">
            <v>Complexity of regulatory procedures</v>
          </cell>
        </row>
        <row r="96">
          <cell r="B96" t="str">
            <v>Differential treatment of foreign suppliers</v>
          </cell>
        </row>
        <row r="97">
          <cell r="B97" t="str">
            <v>Direct control over business enterprise</v>
          </cell>
        </row>
        <row r="98">
          <cell r="B98" t="str">
            <v>Explicit barriers to trade and investment</v>
          </cell>
        </row>
        <row r="99">
          <cell r="B99" t="str">
            <v>Governance of state-owned enterprises</v>
          </cell>
        </row>
        <row r="100">
          <cell r="B100" t="str">
            <v>Government involvement in network sectors</v>
          </cell>
        </row>
        <row r="101">
          <cell r="B101" t="str">
            <v>Involvement in business operation</v>
          </cell>
        </row>
        <row r="102">
          <cell r="B102" t="str">
            <v>Legal barriers to entry</v>
          </cell>
        </row>
        <row r="103">
          <cell r="B103" t="str">
            <v>Licence and permits system</v>
          </cell>
        </row>
        <row r="104">
          <cell r="B104" t="str">
            <v>Other barriers to trade and investment</v>
          </cell>
        </row>
        <row r="105">
          <cell r="B105" t="str">
            <v>Price controls</v>
          </cell>
        </row>
        <row r="106">
          <cell r="B106" t="str">
            <v>Product market regulation</v>
          </cell>
        </row>
        <row r="107">
          <cell r="B107" t="str">
            <v>Public ownership</v>
          </cell>
        </row>
        <row r="108">
          <cell r="B108" t="str">
            <v>Regulatory protection of incumbents</v>
          </cell>
        </row>
        <row r="109">
          <cell r="B109" t="str">
            <v>Scope of state-owned enterprises</v>
          </cell>
        </row>
        <row r="110">
          <cell r="B110" t="str">
            <v xml:space="preserve">Sector specific administrative burdens </v>
          </cell>
        </row>
        <row r="111">
          <cell r="B111" t="str">
            <v>State control</v>
          </cell>
        </row>
        <row r="112">
          <cell r="B112" t="str">
            <v xml:space="preserve">Tariffs </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2 FDI RR Index Chart"/>
      <sheetName val="2012 FDI Final Scores"/>
      <sheetName val="2012 FDI RR Index"/>
      <sheetName val="2012 FDI RR Index Summary"/>
      <sheetName val="Country Sector Benchmark"/>
      <sheetName val="Menu"/>
      <sheetName val="Horizontal"/>
      <sheetName val="Sectoral"/>
      <sheetName val="Score for restrictions"/>
      <sheetName val="country template"/>
      <sheetName val="Australia"/>
      <sheetName val="Austria"/>
      <sheetName val="Belgium"/>
      <sheetName val="Canada"/>
      <sheetName val="Chile"/>
      <sheetName val="Czech Republic"/>
      <sheetName val="Denmark"/>
      <sheetName val="Estonia"/>
      <sheetName val="Finland"/>
      <sheetName val="France"/>
      <sheetName val="Germany"/>
      <sheetName val="Greece"/>
      <sheetName val="Hungary"/>
      <sheetName val="Iceland"/>
      <sheetName val="Ireland"/>
      <sheetName val="Israel"/>
      <sheetName val="Italy"/>
      <sheetName val="Japan"/>
      <sheetName val="Korea"/>
      <sheetName val="Luxembourg"/>
      <sheetName val="Mexico"/>
      <sheetName val="Netherlands"/>
      <sheetName val="New Zealand"/>
      <sheetName val="Norway"/>
      <sheetName val="Poland"/>
      <sheetName val="Portugal"/>
      <sheetName val="Slovak Republic"/>
      <sheetName val="Slovenia"/>
      <sheetName val="Spain"/>
      <sheetName val="Sweden"/>
      <sheetName val="Switzerland"/>
      <sheetName val="Turkey"/>
      <sheetName val="United Kingdom"/>
      <sheetName val="United States"/>
      <sheetName val="Argentina"/>
      <sheetName val="Brazil"/>
      <sheetName val="China"/>
      <sheetName val="Colombia"/>
      <sheetName val="Egypt"/>
      <sheetName val="India"/>
      <sheetName val="Indonesia"/>
      <sheetName val="Kazakhstan"/>
      <sheetName val="Latvia"/>
      <sheetName val="Lithuania"/>
      <sheetName val="Morocco"/>
      <sheetName val="Peru"/>
      <sheetName val="Romania"/>
      <sheetName val="Russia"/>
      <sheetName val="Saudi Arabia"/>
      <sheetName val="South Africa"/>
      <sheetName val="Tunisia"/>
      <sheetName val="Ukraine"/>
      <sheetName val="Kyrgyz Republic"/>
      <sheetName val="Mongolia"/>
      <sheetName val="Jordan"/>
      <sheetName val="Malaysia"/>
      <sheetName val="2012 Country &amp; Measure"/>
      <sheetName val="2012 Complete Index table"/>
      <sheetName val="2012 Individual Country Report"/>
      <sheetName val="2012 Country &amp; Sector"/>
      <sheetName val="2012 FDI Index Summary"/>
      <sheetName val="Data for Chart1"/>
      <sheetName val="Chart1"/>
      <sheetName val="Data for Chart2"/>
      <sheetName val="Chart2"/>
      <sheetName val="Countries list"/>
      <sheetName val="Data for scatter"/>
      <sheetName val="Chart scatter"/>
    </sheetNames>
    <sheetDataSet>
      <sheetData sheetId="0" refreshError="1"/>
      <sheetData sheetId="1"/>
      <sheetData sheetId="2"/>
      <sheetData sheetId="3"/>
      <sheetData sheetId="4" refreshError="1"/>
      <sheetData sheetId="5">
        <row r="4">
          <cell r="D4">
            <v>2012</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efreshError="1"/>
      <sheetData sheetId="73"/>
      <sheetData sheetId="74" refreshError="1"/>
      <sheetData sheetId="75">
        <row r="3">
          <cell r="C3" t="str">
            <v>Australia</v>
          </cell>
          <cell r="J3" t="str">
            <v>Argentina</v>
          </cell>
        </row>
        <row r="4">
          <cell r="C4" t="str">
            <v>Austria</v>
          </cell>
          <cell r="J4" t="str">
            <v>Australia</v>
          </cell>
        </row>
        <row r="5">
          <cell r="C5" t="str">
            <v>Belgium</v>
          </cell>
          <cell r="J5" t="str">
            <v>Austria</v>
          </cell>
        </row>
        <row r="6">
          <cell r="C6" t="str">
            <v>Canada</v>
          </cell>
          <cell r="J6" t="str">
            <v>Belgium</v>
          </cell>
        </row>
        <row r="7">
          <cell r="C7" t="str">
            <v>Chile</v>
          </cell>
          <cell r="J7" t="str">
            <v>Brazil</v>
          </cell>
        </row>
        <row r="8">
          <cell r="C8" t="str">
            <v>Czech Republic</v>
          </cell>
          <cell r="J8" t="str">
            <v>Canada</v>
          </cell>
        </row>
        <row r="9">
          <cell r="C9" t="str">
            <v>Denmark</v>
          </cell>
          <cell r="J9" t="str">
            <v>Chile</v>
          </cell>
        </row>
        <row r="10">
          <cell r="C10" t="str">
            <v>Estonia</v>
          </cell>
          <cell r="J10" t="str">
            <v>China</v>
          </cell>
        </row>
        <row r="11">
          <cell r="C11" t="str">
            <v>Finland</v>
          </cell>
          <cell r="J11" t="str">
            <v>Colombia</v>
          </cell>
        </row>
        <row r="12">
          <cell r="C12" t="str">
            <v>France</v>
          </cell>
          <cell r="J12" t="str">
            <v>Czech Republic</v>
          </cell>
        </row>
        <row r="13">
          <cell r="C13" t="str">
            <v>Germany</v>
          </cell>
          <cell r="J13" t="str">
            <v>Denmark</v>
          </cell>
        </row>
        <row r="14">
          <cell r="C14" t="str">
            <v>Greece</v>
          </cell>
          <cell r="J14" t="str">
            <v>Egypt</v>
          </cell>
        </row>
        <row r="15">
          <cell r="C15" t="str">
            <v>Hungary</v>
          </cell>
          <cell r="J15" t="str">
            <v>Estonia</v>
          </cell>
        </row>
        <row r="16">
          <cell r="C16" t="str">
            <v>Iceland</v>
          </cell>
          <cell r="J16" t="str">
            <v>Finland</v>
          </cell>
        </row>
        <row r="17">
          <cell r="C17" t="str">
            <v>Ireland</v>
          </cell>
          <cell r="J17" t="str">
            <v>France</v>
          </cell>
        </row>
        <row r="18">
          <cell r="C18" t="str">
            <v>Israel</v>
          </cell>
          <cell r="J18" t="str">
            <v>Germany</v>
          </cell>
        </row>
        <row r="19">
          <cell r="C19" t="str">
            <v>Italy</v>
          </cell>
          <cell r="J19" t="str">
            <v>Greece</v>
          </cell>
        </row>
        <row r="20">
          <cell r="C20" t="str">
            <v>Japan</v>
          </cell>
          <cell r="J20" t="str">
            <v>Hungary</v>
          </cell>
        </row>
        <row r="21">
          <cell r="C21" t="str">
            <v>Korea</v>
          </cell>
          <cell r="J21" t="str">
            <v>Iceland</v>
          </cell>
        </row>
        <row r="22">
          <cell r="C22" t="str">
            <v>Luxembourg</v>
          </cell>
          <cell r="J22" t="str">
            <v>India</v>
          </cell>
        </row>
        <row r="23">
          <cell r="C23" t="str">
            <v>Mexico</v>
          </cell>
          <cell r="J23" t="str">
            <v>Indonesia</v>
          </cell>
        </row>
        <row r="24">
          <cell r="C24" t="str">
            <v>Netherlands</v>
          </cell>
          <cell r="J24" t="str">
            <v>Ireland</v>
          </cell>
        </row>
        <row r="25">
          <cell r="C25" t="str">
            <v>New Zealand</v>
          </cell>
          <cell r="J25" t="str">
            <v>Israel</v>
          </cell>
        </row>
        <row r="26">
          <cell r="C26" t="str">
            <v>Norway</v>
          </cell>
          <cell r="J26" t="str">
            <v>Italy</v>
          </cell>
        </row>
        <row r="27">
          <cell r="C27" t="str">
            <v>Poland</v>
          </cell>
          <cell r="J27" t="str">
            <v>Japan</v>
          </cell>
        </row>
        <row r="28">
          <cell r="C28" t="str">
            <v>Portugal</v>
          </cell>
          <cell r="J28" t="str">
            <v>Jordan</v>
          </cell>
        </row>
        <row r="29">
          <cell r="C29" t="str">
            <v>Slovak Republic</v>
          </cell>
          <cell r="J29" t="str">
            <v>Kazakhstan</v>
          </cell>
        </row>
        <row r="30">
          <cell r="C30" t="str">
            <v>Slovenia</v>
          </cell>
          <cell r="J30" t="str">
            <v>Korea</v>
          </cell>
        </row>
        <row r="31">
          <cell r="C31" t="str">
            <v>Spain</v>
          </cell>
          <cell r="J31" t="str">
            <v>Kyrgyz Republic</v>
          </cell>
        </row>
        <row r="32">
          <cell r="C32" t="str">
            <v>Sweden</v>
          </cell>
          <cell r="J32" t="str">
            <v>Latvia</v>
          </cell>
        </row>
        <row r="33">
          <cell r="C33" t="str">
            <v>Switzerland</v>
          </cell>
          <cell r="J33" t="str">
            <v>Lithuania</v>
          </cell>
        </row>
        <row r="34">
          <cell r="C34" t="str">
            <v>Turkey</v>
          </cell>
          <cell r="J34" t="str">
            <v>Luxembourg</v>
          </cell>
        </row>
        <row r="35">
          <cell r="C35" t="str">
            <v>United Kingdom</v>
          </cell>
          <cell r="J35" t="str">
            <v>Malaysia</v>
          </cell>
        </row>
        <row r="36">
          <cell r="C36" t="str">
            <v>United States</v>
          </cell>
          <cell r="J36" t="str">
            <v>Mexico</v>
          </cell>
        </row>
        <row r="37">
          <cell r="C37" t="str">
            <v>Argentina</v>
          </cell>
          <cell r="J37" t="str">
            <v>Mongolia</v>
          </cell>
        </row>
        <row r="38">
          <cell r="C38" t="str">
            <v>Brazil</v>
          </cell>
          <cell r="J38" t="str">
            <v>Morocco</v>
          </cell>
        </row>
        <row r="39">
          <cell r="C39" t="str">
            <v>China</v>
          </cell>
          <cell r="J39" t="str">
            <v>Netherlands</v>
          </cell>
        </row>
        <row r="40">
          <cell r="C40" t="str">
            <v>Colombia</v>
          </cell>
          <cell r="J40" t="str">
            <v>New Zealand</v>
          </cell>
        </row>
        <row r="41">
          <cell r="C41" t="str">
            <v>Egypt</v>
          </cell>
          <cell r="J41" t="str">
            <v>Norway</v>
          </cell>
        </row>
        <row r="42">
          <cell r="C42" t="str">
            <v>India</v>
          </cell>
          <cell r="J42" t="str">
            <v>Peru</v>
          </cell>
        </row>
        <row r="43">
          <cell r="C43" t="str">
            <v>Indonesia</v>
          </cell>
          <cell r="J43" t="str">
            <v>Poland</v>
          </cell>
        </row>
        <row r="44">
          <cell r="C44" t="str">
            <v>Kazakhstan</v>
          </cell>
          <cell r="J44" t="str">
            <v>Portugal</v>
          </cell>
        </row>
        <row r="45">
          <cell r="C45" t="str">
            <v>Latvia</v>
          </cell>
          <cell r="J45" t="str">
            <v>Romania</v>
          </cell>
        </row>
        <row r="46">
          <cell r="C46" t="str">
            <v>Lithuania</v>
          </cell>
          <cell r="J46" t="str">
            <v>Russia</v>
          </cell>
        </row>
        <row r="47">
          <cell r="C47" t="str">
            <v>Morocco</v>
          </cell>
          <cell r="J47" t="str">
            <v>Saudi Arabia</v>
          </cell>
        </row>
        <row r="48">
          <cell r="C48" t="str">
            <v>Peru</v>
          </cell>
          <cell r="J48" t="str">
            <v>Slovak Republic</v>
          </cell>
        </row>
        <row r="49">
          <cell r="C49" t="str">
            <v>Romania</v>
          </cell>
          <cell r="J49" t="str">
            <v>Slovenia</v>
          </cell>
        </row>
        <row r="50">
          <cell r="C50" t="str">
            <v>Russia</v>
          </cell>
          <cell r="J50" t="str">
            <v>South Africa</v>
          </cell>
        </row>
        <row r="51">
          <cell r="C51" t="str">
            <v>Saudi Arabia</v>
          </cell>
          <cell r="J51" t="str">
            <v>Spain</v>
          </cell>
        </row>
        <row r="52">
          <cell r="C52" t="str">
            <v>South Africa</v>
          </cell>
          <cell r="J52" t="str">
            <v>Sweden</v>
          </cell>
        </row>
        <row r="53">
          <cell r="C53" t="str">
            <v>Tunisia</v>
          </cell>
          <cell r="J53" t="str">
            <v>Switzerland</v>
          </cell>
        </row>
        <row r="54">
          <cell r="C54" t="str">
            <v>Ukraine</v>
          </cell>
          <cell r="J54" t="str">
            <v>Tunisia</v>
          </cell>
        </row>
        <row r="55">
          <cell r="C55" t="str">
            <v>Kyrgyz Republic</v>
          </cell>
          <cell r="J55" t="str">
            <v>Turkey</v>
          </cell>
        </row>
        <row r="56">
          <cell r="C56" t="str">
            <v>Mongolia</v>
          </cell>
          <cell r="J56" t="str">
            <v>Ukraine</v>
          </cell>
        </row>
        <row r="57">
          <cell r="C57" t="str">
            <v>Jordan</v>
          </cell>
          <cell r="J57" t="str">
            <v>United Kingdom</v>
          </cell>
        </row>
        <row r="58">
          <cell r="C58" t="str">
            <v>Malaysia</v>
          </cell>
          <cell r="J58" t="str">
            <v>United States</v>
          </cell>
        </row>
      </sheetData>
      <sheetData sheetId="76"/>
      <sheetData sheetId="7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Charts"/>
      <sheetName val="Technical Notes"/>
      <sheetName val="Table 1.1"/>
      <sheetName val="Table 1.2"/>
      <sheetName val="Table 1.3"/>
      <sheetName val="Table 1.4"/>
      <sheetName val="Table 1.5"/>
      <sheetName val="Table 2.1"/>
      <sheetName val="Table 2.2"/>
      <sheetName val="Table 2.3"/>
      <sheetName val="Table 3.1"/>
      <sheetName val="Table 3.2"/>
      <sheetName val="Table 3.3"/>
      <sheetName val="Table 4.1"/>
      <sheetName val="Table 4.2"/>
      <sheetName val="Table 4.3"/>
      <sheetName val="Table 5.1"/>
      <sheetName val="Table 5.2"/>
      <sheetName val="Table 5.3"/>
      <sheetName val="Table 6.1"/>
      <sheetName val="Table 6.2"/>
      <sheetName val="Table 6.3"/>
      <sheetName val="Table 6.4"/>
      <sheetName val="Table 7.1"/>
      <sheetName val="Data Values"/>
      <sheetName val="FC per Euro"/>
      <sheetName val="Calcul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6">
          <cell r="B6" t="str">
            <v>United States</v>
          </cell>
          <cell r="C6" t="str">
            <v>Argentina</v>
          </cell>
          <cell r="D6" t="str">
            <v>Australia</v>
          </cell>
          <cell r="E6" t="str">
            <v>Austria</v>
          </cell>
          <cell r="F6" t="str">
            <v>Belgium</v>
          </cell>
          <cell r="G6" t="str">
            <v>Brazil</v>
          </cell>
          <cell r="H6" t="str">
            <v>Canada</v>
          </cell>
          <cell r="I6" t="str">
            <v>Czech Republic</v>
          </cell>
          <cell r="J6" t="str">
            <v>Denmark</v>
          </cell>
          <cell r="K6" t="str">
            <v>Estonia</v>
          </cell>
          <cell r="L6" t="str">
            <v>Finland</v>
          </cell>
          <cell r="M6" t="str">
            <v>France</v>
          </cell>
          <cell r="N6" t="str">
            <v>Germany</v>
          </cell>
          <cell r="O6" t="str">
            <v>Greece</v>
          </cell>
          <cell r="P6" t="str">
            <v>Hungary</v>
          </cell>
          <cell r="Q6" t="str">
            <v>Ireland</v>
          </cell>
          <cell r="R6" t="str">
            <v>Israel</v>
          </cell>
          <cell r="S6" t="str">
            <v>Italy</v>
          </cell>
          <cell r="T6" t="str">
            <v>Japan</v>
          </cell>
          <cell r="U6" t="str">
            <v>Korea, Republic of</v>
          </cell>
          <cell r="V6" t="str">
            <v>Mexico</v>
          </cell>
          <cell r="W6" t="str">
            <v>Netherlands</v>
          </cell>
          <cell r="X6" t="str">
            <v>New Zealand</v>
          </cell>
          <cell r="Y6" t="str">
            <v>Norway</v>
          </cell>
          <cell r="Z6" t="str">
            <v>Philippines</v>
          </cell>
          <cell r="AA6" t="str">
            <v>Poland</v>
          </cell>
          <cell r="AB6" t="str">
            <v>Portugal</v>
          </cell>
          <cell r="AC6" t="str">
            <v>Singapore</v>
          </cell>
          <cell r="AD6" t="str">
            <v>Slovakia</v>
          </cell>
          <cell r="AE6" t="str">
            <v>Spain</v>
          </cell>
          <cell r="AF6" t="str">
            <v>Sweden</v>
          </cell>
          <cell r="AG6" t="str">
            <v>Switzerland</v>
          </cell>
          <cell r="AH6" t="str">
            <v>Taiwan</v>
          </cell>
          <cell r="AI6" t="str">
            <v>United Kingdom</v>
          </cell>
        </row>
        <row r="7">
          <cell r="A7">
            <v>1996</v>
          </cell>
          <cell r="B7">
            <v>22.11</v>
          </cell>
          <cell r="C7">
            <v>7.32</v>
          </cell>
          <cell r="D7">
            <v>19.36</v>
          </cell>
          <cell r="E7">
            <v>30.94</v>
          </cell>
          <cell r="F7">
            <v>31.92</v>
          </cell>
          <cell r="G7">
            <v>7.19</v>
          </cell>
          <cell r="H7">
            <v>19.010000000000002</v>
          </cell>
          <cell r="I7">
            <v>3.41</v>
          </cell>
          <cell r="J7">
            <v>0</v>
          </cell>
          <cell r="K7">
            <v>0</v>
          </cell>
          <cell r="L7">
            <v>24.73</v>
          </cell>
          <cell r="M7">
            <v>27.96</v>
          </cell>
          <cell r="N7">
            <v>33.32</v>
          </cell>
          <cell r="O7">
            <v>0</v>
          </cell>
          <cell r="P7">
            <v>3.12</v>
          </cell>
          <cell r="Q7">
            <v>17.399999999999999</v>
          </cell>
          <cell r="R7">
            <v>11.54</v>
          </cell>
          <cell r="S7">
            <v>20.88</v>
          </cell>
          <cell r="T7">
            <v>23.93</v>
          </cell>
          <cell r="U7">
            <v>9.69</v>
          </cell>
          <cell r="V7">
            <v>2.89</v>
          </cell>
          <cell r="W7">
            <v>0</v>
          </cell>
          <cell r="X7">
            <v>12.43</v>
          </cell>
          <cell r="Y7">
            <v>0</v>
          </cell>
          <cell r="Z7">
            <v>1.21</v>
          </cell>
          <cell r="AA7">
            <v>0</v>
          </cell>
          <cell r="AB7">
            <v>7.03</v>
          </cell>
          <cell r="AC7">
            <v>11.93</v>
          </cell>
          <cell r="AD7">
            <v>0</v>
          </cell>
          <cell r="AE7">
            <v>15.44</v>
          </cell>
          <cell r="AF7">
            <v>27.32</v>
          </cell>
          <cell r="AG7">
            <v>33.18</v>
          </cell>
          <cell r="AH7">
            <v>6.87</v>
          </cell>
          <cell r="AI7">
            <v>16.8</v>
          </cell>
        </row>
        <row r="8">
          <cell r="A8">
            <v>1997</v>
          </cell>
          <cell r="B8">
            <v>22.67</v>
          </cell>
          <cell r="C8">
            <v>7.43</v>
          </cell>
          <cell r="D8">
            <v>19.12</v>
          </cell>
          <cell r="E8">
            <v>27.38</v>
          </cell>
          <cell r="F8">
            <v>28.23</v>
          </cell>
          <cell r="G8">
            <v>7.11</v>
          </cell>
          <cell r="H8">
            <v>18.89</v>
          </cell>
          <cell r="I8">
            <v>3.24</v>
          </cell>
          <cell r="J8">
            <v>24.64</v>
          </cell>
          <cell r="K8">
            <v>0</v>
          </cell>
          <cell r="L8">
            <v>22.17</v>
          </cell>
          <cell r="M8">
            <v>24.99</v>
          </cell>
          <cell r="N8">
            <v>29.26</v>
          </cell>
          <cell r="O8">
            <v>0</v>
          </cell>
          <cell r="P8">
            <v>3.05</v>
          </cell>
          <cell r="Q8">
            <v>17.149999999999999</v>
          </cell>
          <cell r="R8">
            <v>12.32</v>
          </cell>
          <cell r="S8">
            <v>19.670000000000002</v>
          </cell>
          <cell r="T8">
            <v>22.28</v>
          </cell>
          <cell r="U8">
            <v>9.42</v>
          </cell>
          <cell r="V8">
            <v>3.3</v>
          </cell>
          <cell r="W8">
            <v>23.44</v>
          </cell>
          <cell r="X8">
            <v>12.37</v>
          </cell>
          <cell r="Y8">
            <v>26.97</v>
          </cell>
          <cell r="Z8">
            <v>1.1399999999999999</v>
          </cell>
          <cell r="AA8">
            <v>3.13</v>
          </cell>
          <cell r="AB8">
            <v>6.38</v>
          </cell>
          <cell r="AC8">
            <v>12.15</v>
          </cell>
          <cell r="AD8">
            <v>2.86</v>
          </cell>
          <cell r="AE8">
            <v>13.91</v>
          </cell>
          <cell r="AF8">
            <v>25.11</v>
          </cell>
          <cell r="AG8">
            <v>28.33</v>
          </cell>
          <cell r="AH8">
            <v>7.04</v>
          </cell>
          <cell r="AI8">
            <v>18.239999999999998</v>
          </cell>
        </row>
        <row r="9">
          <cell r="A9">
            <v>1998</v>
          </cell>
          <cell r="B9">
            <v>23.12</v>
          </cell>
          <cell r="C9">
            <v>7.87</v>
          </cell>
          <cell r="D9">
            <v>17.309999999999999</v>
          </cell>
          <cell r="E9">
            <v>27.68</v>
          </cell>
          <cell r="F9">
            <v>28.62</v>
          </cell>
          <cell r="G9">
            <v>6.79</v>
          </cell>
          <cell r="H9">
            <v>18.079999999999998</v>
          </cell>
          <cell r="I9">
            <v>3.53</v>
          </cell>
          <cell r="J9">
            <v>25.28</v>
          </cell>
          <cell r="K9">
            <v>0</v>
          </cell>
          <cell r="L9">
            <v>21.71</v>
          </cell>
          <cell r="M9">
            <v>25.11</v>
          </cell>
          <cell r="N9">
            <v>28.99</v>
          </cell>
          <cell r="O9">
            <v>0</v>
          </cell>
          <cell r="P9">
            <v>3.09</v>
          </cell>
          <cell r="Q9">
            <v>17.059999999999999</v>
          </cell>
          <cell r="R9">
            <v>12.41</v>
          </cell>
          <cell r="S9">
            <v>19.21</v>
          </cell>
          <cell r="T9">
            <v>20.83</v>
          </cell>
          <cell r="U9">
            <v>6.73</v>
          </cell>
          <cell r="V9">
            <v>3.4</v>
          </cell>
          <cell r="W9">
            <v>23.88</v>
          </cell>
          <cell r="X9">
            <v>10.28</v>
          </cell>
          <cell r="Y9">
            <v>26.98</v>
          </cell>
          <cell r="Z9">
            <v>0.87</v>
          </cell>
          <cell r="AA9">
            <v>3.42</v>
          </cell>
          <cell r="AB9">
            <v>6.59</v>
          </cell>
          <cell r="AC9">
            <v>11.47</v>
          </cell>
          <cell r="AD9">
            <v>2.91</v>
          </cell>
          <cell r="AE9">
            <v>14.11</v>
          </cell>
          <cell r="AF9">
            <v>25.3</v>
          </cell>
          <cell r="AG9">
            <v>28.64</v>
          </cell>
          <cell r="AH9">
            <v>6.34</v>
          </cell>
          <cell r="AI9">
            <v>19.62</v>
          </cell>
        </row>
        <row r="10">
          <cell r="A10">
            <v>1999</v>
          </cell>
          <cell r="B10">
            <v>23.64</v>
          </cell>
          <cell r="C10">
            <v>7.98</v>
          </cell>
          <cell r="D10">
            <v>18.32</v>
          </cell>
          <cell r="E10">
            <v>27.28</v>
          </cell>
          <cell r="F10">
            <v>28.02</v>
          </cell>
          <cell r="G10">
            <v>4.2300000000000004</v>
          </cell>
          <cell r="H10">
            <v>18.2</v>
          </cell>
          <cell r="I10">
            <v>3.48</v>
          </cell>
          <cell r="J10">
            <v>26.01</v>
          </cell>
          <cell r="K10">
            <v>0</v>
          </cell>
          <cell r="L10">
            <v>22.03</v>
          </cell>
          <cell r="M10">
            <v>24.42</v>
          </cell>
          <cell r="N10">
            <v>27.65</v>
          </cell>
          <cell r="O10">
            <v>0</v>
          </cell>
          <cell r="P10">
            <v>3.09</v>
          </cell>
          <cell r="Q10">
            <v>17.22</v>
          </cell>
          <cell r="R10">
            <v>12.09</v>
          </cell>
          <cell r="S10">
            <v>18.7</v>
          </cell>
          <cell r="T10">
            <v>23.88</v>
          </cell>
          <cell r="U10">
            <v>8.75</v>
          </cell>
          <cell r="V10">
            <v>3.83</v>
          </cell>
          <cell r="W10">
            <v>23.62</v>
          </cell>
          <cell r="X10">
            <v>10.41</v>
          </cell>
          <cell r="Y10">
            <v>27.32</v>
          </cell>
          <cell r="Z10">
            <v>0.95</v>
          </cell>
          <cell r="AA10">
            <v>3.36</v>
          </cell>
          <cell r="AB10">
            <v>6.52</v>
          </cell>
          <cell r="AC10">
            <v>11.01</v>
          </cell>
          <cell r="AD10">
            <v>2.61</v>
          </cell>
          <cell r="AE10">
            <v>13.89</v>
          </cell>
          <cell r="AF10">
            <v>24.94</v>
          </cell>
          <cell r="AG10">
            <v>27.67</v>
          </cell>
          <cell r="AH10">
            <v>6.79</v>
          </cell>
          <cell r="AI10">
            <v>21.1</v>
          </cell>
        </row>
        <row r="11">
          <cell r="A11">
            <v>2000</v>
          </cell>
          <cell r="B11">
            <v>24.63</v>
          </cell>
          <cell r="C11">
            <v>8.0500000000000007</v>
          </cell>
          <cell r="D11">
            <v>16.64</v>
          </cell>
          <cell r="E11">
            <v>24.15</v>
          </cell>
          <cell r="F11">
            <v>25.49</v>
          </cell>
          <cell r="G11">
            <v>4.38</v>
          </cell>
          <cell r="H11">
            <v>18.68</v>
          </cell>
          <cell r="I11">
            <v>3.39</v>
          </cell>
          <cell r="J11">
            <v>23.33</v>
          </cell>
          <cell r="K11">
            <v>2.5499999999999998</v>
          </cell>
          <cell r="L11">
            <v>19.899999999999999</v>
          </cell>
          <cell r="M11">
            <v>21.5</v>
          </cell>
          <cell r="N11">
            <v>25.48</v>
          </cell>
          <cell r="O11">
            <v>7.94</v>
          </cell>
          <cell r="P11">
            <v>2.96</v>
          </cell>
          <cell r="Q11">
            <v>16</v>
          </cell>
          <cell r="R11">
            <v>13.03</v>
          </cell>
          <cell r="S11">
            <v>16.57</v>
          </cell>
          <cell r="T11">
            <v>25.34</v>
          </cell>
          <cell r="U11">
            <v>9.7899999999999991</v>
          </cell>
          <cell r="V11">
            <v>4.47</v>
          </cell>
          <cell r="W11">
            <v>21.03</v>
          </cell>
          <cell r="X11">
            <v>9.25</v>
          </cell>
          <cell r="Y11">
            <v>25.03</v>
          </cell>
          <cell r="Z11">
            <v>0.88</v>
          </cell>
          <cell r="AA11">
            <v>3.35</v>
          </cell>
          <cell r="AB11">
            <v>5.85</v>
          </cell>
          <cell r="AC11">
            <v>11.72</v>
          </cell>
          <cell r="AD11">
            <v>2.61</v>
          </cell>
          <cell r="AE11">
            <v>12.37</v>
          </cell>
          <cell r="AF11">
            <v>23.54</v>
          </cell>
          <cell r="AG11">
            <v>24.82</v>
          </cell>
          <cell r="AH11">
            <v>7.3</v>
          </cell>
          <cell r="AI11">
            <v>20.47</v>
          </cell>
        </row>
        <row r="12">
          <cell r="A12">
            <v>2001</v>
          </cell>
          <cell r="B12">
            <v>25.9</v>
          </cell>
          <cell r="C12">
            <v>8.15</v>
          </cell>
          <cell r="D12">
            <v>15.25</v>
          </cell>
          <cell r="E12">
            <v>23.89</v>
          </cell>
          <cell r="F12">
            <v>25.19</v>
          </cell>
          <cell r="G12">
            <v>3.65</v>
          </cell>
          <cell r="H12">
            <v>18.14</v>
          </cell>
          <cell r="I12">
            <v>3.74</v>
          </cell>
          <cell r="J12">
            <v>23.99</v>
          </cell>
          <cell r="K12">
            <v>2.67</v>
          </cell>
          <cell r="L12">
            <v>20.46</v>
          </cell>
          <cell r="M12">
            <v>21.29</v>
          </cell>
          <cell r="N12">
            <v>25.36</v>
          </cell>
          <cell r="O12">
            <v>7.34</v>
          </cell>
          <cell r="P12">
            <v>3.37</v>
          </cell>
          <cell r="Q12">
            <v>17.350000000000001</v>
          </cell>
          <cell r="R12">
            <v>13.82</v>
          </cell>
          <cell r="S12">
            <v>16.66</v>
          </cell>
          <cell r="T12">
            <v>22.7</v>
          </cell>
          <cell r="U12">
            <v>9.11</v>
          </cell>
          <cell r="V12">
            <v>5.15</v>
          </cell>
          <cell r="W12">
            <v>22.06</v>
          </cell>
          <cell r="X12">
            <v>8.81</v>
          </cell>
          <cell r="Y12">
            <v>25.95</v>
          </cell>
          <cell r="Z12">
            <v>0.84</v>
          </cell>
          <cell r="AA12">
            <v>3.83</v>
          </cell>
          <cell r="AB12">
            <v>5.96</v>
          </cell>
          <cell r="AC12">
            <v>12.2</v>
          </cell>
          <cell r="AD12">
            <v>2.7</v>
          </cell>
          <cell r="AE12">
            <v>12.46</v>
          </cell>
          <cell r="AF12">
            <v>22.06</v>
          </cell>
          <cell r="AG12">
            <v>25.5</v>
          </cell>
          <cell r="AH12">
            <v>7.16</v>
          </cell>
          <cell r="AI12">
            <v>20.72</v>
          </cell>
        </row>
        <row r="13">
          <cell r="A13">
            <v>2002</v>
          </cell>
          <cell r="B13">
            <v>27.01</v>
          </cell>
          <cell r="C13">
            <v>2.98</v>
          </cell>
          <cell r="D13">
            <v>17.670000000000002</v>
          </cell>
          <cell r="E13">
            <v>25.89</v>
          </cell>
          <cell r="F13">
            <v>27.19</v>
          </cell>
          <cell r="G13">
            <v>3.1</v>
          </cell>
          <cell r="H13">
            <v>18.39</v>
          </cell>
          <cell r="I13">
            <v>4.5999999999999996</v>
          </cell>
          <cell r="J13">
            <v>26.32</v>
          </cell>
          <cell r="K13">
            <v>3.09</v>
          </cell>
          <cell r="L13">
            <v>22.65</v>
          </cell>
          <cell r="M13">
            <v>22.95</v>
          </cell>
          <cell r="N13">
            <v>27.71</v>
          </cell>
          <cell r="O13">
            <v>9.2200000000000006</v>
          </cell>
          <cell r="P13">
            <v>4.1900000000000004</v>
          </cell>
          <cell r="Q13">
            <v>19.350000000000001</v>
          </cell>
          <cell r="R13">
            <v>12.57</v>
          </cell>
          <cell r="S13">
            <v>18.5</v>
          </cell>
          <cell r="T13">
            <v>21.75</v>
          </cell>
          <cell r="U13">
            <v>10.37</v>
          </cell>
          <cell r="V13">
            <v>5.33</v>
          </cell>
          <cell r="W13">
            <v>24.22</v>
          </cell>
          <cell r="X13">
            <v>10.11</v>
          </cell>
          <cell r="Y13">
            <v>30.97</v>
          </cell>
          <cell r="Z13">
            <v>0.88</v>
          </cell>
          <cell r="AA13">
            <v>3.98</v>
          </cell>
          <cell r="AB13">
            <v>6.61</v>
          </cell>
          <cell r="AC13">
            <v>12.14</v>
          </cell>
          <cell r="AD13">
            <v>3.25</v>
          </cell>
          <cell r="AE13">
            <v>13.82</v>
          </cell>
          <cell r="AF13">
            <v>24.76</v>
          </cell>
          <cell r="AG13">
            <v>28.17</v>
          </cell>
          <cell r="AH13">
            <v>6.83</v>
          </cell>
          <cell r="AI13">
            <v>21.88</v>
          </cell>
        </row>
        <row r="14">
          <cell r="A14">
            <v>2003</v>
          </cell>
          <cell r="B14">
            <v>28.18</v>
          </cell>
          <cell r="C14">
            <v>3.62</v>
          </cell>
          <cell r="D14">
            <v>22.95</v>
          </cell>
          <cell r="E14">
            <v>31.54</v>
          </cell>
          <cell r="F14">
            <v>34.380000000000003</v>
          </cell>
          <cell r="G14">
            <v>3.25</v>
          </cell>
          <cell r="H14">
            <v>21.49</v>
          </cell>
          <cell r="I14">
            <v>5.63</v>
          </cell>
          <cell r="J14">
            <v>32.58</v>
          </cell>
          <cell r="K14">
            <v>4.07</v>
          </cell>
          <cell r="L14">
            <v>28.15</v>
          </cell>
          <cell r="M14">
            <v>28.03</v>
          </cell>
          <cell r="N14">
            <v>34.1</v>
          </cell>
          <cell r="O14">
            <v>12.25</v>
          </cell>
          <cell r="P14">
            <v>5.19</v>
          </cell>
          <cell r="Q14">
            <v>24.29</v>
          </cell>
          <cell r="R14">
            <v>13.31</v>
          </cell>
          <cell r="S14">
            <v>23.28</v>
          </cell>
          <cell r="T14">
            <v>23.71</v>
          </cell>
          <cell r="U14">
            <v>11.44</v>
          </cell>
          <cell r="V14">
            <v>5.0599999999999996</v>
          </cell>
          <cell r="W14">
            <v>30.49</v>
          </cell>
          <cell r="X14">
            <v>12.97</v>
          </cell>
          <cell r="Y14">
            <v>36.369999999999997</v>
          </cell>
          <cell r="Z14">
            <v>0.89</v>
          </cell>
          <cell r="AA14">
            <v>4.3</v>
          </cell>
          <cell r="AB14">
            <v>8.02</v>
          </cell>
          <cell r="AC14">
            <v>12.74</v>
          </cell>
          <cell r="AD14">
            <v>4.3899999999999997</v>
          </cell>
          <cell r="AE14">
            <v>17.38</v>
          </cell>
          <cell r="AF14">
            <v>31.26</v>
          </cell>
          <cell r="AG14">
            <v>32.700000000000003</v>
          </cell>
          <cell r="AH14">
            <v>6.97</v>
          </cell>
          <cell r="AI14">
            <v>25</v>
          </cell>
        </row>
        <row r="15">
          <cell r="A15">
            <v>2004</v>
          </cell>
          <cell r="B15">
            <v>28.94</v>
          </cell>
          <cell r="C15">
            <v>4.47</v>
          </cell>
          <cell r="D15">
            <v>27.08</v>
          </cell>
          <cell r="E15">
            <v>34.81</v>
          </cell>
          <cell r="F15">
            <v>39.33</v>
          </cell>
          <cell r="G15">
            <v>3.84</v>
          </cell>
          <cell r="H15">
            <v>24.14</v>
          </cell>
          <cell r="I15">
            <v>6.56</v>
          </cell>
          <cell r="J15">
            <v>36.43</v>
          </cell>
          <cell r="K15">
            <v>4.8099999999999996</v>
          </cell>
          <cell r="L15">
            <v>32.5</v>
          </cell>
          <cell r="M15">
            <v>31.43</v>
          </cell>
          <cell r="N15">
            <v>37.79</v>
          </cell>
          <cell r="O15">
            <v>15.18</v>
          </cell>
          <cell r="P15">
            <v>6.17</v>
          </cell>
          <cell r="Q15">
            <v>28.09</v>
          </cell>
          <cell r="R15">
            <v>13.72</v>
          </cell>
          <cell r="S15">
            <v>26.98</v>
          </cell>
          <cell r="T15">
            <v>25.59</v>
          </cell>
          <cell r="U15">
            <v>12.73</v>
          </cell>
          <cell r="V15">
            <v>5.0199999999999996</v>
          </cell>
          <cell r="W15">
            <v>34.119999999999997</v>
          </cell>
          <cell r="X15">
            <v>15.09</v>
          </cell>
          <cell r="Y15">
            <v>40.17</v>
          </cell>
          <cell r="Z15">
            <v>0.96</v>
          </cell>
          <cell r="AA15">
            <v>4.6900000000000004</v>
          </cell>
          <cell r="AB15">
            <v>9.09</v>
          </cell>
          <cell r="AC15">
            <v>13.2</v>
          </cell>
          <cell r="AD15">
            <v>5.21</v>
          </cell>
          <cell r="AE15">
            <v>19.78</v>
          </cell>
          <cell r="AF15">
            <v>34.99</v>
          </cell>
          <cell r="AG15">
            <v>35.299999999999997</v>
          </cell>
          <cell r="AH15">
            <v>7.28</v>
          </cell>
          <cell r="AI15">
            <v>30.45</v>
          </cell>
        </row>
        <row r="16">
          <cell r="A16">
            <v>2005</v>
          </cell>
          <cell r="B16">
            <v>29.74</v>
          </cell>
          <cell r="C16">
            <v>5.46</v>
          </cell>
          <cell r="D16">
            <v>28.83</v>
          </cell>
          <cell r="E16">
            <v>36.14</v>
          </cell>
          <cell r="F16">
            <v>39.93</v>
          </cell>
          <cell r="G16">
            <v>5.05</v>
          </cell>
          <cell r="H16">
            <v>26.81</v>
          </cell>
          <cell r="I16">
            <v>7.28</v>
          </cell>
          <cell r="J16">
            <v>37.89</v>
          </cell>
          <cell r="K16">
            <v>5.44</v>
          </cell>
          <cell r="L16">
            <v>33.72</v>
          </cell>
          <cell r="M16">
            <v>32.53</v>
          </cell>
          <cell r="N16">
            <v>38.18</v>
          </cell>
          <cell r="O16">
            <v>14.66</v>
          </cell>
          <cell r="P16">
            <v>6.71</v>
          </cell>
          <cell r="Q16">
            <v>29.1</v>
          </cell>
          <cell r="R16">
            <v>14.06</v>
          </cell>
          <cell r="S16">
            <v>27.76</v>
          </cell>
          <cell r="T16">
            <v>25.56</v>
          </cell>
          <cell r="U16">
            <v>15.13</v>
          </cell>
          <cell r="V16">
            <v>5.36</v>
          </cell>
          <cell r="W16">
            <v>34.85</v>
          </cell>
          <cell r="X16">
            <v>16.579999999999998</v>
          </cell>
          <cell r="Y16">
            <v>42.87</v>
          </cell>
          <cell r="Z16">
            <v>1.06</v>
          </cell>
          <cell r="AA16">
            <v>5.47</v>
          </cell>
          <cell r="AB16">
            <v>9.36</v>
          </cell>
          <cell r="AC16">
            <v>13.25</v>
          </cell>
          <cell r="AD16">
            <v>5.83</v>
          </cell>
          <cell r="AE16">
            <v>20.68</v>
          </cell>
          <cell r="AF16">
            <v>35.520000000000003</v>
          </cell>
          <cell r="AG16">
            <v>36.06</v>
          </cell>
          <cell r="AH16">
            <v>7.93</v>
          </cell>
          <cell r="AI16">
            <v>31.58</v>
          </cell>
        </row>
        <row r="17">
          <cell r="A17">
            <v>2006</v>
          </cell>
          <cell r="B17">
            <v>29.98</v>
          </cell>
          <cell r="C17">
            <v>6.57</v>
          </cell>
          <cell r="D17">
            <v>29.55</v>
          </cell>
          <cell r="E17">
            <v>37.53</v>
          </cell>
          <cell r="F17">
            <v>40.93</v>
          </cell>
          <cell r="G17">
            <v>6.02</v>
          </cell>
          <cell r="H17">
            <v>29.21</v>
          </cell>
          <cell r="I17">
            <v>8.1300000000000008</v>
          </cell>
          <cell r="J17">
            <v>39.29</v>
          </cell>
          <cell r="K17">
            <v>6.43</v>
          </cell>
          <cell r="L17">
            <v>35.270000000000003</v>
          </cell>
          <cell r="M17">
            <v>33.880000000000003</v>
          </cell>
          <cell r="N17">
            <v>39.700000000000003</v>
          </cell>
          <cell r="O17">
            <v>15.78</v>
          </cell>
          <cell r="P17">
            <v>6.85</v>
          </cell>
          <cell r="Q17">
            <v>30.37</v>
          </cell>
          <cell r="R17">
            <v>14.35</v>
          </cell>
          <cell r="S17">
            <v>28.72</v>
          </cell>
          <cell r="T17">
            <v>24.32</v>
          </cell>
          <cell r="U17">
            <v>17.55</v>
          </cell>
          <cell r="V17">
            <v>5.59</v>
          </cell>
          <cell r="W17">
            <v>35.83</v>
          </cell>
          <cell r="X17">
            <v>16.04</v>
          </cell>
          <cell r="Y17">
            <v>45.39</v>
          </cell>
          <cell r="Z17">
            <v>1.21</v>
          </cell>
          <cell r="AA17">
            <v>6.03</v>
          </cell>
          <cell r="AB17">
            <v>9.74</v>
          </cell>
          <cell r="AC17">
            <v>13.77</v>
          </cell>
          <cell r="AD17">
            <v>6.59</v>
          </cell>
          <cell r="AE17">
            <v>21.73</v>
          </cell>
          <cell r="AF17">
            <v>36.53</v>
          </cell>
          <cell r="AG17">
            <v>36.549999999999997</v>
          </cell>
          <cell r="AH17">
            <v>8.0500000000000007</v>
          </cell>
          <cell r="AI17">
            <v>33</v>
          </cell>
        </row>
        <row r="18">
          <cell r="A18">
            <v>2007</v>
          </cell>
          <cell r="B18">
            <v>31.51</v>
          </cell>
          <cell r="C18">
            <v>7.97</v>
          </cell>
          <cell r="D18">
            <v>34.08</v>
          </cell>
          <cell r="E18">
            <v>42.54</v>
          </cell>
          <cell r="F18">
            <v>45.24</v>
          </cell>
          <cell r="G18">
            <v>7.15</v>
          </cell>
          <cell r="H18">
            <v>31.92</v>
          </cell>
          <cell r="I18">
            <v>9.67</v>
          </cell>
          <cell r="J18">
            <v>45.67</v>
          </cell>
          <cell r="K18">
            <v>8.49</v>
          </cell>
          <cell r="L18">
            <v>39.450000000000003</v>
          </cell>
          <cell r="M18">
            <v>38.159999999999997</v>
          </cell>
          <cell r="N18">
            <v>43.91</v>
          </cell>
          <cell r="O18">
            <v>17.72</v>
          </cell>
          <cell r="P18">
            <v>8.66</v>
          </cell>
          <cell r="Q18">
            <v>34.96</v>
          </cell>
          <cell r="R18">
            <v>16</v>
          </cell>
          <cell r="S18">
            <v>32.21</v>
          </cell>
          <cell r="T18">
            <v>23.97</v>
          </cell>
          <cell r="U18">
            <v>19.420000000000002</v>
          </cell>
          <cell r="V18">
            <v>5.87</v>
          </cell>
          <cell r="W18">
            <v>39.74</v>
          </cell>
          <cell r="X18">
            <v>19.149999999999999</v>
          </cell>
          <cell r="Y18">
            <v>53.02</v>
          </cell>
          <cell r="Z18">
            <v>1.4</v>
          </cell>
          <cell r="AA18">
            <v>7.44</v>
          </cell>
          <cell r="AB18">
            <v>10.92</v>
          </cell>
          <cell r="AC18">
            <v>15.71</v>
          </cell>
          <cell r="AD18">
            <v>8.4600000000000009</v>
          </cell>
          <cell r="AE18">
            <v>24.7</v>
          </cell>
          <cell r="AF18">
            <v>42.28</v>
          </cell>
          <cell r="AG18">
            <v>38.76</v>
          </cell>
          <cell r="AH18">
            <v>8.18</v>
          </cell>
          <cell r="AI18">
            <v>37.020000000000003</v>
          </cell>
        </row>
        <row r="19">
          <cell r="A19">
            <v>2008</v>
          </cell>
          <cell r="B19">
            <v>32.229999999999997</v>
          </cell>
          <cell r="C19">
            <v>9.9499999999999993</v>
          </cell>
          <cell r="D19">
            <v>36.909999999999997</v>
          </cell>
          <cell r="E19">
            <v>47.81</v>
          </cell>
          <cell r="F19">
            <v>50.82</v>
          </cell>
          <cell r="G19">
            <v>8.48</v>
          </cell>
          <cell r="H19">
            <v>32.700000000000003</v>
          </cell>
          <cell r="I19">
            <v>12.2</v>
          </cell>
          <cell r="J19">
            <v>50.08</v>
          </cell>
          <cell r="K19">
            <v>10.34</v>
          </cell>
          <cell r="L19">
            <v>44.68</v>
          </cell>
          <cell r="M19">
            <v>42.23</v>
          </cell>
          <cell r="N19">
            <v>48.22</v>
          </cell>
          <cell r="O19">
            <v>19.579999999999998</v>
          </cell>
          <cell r="P19">
            <v>9.77</v>
          </cell>
          <cell r="Q19">
            <v>39.369999999999997</v>
          </cell>
          <cell r="R19">
            <v>19.510000000000002</v>
          </cell>
          <cell r="S19">
            <v>35.770000000000003</v>
          </cell>
          <cell r="T19">
            <v>27.8</v>
          </cell>
          <cell r="U19">
            <v>16.27</v>
          </cell>
          <cell r="V19">
            <v>6.12</v>
          </cell>
          <cell r="W19">
            <v>44.72</v>
          </cell>
          <cell r="X19">
            <v>19.12</v>
          </cell>
          <cell r="Y19">
            <v>58.22</v>
          </cell>
          <cell r="Z19">
            <v>1.55</v>
          </cell>
          <cell r="AA19">
            <v>9.3800000000000008</v>
          </cell>
          <cell r="AB19">
            <v>12.24</v>
          </cell>
          <cell r="AC19">
            <v>18.850000000000001</v>
          </cell>
          <cell r="AD19">
            <v>10.89</v>
          </cell>
          <cell r="AE19">
            <v>27.63</v>
          </cell>
          <cell r="AF19">
            <v>44.09</v>
          </cell>
          <cell r="AG19">
            <v>43.76</v>
          </cell>
          <cell r="AH19">
            <v>8.68</v>
          </cell>
          <cell r="AI19">
            <v>35.75</v>
          </cell>
        </row>
        <row r="20">
          <cell r="A20">
            <v>2009</v>
          </cell>
          <cell r="B20">
            <v>33.53</v>
          </cell>
          <cell r="C20">
            <v>10.14</v>
          </cell>
          <cell r="D20">
            <v>34.619999999999997</v>
          </cell>
          <cell r="E20">
            <v>48.04</v>
          </cell>
          <cell r="F20">
            <v>49.4</v>
          </cell>
          <cell r="G20">
            <v>8.32</v>
          </cell>
          <cell r="H20">
            <v>29.6</v>
          </cell>
          <cell r="I20">
            <v>11.21</v>
          </cell>
          <cell r="J20">
            <v>49.56</v>
          </cell>
          <cell r="K20">
            <v>9.83</v>
          </cell>
          <cell r="L20">
            <v>43.77</v>
          </cell>
          <cell r="M20">
            <v>40.08</v>
          </cell>
          <cell r="N20">
            <v>46.52</v>
          </cell>
          <cell r="O20">
            <v>19.23</v>
          </cell>
          <cell r="P20">
            <v>8.6199999999999992</v>
          </cell>
          <cell r="Q20">
            <v>39.020000000000003</v>
          </cell>
          <cell r="R20">
            <v>18.39</v>
          </cell>
          <cell r="S20">
            <v>34.97</v>
          </cell>
          <cell r="T20">
            <v>30.36</v>
          </cell>
          <cell r="U20">
            <v>14.2</v>
          </cell>
          <cell r="V20">
            <v>5.38</v>
          </cell>
          <cell r="W20">
            <v>43.5</v>
          </cell>
          <cell r="X20">
            <v>17.440000000000001</v>
          </cell>
          <cell r="Y20">
            <v>53.89</v>
          </cell>
          <cell r="Z20">
            <v>1.5</v>
          </cell>
          <cell r="AA20">
            <v>7.5</v>
          </cell>
          <cell r="AB20">
            <v>11.95</v>
          </cell>
          <cell r="AC20">
            <v>17.5</v>
          </cell>
          <cell r="AD20">
            <v>11.24</v>
          </cell>
          <cell r="AE20">
            <v>27.74</v>
          </cell>
          <cell r="AF20">
            <v>39.869999999999997</v>
          </cell>
          <cell r="AG20">
            <v>44.29</v>
          </cell>
          <cell r="AH20">
            <v>7.76</v>
          </cell>
          <cell r="AI20">
            <v>30.78</v>
          </cell>
        </row>
        <row r="40">
          <cell r="B40" t="str">
            <v>United States</v>
          </cell>
          <cell r="C40" t="str">
            <v>Argentina</v>
          </cell>
          <cell r="D40" t="str">
            <v>Australia</v>
          </cell>
          <cell r="E40" t="str">
            <v>Austria</v>
          </cell>
          <cell r="F40" t="str">
            <v>Belgium</v>
          </cell>
          <cell r="G40" t="str">
            <v>Brazil</v>
          </cell>
          <cell r="H40" t="str">
            <v>Canada</v>
          </cell>
          <cell r="I40" t="str">
            <v>Czech Republic</v>
          </cell>
          <cell r="J40" t="str">
            <v>Denmark</v>
          </cell>
          <cell r="K40" t="str">
            <v>Estonia</v>
          </cell>
          <cell r="L40" t="str">
            <v>Finland</v>
          </cell>
          <cell r="M40" t="str">
            <v>France</v>
          </cell>
          <cell r="N40" t="str">
            <v>Germany</v>
          </cell>
          <cell r="O40" t="str">
            <v>Greece</v>
          </cell>
          <cell r="P40" t="str">
            <v>Hungary</v>
          </cell>
          <cell r="Q40" t="str">
            <v>Ireland</v>
          </cell>
          <cell r="R40" t="str">
            <v>Israel</v>
          </cell>
          <cell r="S40" t="str">
            <v>Italy</v>
          </cell>
          <cell r="T40" t="str">
            <v>Japan</v>
          </cell>
          <cell r="U40" t="str">
            <v>Korea, Republic of</v>
          </cell>
          <cell r="V40" t="str">
            <v>Mexico</v>
          </cell>
          <cell r="W40" t="str">
            <v>Netherlands</v>
          </cell>
          <cell r="X40" t="str">
            <v>New Zealand</v>
          </cell>
          <cell r="Y40" t="str">
            <v>Norway</v>
          </cell>
          <cell r="Z40" t="str">
            <v>Philippines</v>
          </cell>
          <cell r="AA40" t="str">
            <v>Poland</v>
          </cell>
          <cell r="AB40" t="str">
            <v>Portugal</v>
          </cell>
          <cell r="AC40" t="str">
            <v>Singapore</v>
          </cell>
          <cell r="AD40" t="str">
            <v>Slovakia</v>
          </cell>
          <cell r="AE40" t="str">
            <v>Spain</v>
          </cell>
          <cell r="AF40" t="str">
            <v>Sweden</v>
          </cell>
          <cell r="AG40" t="str">
            <v>Switzerland</v>
          </cell>
          <cell r="AH40" t="str">
            <v>Taiwan</v>
          </cell>
          <cell r="AI40" t="str">
            <v>United Kingdom</v>
          </cell>
        </row>
        <row r="41">
          <cell r="A41">
            <v>1996</v>
          </cell>
          <cell r="B41">
            <v>17.510000000000002</v>
          </cell>
          <cell r="C41">
            <v>5.86</v>
          </cell>
          <cell r="D41">
            <v>16.079999999999998</v>
          </cell>
          <cell r="E41">
            <v>22.57</v>
          </cell>
          <cell r="F41">
            <v>22.34</v>
          </cell>
          <cell r="G41">
            <v>4.75</v>
          </cell>
          <cell r="H41">
            <v>15.86</v>
          </cell>
          <cell r="I41">
            <v>2.52</v>
          </cell>
          <cell r="J41">
            <v>0</v>
          </cell>
          <cell r="K41">
            <v>0</v>
          </cell>
          <cell r="L41">
            <v>19.25</v>
          </cell>
          <cell r="M41">
            <v>19.489999999999998</v>
          </cell>
          <cell r="N41">
            <v>25.4</v>
          </cell>
          <cell r="O41">
            <v>0</v>
          </cell>
          <cell r="P41">
            <v>2.06</v>
          </cell>
          <cell r="Q41">
            <v>14.74</v>
          </cell>
          <cell r="R41">
            <v>9.6300000000000008</v>
          </cell>
          <cell r="S41">
            <v>14.2</v>
          </cell>
          <cell r="T41">
            <v>20.309999999999999</v>
          </cell>
          <cell r="U41">
            <v>7.99</v>
          </cell>
          <cell r="V41">
            <v>1.98</v>
          </cell>
          <cell r="W41">
            <v>0</v>
          </cell>
          <cell r="X41">
            <v>11.95</v>
          </cell>
          <cell r="Y41">
            <v>0</v>
          </cell>
          <cell r="Z41">
            <v>1.0900000000000001</v>
          </cell>
          <cell r="AA41">
            <v>0</v>
          </cell>
          <cell r="AB41">
            <v>5.54</v>
          </cell>
          <cell r="AC41">
            <v>9.3699999999999992</v>
          </cell>
          <cell r="AD41">
            <v>0</v>
          </cell>
          <cell r="AE41">
            <v>11.55</v>
          </cell>
          <cell r="AF41">
            <v>19.04</v>
          </cell>
          <cell r="AG41">
            <v>27.94</v>
          </cell>
          <cell r="AH41">
            <v>6.12</v>
          </cell>
          <cell r="AI41">
            <v>14.54</v>
          </cell>
        </row>
        <row r="42">
          <cell r="A42">
            <v>1997</v>
          </cell>
          <cell r="B42">
            <v>17.97</v>
          </cell>
          <cell r="C42">
            <v>6.03</v>
          </cell>
          <cell r="D42">
            <v>15.77</v>
          </cell>
          <cell r="E42">
            <v>19.98</v>
          </cell>
          <cell r="F42">
            <v>19.75</v>
          </cell>
          <cell r="G42">
            <v>4.7300000000000004</v>
          </cell>
          <cell r="H42">
            <v>15.8</v>
          </cell>
          <cell r="I42">
            <v>2.39</v>
          </cell>
          <cell r="J42">
            <v>23.19</v>
          </cell>
          <cell r="K42">
            <v>0</v>
          </cell>
          <cell r="L42">
            <v>17.34</v>
          </cell>
          <cell r="M42">
            <v>17.39</v>
          </cell>
          <cell r="N42">
            <v>22.36</v>
          </cell>
          <cell r="O42">
            <v>0</v>
          </cell>
          <cell r="P42">
            <v>2.04</v>
          </cell>
          <cell r="Q42">
            <v>14.63</v>
          </cell>
          <cell r="R42">
            <v>10.26</v>
          </cell>
          <cell r="S42">
            <v>13.12</v>
          </cell>
          <cell r="T42">
            <v>18.809999999999999</v>
          </cell>
          <cell r="U42">
            <v>7.23</v>
          </cell>
          <cell r="V42">
            <v>2.2799999999999998</v>
          </cell>
          <cell r="W42">
            <v>18.02</v>
          </cell>
          <cell r="X42">
            <v>11.91</v>
          </cell>
          <cell r="Y42">
            <v>22.29</v>
          </cell>
          <cell r="Z42">
            <v>1.02</v>
          </cell>
          <cell r="AA42">
            <v>2.12</v>
          </cell>
          <cell r="AB42">
            <v>5.05</v>
          </cell>
          <cell r="AC42">
            <v>9.6</v>
          </cell>
          <cell r="AD42">
            <v>1.97</v>
          </cell>
          <cell r="AE42">
            <v>10.42</v>
          </cell>
          <cell r="AF42">
            <v>17.43</v>
          </cell>
          <cell r="AG42">
            <v>23.85</v>
          </cell>
          <cell r="AH42">
            <v>6.1</v>
          </cell>
          <cell r="AI42">
            <v>15.86</v>
          </cell>
        </row>
        <row r="43">
          <cell r="A43">
            <v>1998</v>
          </cell>
          <cell r="B43">
            <v>18.399999999999999</v>
          </cell>
          <cell r="C43">
            <v>6.4</v>
          </cell>
          <cell r="D43">
            <v>14.25</v>
          </cell>
          <cell r="E43">
            <v>20.2</v>
          </cell>
          <cell r="F43">
            <v>20.010000000000002</v>
          </cell>
          <cell r="G43">
            <v>4.4800000000000004</v>
          </cell>
          <cell r="H43">
            <v>15.22</v>
          </cell>
          <cell r="I43">
            <v>2.61</v>
          </cell>
          <cell r="J43">
            <v>23.8</v>
          </cell>
          <cell r="K43">
            <v>0</v>
          </cell>
          <cell r="L43">
            <v>17.48</v>
          </cell>
          <cell r="M43">
            <v>17.45</v>
          </cell>
          <cell r="N43">
            <v>22.25</v>
          </cell>
          <cell r="O43">
            <v>0</v>
          </cell>
          <cell r="P43">
            <v>2.09</v>
          </cell>
          <cell r="Q43">
            <v>14.64</v>
          </cell>
          <cell r="R43">
            <v>10.3</v>
          </cell>
          <cell r="S43">
            <v>13.2</v>
          </cell>
          <cell r="T43">
            <v>17.510000000000002</v>
          </cell>
          <cell r="U43">
            <v>4.9400000000000004</v>
          </cell>
          <cell r="V43">
            <v>2.37</v>
          </cell>
          <cell r="W43">
            <v>18.52</v>
          </cell>
          <cell r="X43">
            <v>9.91</v>
          </cell>
          <cell r="Y43">
            <v>22.43</v>
          </cell>
          <cell r="Z43">
            <v>0.78</v>
          </cell>
          <cell r="AA43">
            <v>2.31</v>
          </cell>
          <cell r="AB43">
            <v>5.24</v>
          </cell>
          <cell r="AC43">
            <v>9.2100000000000009</v>
          </cell>
          <cell r="AD43">
            <v>2.0299999999999998</v>
          </cell>
          <cell r="AE43">
            <v>10.58</v>
          </cell>
          <cell r="AF43">
            <v>17.52</v>
          </cell>
          <cell r="AG43">
            <v>24.05</v>
          </cell>
          <cell r="AH43">
            <v>5.48</v>
          </cell>
          <cell r="AI43">
            <v>17.059999999999999</v>
          </cell>
        </row>
        <row r="44">
          <cell r="A44">
            <v>1999</v>
          </cell>
          <cell r="B44">
            <v>18.91</v>
          </cell>
          <cell r="C44">
            <v>6.58</v>
          </cell>
          <cell r="D44">
            <v>15.01</v>
          </cell>
          <cell r="E44">
            <v>19.920000000000002</v>
          </cell>
          <cell r="F44">
            <v>19.62</v>
          </cell>
          <cell r="G44">
            <v>2.85</v>
          </cell>
          <cell r="H44">
            <v>15.34</v>
          </cell>
          <cell r="I44">
            <v>2.57</v>
          </cell>
          <cell r="J44">
            <v>24.09</v>
          </cell>
          <cell r="K44">
            <v>0</v>
          </cell>
          <cell r="L44">
            <v>17.36</v>
          </cell>
          <cell r="M44">
            <v>16.940000000000001</v>
          </cell>
          <cell r="N44">
            <v>21.38</v>
          </cell>
          <cell r="O44">
            <v>0</v>
          </cell>
          <cell r="P44">
            <v>2.12</v>
          </cell>
          <cell r="Q44">
            <v>14.87</v>
          </cell>
          <cell r="R44">
            <v>10.15</v>
          </cell>
          <cell r="S44">
            <v>12.87</v>
          </cell>
          <cell r="T44">
            <v>19.989999999999998</v>
          </cell>
          <cell r="U44">
            <v>6.16</v>
          </cell>
          <cell r="V44">
            <v>2.7</v>
          </cell>
          <cell r="W44">
            <v>18.47</v>
          </cell>
          <cell r="X44">
            <v>10.039999999999999</v>
          </cell>
          <cell r="Y44">
            <v>22.85</v>
          </cell>
          <cell r="Z44">
            <v>0.86</v>
          </cell>
          <cell r="AA44">
            <v>2.78</v>
          </cell>
          <cell r="AB44">
            <v>5.21</v>
          </cell>
          <cell r="AC44">
            <v>9.48</v>
          </cell>
          <cell r="AD44">
            <v>1.84</v>
          </cell>
          <cell r="AE44">
            <v>10.42</v>
          </cell>
          <cell r="AF44">
            <v>17.18</v>
          </cell>
          <cell r="AG44">
            <v>23.24</v>
          </cell>
          <cell r="AH44">
            <v>5.87</v>
          </cell>
          <cell r="AI44">
            <v>17.39</v>
          </cell>
        </row>
        <row r="45">
          <cell r="A45">
            <v>2000</v>
          </cell>
          <cell r="B45">
            <v>19.670000000000002</v>
          </cell>
          <cell r="C45">
            <v>6.69</v>
          </cell>
          <cell r="D45">
            <v>13.65</v>
          </cell>
          <cell r="E45">
            <v>17.64</v>
          </cell>
          <cell r="F45">
            <v>17.46</v>
          </cell>
          <cell r="G45">
            <v>2.96</v>
          </cell>
          <cell r="H45">
            <v>15.78</v>
          </cell>
          <cell r="I45">
            <v>2.4700000000000002</v>
          </cell>
          <cell r="J45">
            <v>21.65</v>
          </cell>
          <cell r="K45">
            <v>1.9</v>
          </cell>
          <cell r="L45">
            <v>15.73</v>
          </cell>
          <cell r="M45">
            <v>14.89</v>
          </cell>
          <cell r="N45">
            <v>19.649999999999999</v>
          </cell>
          <cell r="O45">
            <v>6.17</v>
          </cell>
          <cell r="P45">
            <v>2.06</v>
          </cell>
          <cell r="Q45">
            <v>13.9</v>
          </cell>
          <cell r="R45">
            <v>10.94</v>
          </cell>
          <cell r="S45">
            <v>11.38</v>
          </cell>
          <cell r="T45">
            <v>21.12</v>
          </cell>
          <cell r="U45">
            <v>7.13</v>
          </cell>
          <cell r="V45">
            <v>3.16</v>
          </cell>
          <cell r="W45">
            <v>16.579999999999998</v>
          </cell>
          <cell r="X45">
            <v>8.94</v>
          </cell>
          <cell r="Y45">
            <v>21.07</v>
          </cell>
          <cell r="Z45">
            <v>0.8</v>
          </cell>
          <cell r="AA45">
            <v>2.76</v>
          </cell>
          <cell r="AB45">
            <v>4.7</v>
          </cell>
          <cell r="AC45">
            <v>10</v>
          </cell>
          <cell r="AD45">
            <v>1.84</v>
          </cell>
          <cell r="AE45">
            <v>9.3000000000000007</v>
          </cell>
          <cell r="AF45">
            <v>16.11</v>
          </cell>
          <cell r="AG45">
            <v>20.95</v>
          </cell>
          <cell r="AH45">
            <v>6.26</v>
          </cell>
          <cell r="AI45">
            <v>16.87</v>
          </cell>
        </row>
        <row r="46">
          <cell r="A46">
            <v>2001</v>
          </cell>
          <cell r="B46">
            <v>20.5</v>
          </cell>
          <cell r="C46">
            <v>6.81</v>
          </cell>
          <cell r="D46">
            <v>12.4</v>
          </cell>
          <cell r="E46">
            <v>17.7</v>
          </cell>
          <cell r="F46">
            <v>17.649999999999999</v>
          </cell>
          <cell r="G46">
            <v>2.46</v>
          </cell>
          <cell r="H46">
            <v>15.18</v>
          </cell>
          <cell r="I46">
            <v>2.72</v>
          </cell>
          <cell r="J46">
            <v>21.92</v>
          </cell>
          <cell r="K46">
            <v>2</v>
          </cell>
          <cell r="L46">
            <v>16.149999999999999</v>
          </cell>
          <cell r="M46">
            <v>14.68</v>
          </cell>
          <cell r="N46">
            <v>19.61</v>
          </cell>
          <cell r="O46">
            <v>5.6</v>
          </cell>
          <cell r="P46">
            <v>2.36</v>
          </cell>
          <cell r="Q46">
            <v>14.93</v>
          </cell>
          <cell r="R46">
            <v>11.52</v>
          </cell>
          <cell r="S46">
            <v>11.45</v>
          </cell>
          <cell r="T46">
            <v>18.84</v>
          </cell>
          <cell r="U46">
            <v>6.73</v>
          </cell>
          <cell r="V46">
            <v>3.61</v>
          </cell>
          <cell r="W46">
            <v>17.23</v>
          </cell>
          <cell r="X46">
            <v>8.52</v>
          </cell>
          <cell r="Y46">
            <v>21.68</v>
          </cell>
          <cell r="Z46">
            <v>0.76</v>
          </cell>
          <cell r="AA46">
            <v>3.16</v>
          </cell>
          <cell r="AB46">
            <v>4.78</v>
          </cell>
          <cell r="AC46">
            <v>10.34</v>
          </cell>
          <cell r="AD46">
            <v>1.94</v>
          </cell>
          <cell r="AE46">
            <v>9.36</v>
          </cell>
          <cell r="AF46">
            <v>15.01</v>
          </cell>
          <cell r="AG46">
            <v>21.53</v>
          </cell>
          <cell r="AH46">
            <v>6.16</v>
          </cell>
          <cell r="AI46">
            <v>17.079999999999998</v>
          </cell>
        </row>
        <row r="47">
          <cell r="A47">
            <v>2002</v>
          </cell>
          <cell r="B47">
            <v>21.35</v>
          </cell>
          <cell r="C47">
            <v>2.46</v>
          </cell>
          <cell r="D47">
            <v>14.22</v>
          </cell>
          <cell r="E47">
            <v>19.239999999999998</v>
          </cell>
          <cell r="F47">
            <v>19.03</v>
          </cell>
          <cell r="G47">
            <v>2.1</v>
          </cell>
          <cell r="H47">
            <v>15.14</v>
          </cell>
          <cell r="I47">
            <v>3.34</v>
          </cell>
          <cell r="J47">
            <v>23.82</v>
          </cell>
          <cell r="K47">
            <v>2.2999999999999998</v>
          </cell>
          <cell r="L47">
            <v>17.75</v>
          </cell>
          <cell r="M47">
            <v>15.76</v>
          </cell>
          <cell r="N47">
            <v>21.38</v>
          </cell>
          <cell r="O47">
            <v>6.92</v>
          </cell>
          <cell r="P47">
            <v>2.96</v>
          </cell>
          <cell r="Q47">
            <v>16.63</v>
          </cell>
          <cell r="R47">
            <v>10.42</v>
          </cell>
          <cell r="S47">
            <v>12.78</v>
          </cell>
          <cell r="T47">
            <v>18.010000000000002</v>
          </cell>
          <cell r="U47">
            <v>7.87</v>
          </cell>
          <cell r="V47">
            <v>3.77</v>
          </cell>
          <cell r="W47">
            <v>18.91</v>
          </cell>
          <cell r="X47">
            <v>9.8000000000000007</v>
          </cell>
          <cell r="Y47">
            <v>25.67</v>
          </cell>
          <cell r="Z47">
            <v>0.81</v>
          </cell>
          <cell r="AA47">
            <v>3.29</v>
          </cell>
          <cell r="AB47">
            <v>5.29</v>
          </cell>
          <cell r="AC47">
            <v>10.29</v>
          </cell>
          <cell r="AD47">
            <v>2.31</v>
          </cell>
          <cell r="AE47">
            <v>10.36</v>
          </cell>
          <cell r="AF47">
            <v>16.829999999999998</v>
          </cell>
          <cell r="AG47">
            <v>23.78</v>
          </cell>
          <cell r="AH47">
            <v>5.94</v>
          </cell>
          <cell r="AI47">
            <v>18.43</v>
          </cell>
        </row>
        <row r="48">
          <cell r="A48">
            <v>2003</v>
          </cell>
          <cell r="B48">
            <v>22.05</v>
          </cell>
          <cell r="C48">
            <v>2.99</v>
          </cell>
          <cell r="D48">
            <v>18.34</v>
          </cell>
          <cell r="E48">
            <v>23.51</v>
          </cell>
          <cell r="F48">
            <v>24.1</v>
          </cell>
          <cell r="G48">
            <v>2.1800000000000002</v>
          </cell>
          <cell r="H48">
            <v>17.5</v>
          </cell>
          <cell r="I48">
            <v>4.09</v>
          </cell>
          <cell r="J48">
            <v>29.31</v>
          </cell>
          <cell r="K48">
            <v>3.05</v>
          </cell>
          <cell r="L48">
            <v>22.15</v>
          </cell>
          <cell r="M48">
            <v>19.170000000000002</v>
          </cell>
          <cell r="N48">
            <v>26.3</v>
          </cell>
          <cell r="O48">
            <v>9.0299999999999994</v>
          </cell>
          <cell r="P48">
            <v>3.7</v>
          </cell>
          <cell r="Q48">
            <v>20.72</v>
          </cell>
          <cell r="R48">
            <v>11.07</v>
          </cell>
          <cell r="S48">
            <v>16.079999999999998</v>
          </cell>
          <cell r="T48">
            <v>19.579999999999998</v>
          </cell>
          <cell r="U48">
            <v>8.9600000000000009</v>
          </cell>
          <cell r="V48">
            <v>3.61</v>
          </cell>
          <cell r="W48">
            <v>23.59</v>
          </cell>
          <cell r="X48">
            <v>12.59</v>
          </cell>
          <cell r="Y48">
            <v>29.91</v>
          </cell>
          <cell r="Z48">
            <v>0.81</v>
          </cell>
          <cell r="AA48">
            <v>3.55</v>
          </cell>
          <cell r="AB48">
            <v>6.41</v>
          </cell>
          <cell r="AC48">
            <v>10.81</v>
          </cell>
          <cell r="AD48">
            <v>3.09</v>
          </cell>
          <cell r="AE48">
            <v>13</v>
          </cell>
          <cell r="AF48">
            <v>20.95</v>
          </cell>
          <cell r="AG48">
            <v>27.64</v>
          </cell>
          <cell r="AH48">
            <v>6.11</v>
          </cell>
          <cell r="AI48">
            <v>21.06</v>
          </cell>
        </row>
        <row r="49">
          <cell r="A49">
            <v>2004</v>
          </cell>
          <cell r="B49">
            <v>22.57</v>
          </cell>
          <cell r="C49">
            <v>3.69</v>
          </cell>
          <cell r="D49">
            <v>21.53</v>
          </cell>
          <cell r="E49">
            <v>26.03</v>
          </cell>
          <cell r="F49">
            <v>27.54</v>
          </cell>
          <cell r="G49">
            <v>2.61</v>
          </cell>
          <cell r="H49">
            <v>19.510000000000002</v>
          </cell>
          <cell r="I49">
            <v>4.75</v>
          </cell>
          <cell r="J49">
            <v>32.75</v>
          </cell>
          <cell r="K49">
            <v>3.61</v>
          </cell>
          <cell r="L49">
            <v>25.54</v>
          </cell>
          <cell r="M49">
            <v>21.39</v>
          </cell>
          <cell r="N49">
            <v>29.02</v>
          </cell>
          <cell r="O49">
            <v>10.99</v>
          </cell>
          <cell r="P49">
            <v>4.43</v>
          </cell>
          <cell r="Q49">
            <v>23.73</v>
          </cell>
          <cell r="R49">
            <v>11.47</v>
          </cell>
          <cell r="S49">
            <v>18.64</v>
          </cell>
          <cell r="T49">
            <v>21.08</v>
          </cell>
          <cell r="U49">
            <v>10.24</v>
          </cell>
          <cell r="V49">
            <v>3.61</v>
          </cell>
          <cell r="W49">
            <v>26.47</v>
          </cell>
          <cell r="X49">
            <v>14.63</v>
          </cell>
          <cell r="Y49">
            <v>32.79</v>
          </cell>
          <cell r="Z49">
            <v>0.87</v>
          </cell>
          <cell r="AA49">
            <v>3.87</v>
          </cell>
          <cell r="AB49">
            <v>7.26</v>
          </cell>
          <cell r="AC49">
            <v>11.32</v>
          </cell>
          <cell r="AD49">
            <v>3.78</v>
          </cell>
          <cell r="AE49">
            <v>14.75</v>
          </cell>
          <cell r="AF49">
            <v>23.42</v>
          </cell>
          <cell r="AG49">
            <v>29.85</v>
          </cell>
          <cell r="AH49">
            <v>6.39</v>
          </cell>
          <cell r="AI49">
            <v>24.06</v>
          </cell>
        </row>
        <row r="50">
          <cell r="A50">
            <v>2005</v>
          </cell>
          <cell r="B50">
            <v>23.17</v>
          </cell>
          <cell r="C50">
            <v>4.51</v>
          </cell>
          <cell r="D50">
            <v>22.97</v>
          </cell>
          <cell r="E50">
            <v>27.03</v>
          </cell>
          <cell r="F50">
            <v>27.97</v>
          </cell>
          <cell r="G50">
            <v>3.39</v>
          </cell>
          <cell r="H50">
            <v>21.58</v>
          </cell>
          <cell r="I50">
            <v>5.34</v>
          </cell>
          <cell r="J50">
            <v>33.82</v>
          </cell>
          <cell r="K50">
            <v>4.09</v>
          </cell>
          <cell r="L50">
            <v>26.55</v>
          </cell>
          <cell r="M50">
            <v>21.88</v>
          </cell>
          <cell r="N50">
            <v>29.61</v>
          </cell>
          <cell r="O50">
            <v>10.61</v>
          </cell>
          <cell r="P50">
            <v>4.84</v>
          </cell>
          <cell r="Q50">
            <v>24.58</v>
          </cell>
          <cell r="R50">
            <v>11.77</v>
          </cell>
          <cell r="S50">
            <v>19.18</v>
          </cell>
          <cell r="T50">
            <v>21</v>
          </cell>
          <cell r="U50">
            <v>12.5</v>
          </cell>
          <cell r="V50">
            <v>3.89</v>
          </cell>
          <cell r="W50">
            <v>27.04</v>
          </cell>
          <cell r="X50">
            <v>16.09</v>
          </cell>
          <cell r="Y50">
            <v>34.99</v>
          </cell>
          <cell r="Z50">
            <v>0.97</v>
          </cell>
          <cell r="AA50">
            <v>4.54</v>
          </cell>
          <cell r="AB50">
            <v>7.47</v>
          </cell>
          <cell r="AC50">
            <v>11.48</v>
          </cell>
          <cell r="AD50">
            <v>4.24</v>
          </cell>
          <cell r="AE50">
            <v>15.41</v>
          </cell>
          <cell r="AF50">
            <v>23.83</v>
          </cell>
          <cell r="AG50">
            <v>30.48</v>
          </cell>
          <cell r="AH50">
            <v>6.9</v>
          </cell>
          <cell r="AI50">
            <v>24.95</v>
          </cell>
        </row>
        <row r="51">
          <cell r="A51">
            <v>2006</v>
          </cell>
          <cell r="B51">
            <v>23.32</v>
          </cell>
          <cell r="C51">
            <v>5.43</v>
          </cell>
          <cell r="D51">
            <v>23.56</v>
          </cell>
          <cell r="E51">
            <v>28.06</v>
          </cell>
          <cell r="F51">
            <v>28.68</v>
          </cell>
          <cell r="G51">
            <v>4.07</v>
          </cell>
          <cell r="H51">
            <v>23.3</v>
          </cell>
          <cell r="I51">
            <v>5.96</v>
          </cell>
          <cell r="J51">
            <v>35.22</v>
          </cell>
          <cell r="K51">
            <v>4.84</v>
          </cell>
          <cell r="L51">
            <v>27.65</v>
          </cell>
          <cell r="M51">
            <v>22.82</v>
          </cell>
          <cell r="N51">
            <v>30.46</v>
          </cell>
          <cell r="O51">
            <v>11.42</v>
          </cell>
          <cell r="P51">
            <v>5.0199999999999996</v>
          </cell>
          <cell r="Q51">
            <v>25.66</v>
          </cell>
          <cell r="R51">
            <v>12.13</v>
          </cell>
          <cell r="S51">
            <v>19.989999999999998</v>
          </cell>
          <cell r="T51">
            <v>19.98</v>
          </cell>
          <cell r="U51">
            <v>14.44</v>
          </cell>
          <cell r="V51">
            <v>4.0599999999999996</v>
          </cell>
          <cell r="W51">
            <v>27.82</v>
          </cell>
          <cell r="X51">
            <v>15.57</v>
          </cell>
          <cell r="Y51">
            <v>37.04</v>
          </cell>
          <cell r="Z51">
            <v>1.1100000000000001</v>
          </cell>
          <cell r="AA51">
            <v>5.03</v>
          </cell>
          <cell r="AB51">
            <v>7.77</v>
          </cell>
          <cell r="AC51">
            <v>11.88</v>
          </cell>
          <cell r="AD51">
            <v>4.76</v>
          </cell>
          <cell r="AE51">
            <v>16.170000000000002</v>
          </cell>
          <cell r="AF51">
            <v>24.95</v>
          </cell>
          <cell r="AG51">
            <v>30.89</v>
          </cell>
          <cell r="AH51">
            <v>6.96</v>
          </cell>
          <cell r="AI51">
            <v>26.07</v>
          </cell>
        </row>
        <row r="52">
          <cell r="A52">
            <v>2007</v>
          </cell>
          <cell r="B52">
            <v>24.03</v>
          </cell>
          <cell r="C52">
            <v>6.58</v>
          </cell>
          <cell r="D52">
            <v>27.14</v>
          </cell>
          <cell r="E52">
            <v>31.8</v>
          </cell>
          <cell r="F52">
            <v>31.74</v>
          </cell>
          <cell r="G52">
            <v>4.8499999999999996</v>
          </cell>
          <cell r="H52">
            <v>25.57</v>
          </cell>
          <cell r="I52">
            <v>7.09</v>
          </cell>
          <cell r="J52">
            <v>40.83</v>
          </cell>
          <cell r="K52">
            <v>6.4</v>
          </cell>
          <cell r="L52">
            <v>31.03</v>
          </cell>
          <cell r="M52">
            <v>25.76</v>
          </cell>
          <cell r="N52">
            <v>34.28</v>
          </cell>
          <cell r="O52">
            <v>12.83</v>
          </cell>
          <cell r="P52">
            <v>6.33</v>
          </cell>
          <cell r="Q52">
            <v>29.62</v>
          </cell>
          <cell r="R52">
            <v>13.71</v>
          </cell>
          <cell r="S52">
            <v>22.42</v>
          </cell>
          <cell r="T52">
            <v>19.7</v>
          </cell>
          <cell r="U52">
            <v>15.97</v>
          </cell>
          <cell r="V52">
            <v>4.28</v>
          </cell>
          <cell r="W52">
            <v>30.86</v>
          </cell>
          <cell r="X52">
            <v>18.59</v>
          </cell>
          <cell r="Y52">
            <v>43.27</v>
          </cell>
          <cell r="Z52">
            <v>1.28</v>
          </cell>
          <cell r="AA52">
            <v>6.24</v>
          </cell>
          <cell r="AB52">
            <v>8.7200000000000006</v>
          </cell>
          <cell r="AC52">
            <v>13.51</v>
          </cell>
          <cell r="AD52">
            <v>6.11</v>
          </cell>
          <cell r="AE52">
            <v>18.309999999999999</v>
          </cell>
          <cell r="AF52">
            <v>28.39</v>
          </cell>
          <cell r="AG52">
            <v>32.770000000000003</v>
          </cell>
          <cell r="AH52">
            <v>7.02</v>
          </cell>
          <cell r="AI52">
            <v>29.25</v>
          </cell>
        </row>
        <row r="53">
          <cell r="A53">
            <v>2008</v>
          </cell>
          <cell r="B53">
            <v>24.77</v>
          </cell>
          <cell r="C53">
            <v>8.2100000000000009</v>
          </cell>
          <cell r="D53">
            <v>29.31</v>
          </cell>
          <cell r="E53">
            <v>35.71</v>
          </cell>
          <cell r="F53">
            <v>35.659999999999997</v>
          </cell>
          <cell r="G53">
            <v>5.73</v>
          </cell>
          <cell r="H53">
            <v>26.08</v>
          </cell>
          <cell r="I53">
            <v>8.9499999999999993</v>
          </cell>
          <cell r="J53">
            <v>44.83</v>
          </cell>
          <cell r="K53">
            <v>7.73</v>
          </cell>
          <cell r="L53">
            <v>35.03</v>
          </cell>
          <cell r="M53">
            <v>28.52</v>
          </cell>
          <cell r="N53">
            <v>37.67</v>
          </cell>
          <cell r="O53">
            <v>14.18</v>
          </cell>
          <cell r="P53">
            <v>7.14</v>
          </cell>
          <cell r="Q53">
            <v>33.36</v>
          </cell>
          <cell r="R53">
            <v>16.46</v>
          </cell>
          <cell r="S53">
            <v>24.9</v>
          </cell>
          <cell r="T53">
            <v>22.84</v>
          </cell>
          <cell r="U53">
            <v>13.38</v>
          </cell>
          <cell r="V53">
            <v>4.47</v>
          </cell>
          <cell r="W53">
            <v>34.39</v>
          </cell>
          <cell r="X53">
            <v>18.61</v>
          </cell>
          <cell r="Y53">
            <v>47.51</v>
          </cell>
          <cell r="Z53">
            <v>1.42</v>
          </cell>
          <cell r="AA53">
            <v>7.91</v>
          </cell>
          <cell r="AB53">
            <v>9.77</v>
          </cell>
          <cell r="AC53">
            <v>16.21</v>
          </cell>
          <cell r="AD53">
            <v>7.84</v>
          </cell>
          <cell r="AE53">
            <v>20.62</v>
          </cell>
          <cell r="AF53">
            <v>30.42</v>
          </cell>
          <cell r="AG53">
            <v>37</v>
          </cell>
          <cell r="AH53">
            <v>7.4</v>
          </cell>
          <cell r="AI53">
            <v>28.25</v>
          </cell>
        </row>
        <row r="54">
          <cell r="A54">
            <v>2009</v>
          </cell>
          <cell r="B54">
            <v>25.63</v>
          </cell>
          <cell r="C54">
            <v>8.3699999999999992</v>
          </cell>
          <cell r="D54">
            <v>27.49</v>
          </cell>
          <cell r="E54">
            <v>35.880000000000003</v>
          </cell>
          <cell r="F54">
            <v>34.68</v>
          </cell>
          <cell r="G54">
            <v>5.63</v>
          </cell>
          <cell r="H54">
            <v>23.61</v>
          </cell>
          <cell r="I54">
            <v>8.15</v>
          </cell>
          <cell r="J54">
            <v>44.52</v>
          </cell>
          <cell r="K54">
            <v>7.24</v>
          </cell>
          <cell r="L54">
            <v>34.31</v>
          </cell>
          <cell r="M54">
            <v>27.57</v>
          </cell>
          <cell r="N54">
            <v>36.14</v>
          </cell>
          <cell r="O54">
            <v>13.92</v>
          </cell>
          <cell r="P54">
            <v>6.39</v>
          </cell>
          <cell r="Q54">
            <v>33.06</v>
          </cell>
          <cell r="R54">
            <v>15.41</v>
          </cell>
          <cell r="S54">
            <v>24.34</v>
          </cell>
          <cell r="T54">
            <v>24.95</v>
          </cell>
          <cell r="U54">
            <v>11.68</v>
          </cell>
          <cell r="V54">
            <v>3.93</v>
          </cell>
          <cell r="W54">
            <v>33.450000000000003</v>
          </cell>
          <cell r="X54">
            <v>16.920000000000002</v>
          </cell>
          <cell r="Y54">
            <v>43.97</v>
          </cell>
          <cell r="Z54">
            <v>1.37</v>
          </cell>
          <cell r="AA54">
            <v>6.32</v>
          </cell>
          <cell r="AB54">
            <v>9.5399999999999991</v>
          </cell>
          <cell r="AC54">
            <v>15.05</v>
          </cell>
          <cell r="AD54">
            <v>8.02</v>
          </cell>
          <cell r="AE54">
            <v>20.46</v>
          </cell>
          <cell r="AF54">
            <v>27.18</v>
          </cell>
          <cell r="AG54">
            <v>37.72</v>
          </cell>
          <cell r="AH54">
            <v>6.61</v>
          </cell>
          <cell r="AI54">
            <v>24.31</v>
          </cell>
        </row>
        <row r="57">
          <cell r="B57" t="str">
            <v>United States</v>
          </cell>
          <cell r="C57" t="str">
            <v>Argentina</v>
          </cell>
          <cell r="D57" t="str">
            <v>Australia</v>
          </cell>
          <cell r="E57" t="str">
            <v>Austria</v>
          </cell>
          <cell r="F57" t="str">
            <v>Belgium</v>
          </cell>
          <cell r="G57" t="str">
            <v>Brazil</v>
          </cell>
          <cell r="H57" t="str">
            <v>Canada</v>
          </cell>
          <cell r="I57" t="str">
            <v>Czech Republic</v>
          </cell>
          <cell r="J57" t="str">
            <v>Denmark</v>
          </cell>
          <cell r="K57" t="str">
            <v>Estonia</v>
          </cell>
          <cell r="L57" t="str">
            <v>Finland</v>
          </cell>
          <cell r="M57" t="str">
            <v>France</v>
          </cell>
          <cell r="N57" t="str">
            <v>Germany</v>
          </cell>
          <cell r="O57" t="str">
            <v>Greece</v>
          </cell>
          <cell r="P57" t="str">
            <v>Hungary</v>
          </cell>
          <cell r="Q57" t="str">
            <v>Ireland</v>
          </cell>
          <cell r="R57" t="str">
            <v>Israel</v>
          </cell>
          <cell r="S57" t="str">
            <v>Italy</v>
          </cell>
          <cell r="T57" t="str">
            <v>Japan</v>
          </cell>
          <cell r="U57" t="str">
            <v>Korea, Republic of</v>
          </cell>
          <cell r="V57" t="str">
            <v>Mexico</v>
          </cell>
          <cell r="W57" t="str">
            <v>Netherlands</v>
          </cell>
          <cell r="X57" t="str">
            <v>New Zealand</v>
          </cell>
          <cell r="Y57" t="str">
            <v>Norway</v>
          </cell>
          <cell r="Z57" t="str">
            <v>Philippines</v>
          </cell>
          <cell r="AA57" t="str">
            <v>Poland</v>
          </cell>
          <cell r="AB57" t="str">
            <v>Portugal</v>
          </cell>
          <cell r="AC57" t="str">
            <v>Singapore</v>
          </cell>
          <cell r="AD57" t="str">
            <v>Slovakia</v>
          </cell>
          <cell r="AE57" t="str">
            <v>Spain</v>
          </cell>
          <cell r="AF57" t="str">
            <v>Sweden</v>
          </cell>
          <cell r="AG57" t="str">
            <v>Switzerland</v>
          </cell>
          <cell r="AH57" t="str">
            <v>Taiwan</v>
          </cell>
          <cell r="AI57" t="str">
            <v>United Kingdom</v>
          </cell>
        </row>
        <row r="58">
          <cell r="B58">
            <v>17.510000000000002</v>
          </cell>
          <cell r="C58">
            <v>5.86</v>
          </cell>
          <cell r="D58">
            <v>20.54</v>
          </cell>
          <cell r="E58">
            <v>17.368080637776792</v>
          </cell>
          <cell r="F58">
            <v>17.147290895614518</v>
          </cell>
          <cell r="G58">
            <v>4.78</v>
          </cell>
          <cell r="H58">
            <v>21.63</v>
          </cell>
          <cell r="I58">
            <v>68.53</v>
          </cell>
          <cell r="J58">
            <v>0</v>
          </cell>
          <cell r="K58">
            <v>0</v>
          </cell>
          <cell r="L58">
            <v>14.876222095520651</v>
          </cell>
          <cell r="M58">
            <v>15.197642528397441</v>
          </cell>
          <cell r="N58">
            <v>19.54668861813143</v>
          </cell>
          <cell r="O58">
            <v>0</v>
          </cell>
          <cell r="P58">
            <v>314.08999999999997</v>
          </cell>
          <cell r="Q58">
            <v>11.694287702332764</v>
          </cell>
          <cell r="R58">
            <v>30.74</v>
          </cell>
          <cell r="S58">
            <v>11.312384119983268</v>
          </cell>
          <cell r="T58">
            <v>2209.2800000000002</v>
          </cell>
          <cell r="U58">
            <v>6435</v>
          </cell>
          <cell r="V58">
            <v>15.07</v>
          </cell>
          <cell r="W58">
            <v>0</v>
          </cell>
          <cell r="X58">
            <v>17.38</v>
          </cell>
          <cell r="Y58">
            <v>0</v>
          </cell>
          <cell r="Z58">
            <v>28.43</v>
          </cell>
          <cell r="AA58">
            <v>0</v>
          </cell>
          <cell r="AB58">
            <v>4.2596841611715766</v>
          </cell>
          <cell r="AC58">
            <v>13.21</v>
          </cell>
          <cell r="AD58">
            <v>0</v>
          </cell>
          <cell r="AE58">
            <v>8.792025771399036</v>
          </cell>
          <cell r="AF58">
            <v>127.74</v>
          </cell>
          <cell r="AG58">
            <v>34.54</v>
          </cell>
          <cell r="AH58">
            <v>168.24</v>
          </cell>
          <cell r="AI58">
            <v>9.31</v>
          </cell>
        </row>
        <row r="59">
          <cell r="B59">
            <v>17.97</v>
          </cell>
          <cell r="C59">
            <v>6.03</v>
          </cell>
          <cell r="D59">
            <v>21.21</v>
          </cell>
          <cell r="E59">
            <v>17.721997340174269</v>
          </cell>
          <cell r="F59">
            <v>17.530534284913941</v>
          </cell>
          <cell r="G59">
            <v>5.0999999999999996</v>
          </cell>
          <cell r="H59">
            <v>21.88</v>
          </cell>
          <cell r="I59">
            <v>75.709999999999994</v>
          </cell>
          <cell r="J59">
            <v>153.30000000000001</v>
          </cell>
          <cell r="K59">
            <v>0</v>
          </cell>
          <cell r="L59">
            <v>15.138595260800608</v>
          </cell>
          <cell r="M59">
            <v>15.481197700459024</v>
          </cell>
          <cell r="N59">
            <v>19.827899152789353</v>
          </cell>
          <cell r="O59">
            <v>0</v>
          </cell>
          <cell r="P59">
            <v>381.57</v>
          </cell>
          <cell r="Q59">
            <v>12.24027507605731</v>
          </cell>
          <cell r="R59">
            <v>35.380000000000003</v>
          </cell>
          <cell r="S59">
            <v>11.546628311134294</v>
          </cell>
          <cell r="T59">
            <v>2277.3200000000002</v>
          </cell>
          <cell r="U59">
            <v>6855.17</v>
          </cell>
          <cell r="V59">
            <v>18.09</v>
          </cell>
          <cell r="W59">
            <v>15.968525804211987</v>
          </cell>
          <cell r="X59">
            <v>17.98</v>
          </cell>
          <cell r="Y59">
            <v>157.93</v>
          </cell>
          <cell r="Z59">
            <v>30.14</v>
          </cell>
          <cell r="AA59">
            <v>6.95</v>
          </cell>
          <cell r="AB59">
            <v>4.4175038158039124</v>
          </cell>
          <cell r="AC59">
            <v>14.26</v>
          </cell>
          <cell r="AD59">
            <v>2.1957777335192192</v>
          </cell>
          <cell r="AE59">
            <v>9.1782361496760547</v>
          </cell>
          <cell r="AF59">
            <v>133.27000000000001</v>
          </cell>
          <cell r="AG59">
            <v>34.619999999999997</v>
          </cell>
          <cell r="AH59">
            <v>175.43</v>
          </cell>
          <cell r="AI59">
            <v>9.69</v>
          </cell>
        </row>
        <row r="60">
          <cell r="B60">
            <v>18.399999999999999</v>
          </cell>
          <cell r="C60">
            <v>6.4</v>
          </cell>
          <cell r="D60">
            <v>22.65</v>
          </cell>
          <cell r="E60">
            <v>18.168208541964926</v>
          </cell>
          <cell r="F60">
            <v>18.012439297073122</v>
          </cell>
          <cell r="G60">
            <v>5.2</v>
          </cell>
          <cell r="H60">
            <v>22.58</v>
          </cell>
          <cell r="I60">
            <v>84.15</v>
          </cell>
          <cell r="J60">
            <v>159.51</v>
          </cell>
          <cell r="K60">
            <v>0</v>
          </cell>
          <cell r="L60">
            <v>15.713797969298977</v>
          </cell>
          <cell r="M60">
            <v>15.690052854074276</v>
          </cell>
          <cell r="N60">
            <v>20.017077148831952</v>
          </cell>
          <cell r="O60">
            <v>0</v>
          </cell>
          <cell r="P60">
            <v>448.26</v>
          </cell>
          <cell r="Q60">
            <v>13.040210065467694</v>
          </cell>
          <cell r="R60">
            <v>39.130000000000003</v>
          </cell>
          <cell r="S60">
            <v>11.838472940240772</v>
          </cell>
          <cell r="T60">
            <v>2293.39</v>
          </cell>
          <cell r="U60">
            <v>6913.97</v>
          </cell>
          <cell r="V60">
            <v>21.68</v>
          </cell>
          <cell r="W60">
            <v>16.667347336990801</v>
          </cell>
          <cell r="X60">
            <v>18.489999999999998</v>
          </cell>
          <cell r="Y60">
            <v>169.39</v>
          </cell>
          <cell r="Z60">
            <v>32.08</v>
          </cell>
          <cell r="AA60">
            <v>8.0500000000000007</v>
          </cell>
          <cell r="AB60">
            <v>4.7125926517093806</v>
          </cell>
          <cell r="AC60">
            <v>15.39</v>
          </cell>
          <cell r="AD60">
            <v>2.3707096859855272</v>
          </cell>
          <cell r="AE60">
            <v>9.4999579291526945</v>
          </cell>
          <cell r="AF60">
            <v>139.36000000000001</v>
          </cell>
          <cell r="AG60">
            <v>34.89</v>
          </cell>
          <cell r="AH60">
            <v>183.99</v>
          </cell>
          <cell r="AI60">
            <v>10.3</v>
          </cell>
        </row>
        <row r="61">
          <cell r="B61">
            <v>18.91</v>
          </cell>
          <cell r="C61">
            <v>6.58</v>
          </cell>
          <cell r="D61">
            <v>23.25</v>
          </cell>
          <cell r="E61">
            <v>18.7</v>
          </cell>
          <cell r="F61">
            <v>18.420000000000002</v>
          </cell>
          <cell r="G61">
            <v>5.19</v>
          </cell>
          <cell r="H61">
            <v>22.79</v>
          </cell>
          <cell r="I61">
            <v>88.7</v>
          </cell>
          <cell r="J61">
            <v>168.39</v>
          </cell>
          <cell r="K61">
            <v>0</v>
          </cell>
          <cell r="L61">
            <v>16.29</v>
          </cell>
          <cell r="M61">
            <v>15.9</v>
          </cell>
          <cell r="N61">
            <v>20.07</v>
          </cell>
          <cell r="O61">
            <v>0</v>
          </cell>
          <cell r="P61">
            <v>502.72</v>
          </cell>
          <cell r="Q61">
            <v>13.96</v>
          </cell>
          <cell r="R61">
            <v>42.02</v>
          </cell>
          <cell r="S61">
            <v>12.08</v>
          </cell>
          <cell r="T61">
            <v>2273.23</v>
          </cell>
          <cell r="U61">
            <v>7329.57</v>
          </cell>
          <cell r="V61">
            <v>25.82</v>
          </cell>
          <cell r="W61">
            <v>17.34</v>
          </cell>
          <cell r="X61">
            <v>18.97</v>
          </cell>
          <cell r="Y61">
            <v>178.41</v>
          </cell>
          <cell r="Z61">
            <v>33.6</v>
          </cell>
          <cell r="AA61">
            <v>11.05</v>
          </cell>
          <cell r="AB61">
            <v>4.8899999999999997</v>
          </cell>
          <cell r="AC61">
            <v>16.07</v>
          </cell>
          <cell r="AD61">
            <v>2.5330279492796919</v>
          </cell>
          <cell r="AE61">
            <v>9.7799999999999994</v>
          </cell>
          <cell r="AF61">
            <v>142.16</v>
          </cell>
          <cell r="AG61">
            <v>34.97</v>
          </cell>
          <cell r="AH61">
            <v>189.64</v>
          </cell>
          <cell r="AI61">
            <v>10.75</v>
          </cell>
        </row>
        <row r="62">
          <cell r="B62">
            <v>19.670000000000002</v>
          </cell>
          <cell r="C62">
            <v>6.69</v>
          </cell>
          <cell r="D62">
            <v>23.47</v>
          </cell>
          <cell r="E62">
            <v>19.11</v>
          </cell>
          <cell r="F62">
            <v>18.920000000000002</v>
          </cell>
          <cell r="G62">
            <v>5.41</v>
          </cell>
          <cell r="H62">
            <v>23.45</v>
          </cell>
          <cell r="I62">
            <v>95.46</v>
          </cell>
          <cell r="J62">
            <v>175.24</v>
          </cell>
          <cell r="K62">
            <v>32.24</v>
          </cell>
          <cell r="L62">
            <v>17.04</v>
          </cell>
          <cell r="M62">
            <v>16.13</v>
          </cell>
          <cell r="N62">
            <v>21.28</v>
          </cell>
          <cell r="O62">
            <v>6.6205135730007338</v>
          </cell>
          <cell r="P62">
            <v>580.44000000000005</v>
          </cell>
          <cell r="Q62">
            <v>15.05</v>
          </cell>
          <cell r="R62">
            <v>44.6</v>
          </cell>
          <cell r="S62">
            <v>12.32</v>
          </cell>
          <cell r="T62">
            <v>2276.84</v>
          </cell>
          <cell r="U62">
            <v>8063.63</v>
          </cell>
          <cell r="V62">
            <v>29.89</v>
          </cell>
          <cell r="W62">
            <v>17.96</v>
          </cell>
          <cell r="X62">
            <v>19.57</v>
          </cell>
          <cell r="Y62">
            <v>185.67</v>
          </cell>
          <cell r="Z62">
            <v>35.36</v>
          </cell>
          <cell r="AA62">
            <v>12.02</v>
          </cell>
          <cell r="AB62">
            <v>5.09</v>
          </cell>
          <cell r="AC62">
            <v>17.260000000000002</v>
          </cell>
          <cell r="AD62">
            <v>2.8151762597092214</v>
          </cell>
          <cell r="AE62">
            <v>10.07</v>
          </cell>
          <cell r="AF62">
            <v>147.81</v>
          </cell>
          <cell r="AG62">
            <v>35.42</v>
          </cell>
          <cell r="AH62">
            <v>195.84</v>
          </cell>
          <cell r="AI62">
            <v>11.13</v>
          </cell>
        </row>
        <row r="63">
          <cell r="B63">
            <v>20.5</v>
          </cell>
          <cell r="C63">
            <v>6.81</v>
          </cell>
          <cell r="D63">
            <v>23.99</v>
          </cell>
          <cell r="E63">
            <v>19.77</v>
          </cell>
          <cell r="F63">
            <v>19.72</v>
          </cell>
          <cell r="G63">
            <v>5.79</v>
          </cell>
          <cell r="H63">
            <v>23.51</v>
          </cell>
          <cell r="I63">
            <v>103.61</v>
          </cell>
          <cell r="J63">
            <v>182.62</v>
          </cell>
          <cell r="K63">
            <v>34.97</v>
          </cell>
          <cell r="L63">
            <v>18.04</v>
          </cell>
          <cell r="M63">
            <v>16.399999999999999</v>
          </cell>
          <cell r="N63">
            <v>21.91</v>
          </cell>
          <cell r="O63">
            <v>6.26</v>
          </cell>
          <cell r="P63">
            <v>676.68</v>
          </cell>
          <cell r="Q63">
            <v>16.670000000000002</v>
          </cell>
          <cell r="R63">
            <v>48.46</v>
          </cell>
          <cell r="S63">
            <v>12.79</v>
          </cell>
          <cell r="T63">
            <v>2290.92</v>
          </cell>
          <cell r="U63">
            <v>8697.58</v>
          </cell>
          <cell r="V63">
            <v>33.659999999999997</v>
          </cell>
          <cell r="W63">
            <v>19.25</v>
          </cell>
          <cell r="X63">
            <v>20.27</v>
          </cell>
          <cell r="Y63">
            <v>195.01</v>
          </cell>
          <cell r="Z63">
            <v>38.94</v>
          </cell>
          <cell r="AA63">
            <v>12.96</v>
          </cell>
          <cell r="AB63">
            <v>5.34</v>
          </cell>
          <cell r="AC63">
            <v>18.53</v>
          </cell>
          <cell r="AD63">
            <v>3.1145854079532627</v>
          </cell>
          <cell r="AE63">
            <v>10.45</v>
          </cell>
          <cell r="AF63">
            <v>155.26</v>
          </cell>
          <cell r="AG63">
            <v>36.369999999999997</v>
          </cell>
          <cell r="AH63">
            <v>208.31</v>
          </cell>
          <cell r="AI63">
            <v>11.86</v>
          </cell>
        </row>
        <row r="64">
          <cell r="B64">
            <v>21.35</v>
          </cell>
          <cell r="C64">
            <v>7.54</v>
          </cell>
          <cell r="D64">
            <v>26.15</v>
          </cell>
          <cell r="E64">
            <v>20.350000000000001</v>
          </cell>
          <cell r="F64">
            <v>20.13</v>
          </cell>
          <cell r="G64">
            <v>6.13</v>
          </cell>
          <cell r="H64">
            <v>23.77</v>
          </cell>
          <cell r="I64">
            <v>109.37</v>
          </cell>
          <cell r="J64">
            <v>187.83</v>
          </cell>
          <cell r="K64">
            <v>38.25</v>
          </cell>
          <cell r="L64">
            <v>18.77</v>
          </cell>
          <cell r="M64">
            <v>16.670000000000002</v>
          </cell>
          <cell r="N64">
            <v>22.61</v>
          </cell>
          <cell r="O64">
            <v>7.32</v>
          </cell>
          <cell r="P64">
            <v>762.73</v>
          </cell>
          <cell r="Q64">
            <v>17.59</v>
          </cell>
          <cell r="R64">
            <v>49.39</v>
          </cell>
          <cell r="S64">
            <v>13.52</v>
          </cell>
          <cell r="T64">
            <v>2255.6999999999998</v>
          </cell>
          <cell r="U64">
            <v>9834.4599999999991</v>
          </cell>
          <cell r="V64">
            <v>36.46</v>
          </cell>
          <cell r="W64">
            <v>20</v>
          </cell>
          <cell r="X64">
            <v>21.09</v>
          </cell>
          <cell r="Y64">
            <v>204.93</v>
          </cell>
          <cell r="Z64">
            <v>41.56</v>
          </cell>
          <cell r="AA64">
            <v>13.41</v>
          </cell>
          <cell r="AB64">
            <v>5.6</v>
          </cell>
          <cell r="AC64">
            <v>18.43</v>
          </cell>
          <cell r="AD64">
            <v>3.4793865763792069</v>
          </cell>
          <cell r="AE64">
            <v>10.96</v>
          </cell>
          <cell r="AF64">
            <v>163.63999999999999</v>
          </cell>
          <cell r="AG64">
            <v>37.020000000000003</v>
          </cell>
          <cell r="AH64">
            <v>204.99</v>
          </cell>
          <cell r="AI64">
            <v>12.27</v>
          </cell>
        </row>
        <row r="65">
          <cell r="B65">
            <v>22.05</v>
          </cell>
          <cell r="C65">
            <v>8.68</v>
          </cell>
          <cell r="D65">
            <v>28.1</v>
          </cell>
          <cell r="E65">
            <v>20.77</v>
          </cell>
          <cell r="F65">
            <v>21.28</v>
          </cell>
          <cell r="G65">
            <v>6.71</v>
          </cell>
          <cell r="H65">
            <v>24.52</v>
          </cell>
          <cell r="I65">
            <v>115.4</v>
          </cell>
          <cell r="J65">
            <v>192.82</v>
          </cell>
          <cell r="K65">
            <v>42.19</v>
          </cell>
          <cell r="L65">
            <v>19.57</v>
          </cell>
          <cell r="M65">
            <v>16.93</v>
          </cell>
          <cell r="N65">
            <v>23.24</v>
          </cell>
          <cell r="O65">
            <v>7.97</v>
          </cell>
          <cell r="P65">
            <v>829.5</v>
          </cell>
          <cell r="Q65">
            <v>18.3</v>
          </cell>
          <cell r="R65">
            <v>50.39</v>
          </cell>
          <cell r="S65">
            <v>14.21</v>
          </cell>
          <cell r="T65">
            <v>2270.4</v>
          </cell>
          <cell r="U65">
            <v>10678.24</v>
          </cell>
          <cell r="V65">
            <v>38.909999999999997</v>
          </cell>
          <cell r="W65">
            <v>20.83</v>
          </cell>
          <cell r="X65">
            <v>21.62</v>
          </cell>
          <cell r="Y65">
            <v>211.76</v>
          </cell>
          <cell r="Z65">
            <v>44.1</v>
          </cell>
          <cell r="AA65">
            <v>13.8</v>
          </cell>
          <cell r="AB65">
            <v>5.67</v>
          </cell>
          <cell r="AC65">
            <v>18.84</v>
          </cell>
          <cell r="AD65">
            <v>3.7658500962623647</v>
          </cell>
          <cell r="AE65">
            <v>11.49</v>
          </cell>
          <cell r="AF65">
            <v>169.28</v>
          </cell>
          <cell r="AG65">
            <v>37.17</v>
          </cell>
          <cell r="AH65">
            <v>210.14</v>
          </cell>
          <cell r="AI65">
            <v>12.89</v>
          </cell>
        </row>
        <row r="66">
          <cell r="B66">
            <v>22.57</v>
          </cell>
          <cell r="C66">
            <v>10.8</v>
          </cell>
          <cell r="D66">
            <v>29.23</v>
          </cell>
          <cell r="E66">
            <v>20.93</v>
          </cell>
          <cell r="F66">
            <v>22.14</v>
          </cell>
          <cell r="G66">
            <v>7.64</v>
          </cell>
          <cell r="H66">
            <v>25.39</v>
          </cell>
          <cell r="I66">
            <v>122.07</v>
          </cell>
          <cell r="J66">
            <v>196.12</v>
          </cell>
          <cell r="K66">
            <v>45.47</v>
          </cell>
          <cell r="L66">
            <v>20.53</v>
          </cell>
          <cell r="M66">
            <v>17.2</v>
          </cell>
          <cell r="N66">
            <v>23.33</v>
          </cell>
          <cell r="O66">
            <v>8.84</v>
          </cell>
          <cell r="P66">
            <v>899.02</v>
          </cell>
          <cell r="Q66">
            <v>19.079999999999998</v>
          </cell>
          <cell r="R66">
            <v>51.41</v>
          </cell>
          <cell r="S66">
            <v>14.99</v>
          </cell>
          <cell r="T66">
            <v>2280.15</v>
          </cell>
          <cell r="U66">
            <v>11727.53</v>
          </cell>
          <cell r="V66">
            <v>40.72</v>
          </cell>
          <cell r="W66">
            <v>21.28</v>
          </cell>
          <cell r="X66">
            <v>22.07</v>
          </cell>
          <cell r="Y66">
            <v>220.97</v>
          </cell>
          <cell r="Z66">
            <v>49.02</v>
          </cell>
          <cell r="AA66">
            <v>14.15</v>
          </cell>
          <cell r="AB66">
            <v>5.83</v>
          </cell>
          <cell r="AC66">
            <v>19.13</v>
          </cell>
          <cell r="AD66">
            <v>4.0456748323707092</v>
          </cell>
          <cell r="AE66">
            <v>11.86</v>
          </cell>
          <cell r="AF66">
            <v>172.07</v>
          </cell>
          <cell r="AG66">
            <v>37.119999999999997</v>
          </cell>
          <cell r="AH66">
            <v>213.31</v>
          </cell>
          <cell r="AI66">
            <v>13.12</v>
          </cell>
        </row>
        <row r="67">
          <cell r="B67">
            <v>23.17</v>
          </cell>
          <cell r="C67">
            <v>13.09</v>
          </cell>
          <cell r="D67">
            <v>30.11</v>
          </cell>
          <cell r="E67">
            <v>21.71</v>
          </cell>
          <cell r="F67">
            <v>22.47</v>
          </cell>
          <cell r="G67">
            <v>8.26</v>
          </cell>
          <cell r="H67">
            <v>26.15</v>
          </cell>
          <cell r="I67">
            <v>127.98</v>
          </cell>
          <cell r="J67">
            <v>202.78</v>
          </cell>
          <cell r="K67">
            <v>51.45</v>
          </cell>
          <cell r="L67">
            <v>21.32</v>
          </cell>
          <cell r="M67">
            <v>17.57</v>
          </cell>
          <cell r="N67">
            <v>23.78</v>
          </cell>
          <cell r="O67">
            <v>8.52</v>
          </cell>
          <cell r="P67">
            <v>966.11</v>
          </cell>
          <cell r="Q67">
            <v>19.739999999999998</v>
          </cell>
          <cell r="R67">
            <v>52.83</v>
          </cell>
          <cell r="S67">
            <v>15.41</v>
          </cell>
          <cell r="T67">
            <v>2312.38</v>
          </cell>
          <cell r="U67">
            <v>12798.47</v>
          </cell>
          <cell r="V67">
            <v>42.36</v>
          </cell>
          <cell r="W67">
            <v>21.72</v>
          </cell>
          <cell r="X67">
            <v>22.85</v>
          </cell>
          <cell r="Y67">
            <v>225.37</v>
          </cell>
          <cell r="Z67">
            <v>53.33</v>
          </cell>
          <cell r="AA67">
            <v>14.68</v>
          </cell>
          <cell r="AB67">
            <v>6</v>
          </cell>
          <cell r="AC67">
            <v>19.09</v>
          </cell>
          <cell r="AD67">
            <v>4.3646683927504482</v>
          </cell>
          <cell r="AE67">
            <v>12.38</v>
          </cell>
          <cell r="AF67">
            <v>178.03</v>
          </cell>
          <cell r="AG67">
            <v>37.950000000000003</v>
          </cell>
          <cell r="AH67">
            <v>221.71</v>
          </cell>
          <cell r="AI67">
            <v>13.7</v>
          </cell>
        </row>
        <row r="68">
          <cell r="B68">
            <v>23.32</v>
          </cell>
          <cell r="C68">
            <v>16.579999999999998</v>
          </cell>
          <cell r="D68">
            <v>31.27</v>
          </cell>
          <cell r="E68">
            <v>22.34</v>
          </cell>
          <cell r="F68">
            <v>22.83</v>
          </cell>
          <cell r="G68">
            <v>8.86</v>
          </cell>
          <cell r="H68">
            <v>26.42</v>
          </cell>
          <cell r="I68">
            <v>134.65</v>
          </cell>
          <cell r="J68">
            <v>209.27</v>
          </cell>
          <cell r="K68">
            <v>60.34</v>
          </cell>
          <cell r="L68">
            <v>22.01</v>
          </cell>
          <cell r="M68">
            <v>18.16</v>
          </cell>
          <cell r="N68">
            <v>24.25</v>
          </cell>
          <cell r="O68">
            <v>9.09</v>
          </cell>
          <cell r="P68">
            <v>1055.1600000000001</v>
          </cell>
          <cell r="Q68">
            <v>20.420000000000002</v>
          </cell>
          <cell r="R68">
            <v>54.03</v>
          </cell>
          <cell r="S68">
            <v>15.91</v>
          </cell>
          <cell r="T68">
            <v>2323.85</v>
          </cell>
          <cell r="U68">
            <v>13777.64</v>
          </cell>
          <cell r="V68">
            <v>44.24</v>
          </cell>
          <cell r="W68">
            <v>22.14</v>
          </cell>
          <cell r="X68">
            <v>24.01</v>
          </cell>
          <cell r="Y68">
            <v>237.42</v>
          </cell>
          <cell r="Z68">
            <v>56.78</v>
          </cell>
          <cell r="AA68">
            <v>15.59</v>
          </cell>
          <cell r="AB68">
            <v>6.19</v>
          </cell>
          <cell r="AC68">
            <v>18.87</v>
          </cell>
          <cell r="AD68">
            <v>4.6836619531301862</v>
          </cell>
          <cell r="AE68">
            <v>12.87</v>
          </cell>
          <cell r="AF68">
            <v>183.94</v>
          </cell>
          <cell r="AG68">
            <v>38.729999999999997</v>
          </cell>
          <cell r="AH68">
            <v>226.34</v>
          </cell>
          <cell r="AI68">
            <v>14.14</v>
          </cell>
        </row>
        <row r="69">
          <cell r="B69">
            <v>24.03</v>
          </cell>
          <cell r="C69">
            <v>20.36</v>
          </cell>
          <cell r="D69">
            <v>32.340000000000003</v>
          </cell>
          <cell r="E69">
            <v>23.2</v>
          </cell>
          <cell r="F69">
            <v>23.15</v>
          </cell>
          <cell r="G69">
            <v>9.44</v>
          </cell>
          <cell r="H69">
            <v>27.45</v>
          </cell>
          <cell r="I69">
            <v>145.51</v>
          </cell>
          <cell r="J69">
            <v>222.14</v>
          </cell>
          <cell r="K69">
            <v>73.17</v>
          </cell>
          <cell r="L69">
            <v>22.63</v>
          </cell>
          <cell r="M69">
            <v>18.78</v>
          </cell>
          <cell r="N69">
            <v>25</v>
          </cell>
          <cell r="O69">
            <v>9.36</v>
          </cell>
          <cell r="P69">
            <v>1162.08</v>
          </cell>
          <cell r="Q69">
            <v>21.6</v>
          </cell>
          <cell r="R69">
            <v>56.34</v>
          </cell>
          <cell r="S69">
            <v>16.350000000000001</v>
          </cell>
          <cell r="T69">
            <v>2319.29</v>
          </cell>
          <cell r="U69">
            <v>14840.03</v>
          </cell>
          <cell r="V69">
            <v>46.75</v>
          </cell>
          <cell r="W69">
            <v>22.51</v>
          </cell>
          <cell r="X69">
            <v>25.3</v>
          </cell>
          <cell r="Y69">
            <v>253.38</v>
          </cell>
          <cell r="Z69">
            <v>58.86</v>
          </cell>
          <cell r="AA69">
            <v>17.260000000000002</v>
          </cell>
          <cell r="AB69">
            <v>6.36</v>
          </cell>
          <cell r="AC69">
            <v>20.350000000000001</v>
          </cell>
          <cell r="AD69">
            <v>5.0527783310097591</v>
          </cell>
          <cell r="AE69">
            <v>13.36</v>
          </cell>
          <cell r="AF69">
            <v>191.76</v>
          </cell>
          <cell r="AG69">
            <v>39.340000000000003</v>
          </cell>
          <cell r="AH69">
            <v>230.48</v>
          </cell>
          <cell r="AI69">
            <v>14.61</v>
          </cell>
        </row>
        <row r="70">
          <cell r="B70">
            <v>24.77</v>
          </cell>
          <cell r="C70">
            <v>25.83</v>
          </cell>
          <cell r="D70">
            <v>34.33</v>
          </cell>
          <cell r="E70">
            <v>24.25</v>
          </cell>
          <cell r="F70">
            <v>24.21</v>
          </cell>
          <cell r="G70">
            <v>10.51</v>
          </cell>
          <cell r="H70">
            <v>27.8</v>
          </cell>
          <cell r="I70">
            <v>152.79</v>
          </cell>
          <cell r="J70">
            <v>228.12</v>
          </cell>
          <cell r="K70">
            <v>82.69</v>
          </cell>
          <cell r="L70">
            <v>23.79</v>
          </cell>
          <cell r="M70">
            <v>19.37</v>
          </cell>
          <cell r="N70">
            <v>25.58</v>
          </cell>
          <cell r="O70">
            <v>9.6300000000000008</v>
          </cell>
          <cell r="P70">
            <v>1228.6500000000001</v>
          </cell>
          <cell r="Q70">
            <v>22.65</v>
          </cell>
          <cell r="R70">
            <v>59.06</v>
          </cell>
          <cell r="S70">
            <v>16.91</v>
          </cell>
          <cell r="T70">
            <v>2361.39</v>
          </cell>
          <cell r="U70">
            <v>14701.31</v>
          </cell>
          <cell r="V70">
            <v>49.77</v>
          </cell>
          <cell r="W70">
            <v>23.35</v>
          </cell>
          <cell r="X70">
            <v>26.48</v>
          </cell>
          <cell r="Y70">
            <v>267.77999999999997</v>
          </cell>
          <cell r="Z70">
            <v>62.86</v>
          </cell>
          <cell r="AA70">
            <v>19.05</v>
          </cell>
          <cell r="AB70">
            <v>6.63</v>
          </cell>
          <cell r="AC70">
            <v>22.93</v>
          </cell>
          <cell r="AD70">
            <v>5.4789882493527182</v>
          </cell>
          <cell r="AE70">
            <v>14.01</v>
          </cell>
          <cell r="AF70">
            <v>200.33</v>
          </cell>
          <cell r="AG70">
            <v>40.07</v>
          </cell>
          <cell r="AH70">
            <v>233.38</v>
          </cell>
          <cell r="AI70">
            <v>15.23</v>
          </cell>
        </row>
        <row r="71">
          <cell r="B71">
            <v>25.63</v>
          </cell>
          <cell r="C71">
            <v>31.07</v>
          </cell>
          <cell r="D71">
            <v>34.68</v>
          </cell>
          <cell r="E71">
            <v>25.75</v>
          </cell>
          <cell r="F71">
            <v>24.89</v>
          </cell>
          <cell r="G71">
            <v>11.25</v>
          </cell>
          <cell r="H71">
            <v>26.94</v>
          </cell>
          <cell r="I71">
            <v>157.80000000000001</v>
          </cell>
          <cell r="J71">
            <v>238.54</v>
          </cell>
          <cell r="K71">
            <v>81.56</v>
          </cell>
          <cell r="L71">
            <v>24.62</v>
          </cell>
          <cell r="M71">
            <v>19.79</v>
          </cell>
          <cell r="N71">
            <v>25.94</v>
          </cell>
          <cell r="O71">
            <v>9.99</v>
          </cell>
          <cell r="P71">
            <v>1292.6600000000001</v>
          </cell>
          <cell r="Q71">
            <v>23.72</v>
          </cell>
          <cell r="R71">
            <v>60.59</v>
          </cell>
          <cell r="S71">
            <v>17.46</v>
          </cell>
          <cell r="T71">
            <v>2337.2199999999998</v>
          </cell>
          <cell r="U71">
            <v>14890.86</v>
          </cell>
          <cell r="V71">
            <v>53.04</v>
          </cell>
          <cell r="W71">
            <v>24</v>
          </cell>
          <cell r="X71">
            <v>27.08</v>
          </cell>
          <cell r="Y71">
            <v>276.63</v>
          </cell>
          <cell r="Z71">
            <v>65.56</v>
          </cell>
          <cell r="AA71">
            <v>19.71</v>
          </cell>
          <cell r="AB71">
            <v>6.84</v>
          </cell>
          <cell r="AC71">
            <v>21.89</v>
          </cell>
          <cell r="AD71">
            <v>5.76</v>
          </cell>
          <cell r="AE71">
            <v>14.68</v>
          </cell>
          <cell r="AF71">
            <v>208.04</v>
          </cell>
          <cell r="AG71">
            <v>41.04</v>
          </cell>
          <cell r="AH71">
            <v>218.36</v>
          </cell>
          <cell r="AI71">
            <v>15.53</v>
          </cell>
        </row>
        <row r="74">
          <cell r="B74" t="str">
            <v>United States</v>
          </cell>
          <cell r="C74" t="str">
            <v>Argentina</v>
          </cell>
          <cell r="D74" t="str">
            <v>Australia</v>
          </cell>
          <cell r="E74" t="str">
            <v>Austria</v>
          </cell>
          <cell r="F74" t="str">
            <v>Belgium</v>
          </cell>
          <cell r="G74" t="str">
            <v>Brazil</v>
          </cell>
          <cell r="H74" t="str">
            <v>Canada</v>
          </cell>
          <cell r="I74" t="str">
            <v>Czech Republic</v>
          </cell>
          <cell r="J74" t="str">
            <v>Denmark</v>
          </cell>
          <cell r="K74" t="str">
            <v>Estonia</v>
          </cell>
          <cell r="L74" t="str">
            <v>Finland</v>
          </cell>
          <cell r="M74" t="str">
            <v>France</v>
          </cell>
          <cell r="N74" t="str">
            <v>Germany</v>
          </cell>
          <cell r="O74" t="str">
            <v>Greece</v>
          </cell>
          <cell r="P74" t="str">
            <v>Hungary</v>
          </cell>
          <cell r="Q74" t="str">
            <v>Ireland</v>
          </cell>
          <cell r="R74" t="str">
            <v>Israel</v>
          </cell>
          <cell r="S74" t="str">
            <v>Italy</v>
          </cell>
          <cell r="T74" t="str">
            <v>Japan</v>
          </cell>
          <cell r="U74" t="str">
            <v>Korea, Republic of</v>
          </cell>
          <cell r="V74" t="str">
            <v>Mexico</v>
          </cell>
          <cell r="W74" t="str">
            <v>Netherlands</v>
          </cell>
          <cell r="X74" t="str">
            <v>New Zealand</v>
          </cell>
          <cell r="Y74" t="str">
            <v>Norway</v>
          </cell>
          <cell r="Z74" t="str">
            <v>Philippines</v>
          </cell>
          <cell r="AA74" t="str">
            <v>Poland</v>
          </cell>
          <cell r="AB74" t="str">
            <v>Portugal</v>
          </cell>
          <cell r="AC74" t="str">
            <v>Singapore</v>
          </cell>
          <cell r="AD74" t="str">
            <v>Slovakia</v>
          </cell>
          <cell r="AE74" t="str">
            <v>Spain</v>
          </cell>
          <cell r="AF74" t="str">
            <v>Sweden</v>
          </cell>
          <cell r="AG74" t="str">
            <v>Switzerland</v>
          </cell>
          <cell r="AH74" t="str">
            <v>Taiwan</v>
          </cell>
          <cell r="AI74" t="str">
            <v>United Kingdom</v>
          </cell>
        </row>
        <row r="75">
          <cell r="B75">
            <v>15.75</v>
          </cell>
          <cell r="C75">
            <v>4.96</v>
          </cell>
          <cell r="D75">
            <v>14.17</v>
          </cell>
          <cell r="E75">
            <v>16.079999999999998</v>
          </cell>
          <cell r="F75">
            <v>16.100000000000001</v>
          </cell>
          <cell r="G75">
            <v>3.76</v>
          </cell>
          <cell r="H75">
            <v>13.9</v>
          </cell>
          <cell r="I75">
            <v>2.06</v>
          </cell>
          <cell r="J75">
            <v>0</v>
          </cell>
          <cell r="K75">
            <v>0</v>
          </cell>
          <cell r="L75">
            <v>15.12</v>
          </cell>
          <cell r="M75">
            <v>15.39</v>
          </cell>
          <cell r="N75">
            <v>19.09</v>
          </cell>
          <cell r="O75">
            <v>0</v>
          </cell>
          <cell r="P75">
            <v>1.62</v>
          </cell>
          <cell r="Q75">
            <v>12.6</v>
          </cell>
          <cell r="R75">
            <v>8.7799999999999994</v>
          </cell>
          <cell r="S75">
            <v>10.82</v>
          </cell>
          <cell r="T75">
            <v>13.43</v>
          </cell>
          <cell r="U75">
            <v>0</v>
          </cell>
          <cell r="V75">
            <v>0</v>
          </cell>
          <cell r="W75">
            <v>0</v>
          </cell>
          <cell r="X75">
            <v>10.36</v>
          </cell>
          <cell r="Y75">
            <v>0</v>
          </cell>
          <cell r="Z75">
            <v>0.9</v>
          </cell>
          <cell r="AA75">
            <v>0</v>
          </cell>
          <cell r="AB75">
            <v>4.2699999999999996</v>
          </cell>
          <cell r="AC75">
            <v>7.36</v>
          </cell>
          <cell r="AD75">
            <v>0</v>
          </cell>
          <cell r="AE75">
            <v>8.2200000000000006</v>
          </cell>
          <cell r="AF75">
            <v>16.34</v>
          </cell>
          <cell r="AG75">
            <v>21.69</v>
          </cell>
          <cell r="AH75">
            <v>0</v>
          </cell>
          <cell r="AI75">
            <v>12.05</v>
          </cell>
        </row>
        <row r="76">
          <cell r="B76">
            <v>16.22</v>
          </cell>
          <cell r="C76">
            <v>5.0999999999999996</v>
          </cell>
          <cell r="D76">
            <v>13.9</v>
          </cell>
          <cell r="E76">
            <v>14.26</v>
          </cell>
          <cell r="F76">
            <v>14.24</v>
          </cell>
          <cell r="G76">
            <v>3.74</v>
          </cell>
          <cell r="H76">
            <v>13.85</v>
          </cell>
          <cell r="I76">
            <v>1.95</v>
          </cell>
          <cell r="J76">
            <v>19.010000000000002</v>
          </cell>
          <cell r="K76">
            <v>0</v>
          </cell>
          <cell r="L76">
            <v>13.65</v>
          </cell>
          <cell r="M76">
            <v>13.73</v>
          </cell>
          <cell r="N76">
            <v>16.809999999999999</v>
          </cell>
          <cell r="O76">
            <v>0</v>
          </cell>
          <cell r="P76">
            <v>1.6</v>
          </cell>
          <cell r="Q76">
            <v>12.38</v>
          </cell>
          <cell r="R76">
            <v>9.35</v>
          </cell>
          <cell r="S76">
            <v>10.18</v>
          </cell>
          <cell r="T76">
            <v>12.41</v>
          </cell>
          <cell r="U76">
            <v>0</v>
          </cell>
          <cell r="V76">
            <v>0</v>
          </cell>
          <cell r="W76">
            <v>13.57</v>
          </cell>
          <cell r="X76">
            <v>10.32</v>
          </cell>
          <cell r="Y76">
            <v>0</v>
          </cell>
          <cell r="Z76">
            <v>0.85</v>
          </cell>
          <cell r="AA76">
            <v>1.43</v>
          </cell>
          <cell r="AB76">
            <v>3.85</v>
          </cell>
          <cell r="AC76">
            <v>7.56</v>
          </cell>
          <cell r="AD76">
            <v>1.5</v>
          </cell>
          <cell r="AE76">
            <v>7.5</v>
          </cell>
          <cell r="AF76">
            <v>14.94</v>
          </cell>
          <cell r="AG76">
            <v>18.52</v>
          </cell>
          <cell r="AH76">
            <v>0</v>
          </cell>
          <cell r="AI76">
            <v>13.1</v>
          </cell>
        </row>
        <row r="77">
          <cell r="B77">
            <v>16.63</v>
          </cell>
          <cell r="C77">
            <v>5.4</v>
          </cell>
          <cell r="D77">
            <v>12.55</v>
          </cell>
          <cell r="E77">
            <v>14.44</v>
          </cell>
          <cell r="F77">
            <v>14.43</v>
          </cell>
          <cell r="G77">
            <v>3.54</v>
          </cell>
          <cell r="H77">
            <v>13.34</v>
          </cell>
          <cell r="I77">
            <v>2.13</v>
          </cell>
          <cell r="J77">
            <v>19.38</v>
          </cell>
          <cell r="K77">
            <v>0</v>
          </cell>
          <cell r="L77">
            <v>13.79</v>
          </cell>
          <cell r="M77">
            <v>13.77</v>
          </cell>
          <cell r="N77">
            <v>16.899999999999999</v>
          </cell>
          <cell r="O77">
            <v>0</v>
          </cell>
          <cell r="P77">
            <v>1.62</v>
          </cell>
          <cell r="Q77">
            <v>12.25</v>
          </cell>
          <cell r="R77">
            <v>9.4</v>
          </cell>
          <cell r="S77">
            <v>10.210000000000001</v>
          </cell>
          <cell r="T77">
            <v>11.66</v>
          </cell>
          <cell r="U77">
            <v>0</v>
          </cell>
          <cell r="V77">
            <v>0</v>
          </cell>
          <cell r="W77">
            <v>13.96</v>
          </cell>
          <cell r="X77">
            <v>8.58</v>
          </cell>
          <cell r="Y77">
            <v>0</v>
          </cell>
          <cell r="Z77">
            <v>0.65</v>
          </cell>
          <cell r="AA77">
            <v>1.59</v>
          </cell>
          <cell r="AB77">
            <v>3.96</v>
          </cell>
          <cell r="AC77">
            <v>7.34</v>
          </cell>
          <cell r="AD77">
            <v>1.54</v>
          </cell>
          <cell r="AE77">
            <v>7.7</v>
          </cell>
          <cell r="AF77">
            <v>14.99</v>
          </cell>
          <cell r="AG77">
            <v>18.670000000000002</v>
          </cell>
          <cell r="AH77">
            <v>0</v>
          </cell>
          <cell r="AI77">
            <v>14.04</v>
          </cell>
        </row>
        <row r="78">
          <cell r="B78">
            <v>17.149999999999999</v>
          </cell>
          <cell r="C78">
            <v>5.52</v>
          </cell>
          <cell r="D78">
            <v>13.22</v>
          </cell>
          <cell r="E78">
            <v>14.26</v>
          </cell>
          <cell r="F78">
            <v>14.15</v>
          </cell>
          <cell r="G78">
            <v>2.25</v>
          </cell>
          <cell r="H78">
            <v>13.44</v>
          </cell>
          <cell r="I78">
            <v>2.1</v>
          </cell>
          <cell r="J78">
            <v>19.34</v>
          </cell>
          <cell r="K78">
            <v>0</v>
          </cell>
          <cell r="L78">
            <v>13.72</v>
          </cell>
          <cell r="M78">
            <v>13.37</v>
          </cell>
          <cell r="N78">
            <v>16.309999999999999</v>
          </cell>
          <cell r="O78">
            <v>0</v>
          </cell>
          <cell r="P78">
            <v>1.62</v>
          </cell>
          <cell r="Q78">
            <v>12.32</v>
          </cell>
          <cell r="R78">
            <v>9.2899999999999991</v>
          </cell>
          <cell r="S78">
            <v>9.93</v>
          </cell>
          <cell r="T78">
            <v>13.55</v>
          </cell>
          <cell r="U78">
            <v>0</v>
          </cell>
          <cell r="V78">
            <v>0</v>
          </cell>
          <cell r="W78">
            <v>13.96</v>
          </cell>
          <cell r="X78">
            <v>8.6999999999999993</v>
          </cell>
          <cell r="Y78">
            <v>0</v>
          </cell>
          <cell r="Z78">
            <v>0.71</v>
          </cell>
          <cell r="AA78">
            <v>1.95</v>
          </cell>
          <cell r="AB78">
            <v>3.9</v>
          </cell>
          <cell r="AC78">
            <v>7.5</v>
          </cell>
          <cell r="AD78">
            <v>1.4</v>
          </cell>
          <cell r="AE78">
            <v>7.66</v>
          </cell>
          <cell r="AF78">
            <v>14.68</v>
          </cell>
          <cell r="AG78">
            <v>18.05</v>
          </cell>
          <cell r="AH78">
            <v>0</v>
          </cell>
          <cell r="AI78">
            <v>14.26</v>
          </cell>
        </row>
        <row r="79">
          <cell r="B79">
            <v>17.77</v>
          </cell>
          <cell r="C79">
            <v>5.63</v>
          </cell>
          <cell r="D79">
            <v>12.02</v>
          </cell>
          <cell r="E79">
            <v>12.65</v>
          </cell>
          <cell r="F79">
            <v>12.59</v>
          </cell>
          <cell r="G79">
            <v>2.34</v>
          </cell>
          <cell r="H79">
            <v>13.83</v>
          </cell>
          <cell r="I79">
            <v>2.0299999999999998</v>
          </cell>
          <cell r="J79">
            <v>17.29</v>
          </cell>
          <cell r="K79">
            <v>1.68</v>
          </cell>
          <cell r="L79">
            <v>12.46</v>
          </cell>
          <cell r="M79">
            <v>11.75</v>
          </cell>
          <cell r="N79">
            <v>14.81</v>
          </cell>
          <cell r="O79">
            <v>4.6399999999999997</v>
          </cell>
          <cell r="P79">
            <v>1.56</v>
          </cell>
          <cell r="Q79">
            <v>11.39</v>
          </cell>
          <cell r="R79">
            <v>10.01</v>
          </cell>
          <cell r="S79">
            <v>8.75</v>
          </cell>
          <cell r="T79">
            <v>14.29</v>
          </cell>
          <cell r="U79">
            <v>0</v>
          </cell>
          <cell r="V79">
            <v>0</v>
          </cell>
          <cell r="W79">
            <v>12.56</v>
          </cell>
          <cell r="X79">
            <v>7.74</v>
          </cell>
          <cell r="Y79">
            <v>0</v>
          </cell>
          <cell r="Z79">
            <v>0.65</v>
          </cell>
          <cell r="AA79">
            <v>1.97</v>
          </cell>
          <cell r="AB79">
            <v>3.48</v>
          </cell>
          <cell r="AC79">
            <v>7.91</v>
          </cell>
          <cell r="AD79">
            <v>1.4</v>
          </cell>
          <cell r="AE79">
            <v>6.92</v>
          </cell>
          <cell r="AF79">
            <v>13.74</v>
          </cell>
          <cell r="AG79">
            <v>16.27</v>
          </cell>
          <cell r="AH79">
            <v>0</v>
          </cell>
          <cell r="AI79">
            <v>13.78</v>
          </cell>
        </row>
        <row r="80">
          <cell r="B80">
            <v>18.440000000000001</v>
          </cell>
          <cell r="C80">
            <v>5.73</v>
          </cell>
          <cell r="D80">
            <v>10.92</v>
          </cell>
          <cell r="E80">
            <v>12.69</v>
          </cell>
          <cell r="F80">
            <v>12.72</v>
          </cell>
          <cell r="G80">
            <v>1.94</v>
          </cell>
          <cell r="H80">
            <v>13.3</v>
          </cell>
          <cell r="I80">
            <v>2.2000000000000002</v>
          </cell>
          <cell r="J80">
            <v>17.510000000000002</v>
          </cell>
          <cell r="K80">
            <v>1.76</v>
          </cell>
          <cell r="L80">
            <v>12.61</v>
          </cell>
          <cell r="M80">
            <v>11.69</v>
          </cell>
          <cell r="N80">
            <v>14.63</v>
          </cell>
          <cell r="O80">
            <v>4.2</v>
          </cell>
          <cell r="P80">
            <v>1.79</v>
          </cell>
          <cell r="Q80">
            <v>12.37</v>
          </cell>
          <cell r="R80">
            <v>10.52</v>
          </cell>
          <cell r="S80">
            <v>8.8699999999999992</v>
          </cell>
          <cell r="T80">
            <v>12.81</v>
          </cell>
          <cell r="U80">
            <v>0</v>
          </cell>
          <cell r="V80">
            <v>0</v>
          </cell>
          <cell r="W80">
            <v>13.02</v>
          </cell>
          <cell r="X80">
            <v>7.37</v>
          </cell>
          <cell r="Y80">
            <v>0</v>
          </cell>
          <cell r="Z80">
            <v>0.62</v>
          </cell>
          <cell r="AA80">
            <v>2.2599999999999998</v>
          </cell>
          <cell r="AB80">
            <v>3.59</v>
          </cell>
          <cell r="AC80">
            <v>8.17</v>
          </cell>
          <cell r="AD80">
            <v>1.48</v>
          </cell>
          <cell r="AE80">
            <v>6.93</v>
          </cell>
          <cell r="AF80">
            <v>12.77</v>
          </cell>
          <cell r="AG80">
            <v>16.72</v>
          </cell>
          <cell r="AH80">
            <v>0</v>
          </cell>
          <cell r="AI80">
            <v>14.17</v>
          </cell>
        </row>
        <row r="81">
          <cell r="B81">
            <v>19.16</v>
          </cell>
          <cell r="C81">
            <v>2.0499999999999998</v>
          </cell>
          <cell r="D81">
            <v>12.53</v>
          </cell>
          <cell r="E81">
            <v>13.79</v>
          </cell>
          <cell r="F81">
            <v>13.72</v>
          </cell>
          <cell r="G81">
            <v>1.66</v>
          </cell>
          <cell r="H81">
            <v>13.27</v>
          </cell>
          <cell r="I81">
            <v>2.73</v>
          </cell>
          <cell r="J81">
            <v>19.07</v>
          </cell>
          <cell r="K81">
            <v>2.04</v>
          </cell>
          <cell r="L81">
            <v>13.66</v>
          </cell>
          <cell r="M81">
            <v>12.66</v>
          </cell>
          <cell r="N81">
            <v>15.89</v>
          </cell>
          <cell r="O81">
            <v>5.18</v>
          </cell>
          <cell r="P81">
            <v>2.2400000000000002</v>
          </cell>
          <cell r="Q81">
            <v>13.94</v>
          </cell>
          <cell r="R81">
            <v>9.5</v>
          </cell>
          <cell r="S81">
            <v>9.9499999999999993</v>
          </cell>
          <cell r="T81">
            <v>12.45</v>
          </cell>
          <cell r="U81">
            <v>0</v>
          </cell>
          <cell r="V81">
            <v>0</v>
          </cell>
          <cell r="W81">
            <v>14.25</v>
          </cell>
          <cell r="X81">
            <v>8.4700000000000006</v>
          </cell>
          <cell r="Y81">
            <v>0</v>
          </cell>
          <cell r="Z81">
            <v>0.65</v>
          </cell>
          <cell r="AA81">
            <v>2.35</v>
          </cell>
          <cell r="AB81">
            <v>4.0199999999999996</v>
          </cell>
          <cell r="AC81">
            <v>8.1300000000000008</v>
          </cell>
          <cell r="AD81">
            <v>1.76</v>
          </cell>
          <cell r="AE81">
            <v>7.65</v>
          </cell>
          <cell r="AF81">
            <v>14.29</v>
          </cell>
          <cell r="AG81">
            <v>18.47</v>
          </cell>
          <cell r="AH81">
            <v>0</v>
          </cell>
          <cell r="AI81">
            <v>15.53</v>
          </cell>
        </row>
        <row r="82">
          <cell r="B82">
            <v>19.77</v>
          </cell>
          <cell r="C82">
            <v>2.48</v>
          </cell>
          <cell r="D82">
            <v>16.149999999999999</v>
          </cell>
          <cell r="E82">
            <v>16.850000000000001</v>
          </cell>
          <cell r="F82">
            <v>17.37</v>
          </cell>
          <cell r="G82">
            <v>1.72</v>
          </cell>
          <cell r="H82">
            <v>15.34</v>
          </cell>
          <cell r="I82">
            <v>3.34</v>
          </cell>
          <cell r="J82">
            <v>23.52</v>
          </cell>
          <cell r="K82">
            <v>2.69</v>
          </cell>
          <cell r="L82">
            <v>16.79</v>
          </cell>
          <cell r="M82">
            <v>15.55</v>
          </cell>
          <cell r="N82">
            <v>19.54</v>
          </cell>
          <cell r="O82">
            <v>6.74</v>
          </cell>
          <cell r="P82">
            <v>2.79</v>
          </cell>
          <cell r="Q82">
            <v>17.57</v>
          </cell>
          <cell r="R82">
            <v>10.1</v>
          </cell>
          <cell r="S82">
            <v>12.6</v>
          </cell>
          <cell r="T82">
            <v>13.52</v>
          </cell>
          <cell r="U82">
            <v>0</v>
          </cell>
          <cell r="V82">
            <v>0</v>
          </cell>
          <cell r="W82">
            <v>17.73</v>
          </cell>
          <cell r="X82">
            <v>10.89</v>
          </cell>
          <cell r="Y82">
            <v>0</v>
          </cell>
          <cell r="Z82">
            <v>0.66</v>
          </cell>
          <cell r="AA82">
            <v>2.5499999999999998</v>
          </cell>
          <cell r="AB82">
            <v>4.9400000000000004</v>
          </cell>
          <cell r="AC82">
            <v>8.5299999999999994</v>
          </cell>
          <cell r="AD82">
            <v>2.35</v>
          </cell>
          <cell r="AE82">
            <v>9.56</v>
          </cell>
          <cell r="AF82">
            <v>17.739999999999998</v>
          </cell>
          <cell r="AG82">
            <v>21.57</v>
          </cell>
          <cell r="AH82">
            <v>0</v>
          </cell>
          <cell r="AI82">
            <v>18.03</v>
          </cell>
        </row>
        <row r="83">
          <cell r="B83">
            <v>20.260000000000002</v>
          </cell>
          <cell r="C83">
            <v>3.07</v>
          </cell>
          <cell r="D83">
            <v>18.97</v>
          </cell>
          <cell r="E83">
            <v>18.66</v>
          </cell>
          <cell r="F83">
            <v>19.850000000000001</v>
          </cell>
          <cell r="G83">
            <v>2.0699999999999998</v>
          </cell>
          <cell r="H83">
            <v>17.100000000000001</v>
          </cell>
          <cell r="I83">
            <v>3.89</v>
          </cell>
          <cell r="J83">
            <v>26.37</v>
          </cell>
          <cell r="K83">
            <v>3.18</v>
          </cell>
          <cell r="L83">
            <v>19.07</v>
          </cell>
          <cell r="M83">
            <v>17.52</v>
          </cell>
          <cell r="N83">
            <v>21.93</v>
          </cell>
          <cell r="O83">
            <v>8.19</v>
          </cell>
          <cell r="P83">
            <v>3.34</v>
          </cell>
          <cell r="Q83">
            <v>20.350000000000001</v>
          </cell>
          <cell r="R83">
            <v>10.48</v>
          </cell>
          <cell r="S83">
            <v>14.7</v>
          </cell>
          <cell r="T83">
            <v>14.49</v>
          </cell>
          <cell r="U83">
            <v>0</v>
          </cell>
          <cell r="V83">
            <v>0</v>
          </cell>
          <cell r="W83">
            <v>19.86</v>
          </cell>
          <cell r="X83">
            <v>12.71</v>
          </cell>
          <cell r="Y83">
            <v>0</v>
          </cell>
          <cell r="Z83">
            <v>0.71</v>
          </cell>
          <cell r="AA83">
            <v>2.78</v>
          </cell>
          <cell r="AB83">
            <v>5.66</v>
          </cell>
          <cell r="AC83">
            <v>8.91</v>
          </cell>
          <cell r="AD83">
            <v>2.87</v>
          </cell>
          <cell r="AE83">
            <v>10.81</v>
          </cell>
          <cell r="AF83">
            <v>19.78</v>
          </cell>
          <cell r="AG83">
            <v>23.42</v>
          </cell>
          <cell r="AH83">
            <v>0</v>
          </cell>
          <cell r="AI83">
            <v>20.91</v>
          </cell>
        </row>
        <row r="84">
          <cell r="B84">
            <v>20.73</v>
          </cell>
          <cell r="C84">
            <v>3.75</v>
          </cell>
          <cell r="D84">
            <v>20.23</v>
          </cell>
          <cell r="E84">
            <v>19.37</v>
          </cell>
          <cell r="F84">
            <v>20.170000000000002</v>
          </cell>
          <cell r="G84">
            <v>2.68</v>
          </cell>
          <cell r="H84">
            <v>18.920000000000002</v>
          </cell>
          <cell r="I84">
            <v>4.3899999999999997</v>
          </cell>
          <cell r="J84">
            <v>27.13</v>
          </cell>
          <cell r="K84">
            <v>3.6</v>
          </cell>
          <cell r="L84">
            <v>19.82</v>
          </cell>
          <cell r="M84">
            <v>17.920000000000002</v>
          </cell>
          <cell r="N84">
            <v>22.33</v>
          </cell>
          <cell r="O84">
            <v>7.91</v>
          </cell>
          <cell r="P84">
            <v>3.65</v>
          </cell>
          <cell r="Q84">
            <v>21.08</v>
          </cell>
          <cell r="R84">
            <v>10.75</v>
          </cell>
          <cell r="S84">
            <v>15.12</v>
          </cell>
          <cell r="T84">
            <v>14.34</v>
          </cell>
          <cell r="U84">
            <v>0</v>
          </cell>
          <cell r="V84">
            <v>0</v>
          </cell>
          <cell r="W84">
            <v>20.28</v>
          </cell>
          <cell r="X84">
            <v>13.98</v>
          </cell>
          <cell r="Y84">
            <v>0</v>
          </cell>
          <cell r="Z84">
            <v>0.79</v>
          </cell>
          <cell r="AA84">
            <v>3.27</v>
          </cell>
          <cell r="AB84">
            <v>5.83</v>
          </cell>
          <cell r="AC84">
            <v>9.01</v>
          </cell>
          <cell r="AD84">
            <v>3.22</v>
          </cell>
          <cell r="AE84">
            <v>11.29</v>
          </cell>
          <cell r="AF84">
            <v>20.13</v>
          </cell>
          <cell r="AG84">
            <v>23.6</v>
          </cell>
          <cell r="AH84">
            <v>0</v>
          </cell>
          <cell r="AI84">
            <v>21.69</v>
          </cell>
        </row>
        <row r="85">
          <cell r="B85">
            <v>20.92</v>
          </cell>
          <cell r="C85">
            <v>4.51</v>
          </cell>
          <cell r="D85">
            <v>20.76</v>
          </cell>
          <cell r="E85">
            <v>20.11</v>
          </cell>
          <cell r="F85">
            <v>20.68</v>
          </cell>
          <cell r="G85">
            <v>3.22</v>
          </cell>
          <cell r="H85">
            <v>20.420000000000002</v>
          </cell>
          <cell r="I85">
            <v>4.91</v>
          </cell>
          <cell r="J85">
            <v>28.16</v>
          </cell>
          <cell r="K85">
            <v>4.28</v>
          </cell>
          <cell r="L85">
            <v>20.64</v>
          </cell>
          <cell r="M85">
            <v>18.68</v>
          </cell>
          <cell r="N85">
            <v>22.78</v>
          </cell>
          <cell r="O85">
            <v>8.52</v>
          </cell>
          <cell r="P85">
            <v>3.78</v>
          </cell>
          <cell r="Q85">
            <v>22</v>
          </cell>
          <cell r="R85">
            <v>11.09</v>
          </cell>
          <cell r="S85">
            <v>15.76</v>
          </cell>
          <cell r="T85">
            <v>13.59</v>
          </cell>
          <cell r="U85">
            <v>0</v>
          </cell>
          <cell r="V85">
            <v>0</v>
          </cell>
          <cell r="W85">
            <v>20.86</v>
          </cell>
          <cell r="X85">
            <v>13.47</v>
          </cell>
          <cell r="Y85">
            <v>0</v>
          </cell>
          <cell r="Z85">
            <v>0.91</v>
          </cell>
          <cell r="AA85">
            <v>3.62</v>
          </cell>
          <cell r="AB85">
            <v>6.07</v>
          </cell>
          <cell r="AC85">
            <v>9.26</v>
          </cell>
          <cell r="AD85">
            <v>3.62</v>
          </cell>
          <cell r="AE85">
            <v>11.85</v>
          </cell>
          <cell r="AF85">
            <v>21.08</v>
          </cell>
          <cell r="AG85">
            <v>23.61</v>
          </cell>
          <cell r="AH85">
            <v>0</v>
          </cell>
          <cell r="AI85">
            <v>22.66</v>
          </cell>
        </row>
        <row r="86">
          <cell r="B86">
            <v>21.5</v>
          </cell>
          <cell r="C86">
            <v>5.46</v>
          </cell>
          <cell r="D86">
            <v>23.91</v>
          </cell>
          <cell r="E86">
            <v>22.79</v>
          </cell>
          <cell r="F86">
            <v>22.88</v>
          </cell>
          <cell r="G86">
            <v>3.83</v>
          </cell>
          <cell r="H86">
            <v>22.41</v>
          </cell>
          <cell r="I86">
            <v>5.82</v>
          </cell>
          <cell r="J86">
            <v>32.56</v>
          </cell>
          <cell r="K86">
            <v>5.66</v>
          </cell>
          <cell r="L86">
            <v>23.17</v>
          </cell>
          <cell r="M86">
            <v>21.09</v>
          </cell>
          <cell r="N86">
            <v>25.49</v>
          </cell>
          <cell r="O86">
            <v>9.56</v>
          </cell>
          <cell r="P86">
            <v>4.7699999999999996</v>
          </cell>
          <cell r="Q86">
            <v>24.82</v>
          </cell>
          <cell r="R86">
            <v>12.52</v>
          </cell>
          <cell r="S86">
            <v>17.670000000000002</v>
          </cell>
          <cell r="T86">
            <v>13.45</v>
          </cell>
          <cell r="U86">
            <v>0</v>
          </cell>
          <cell r="V86">
            <v>0</v>
          </cell>
          <cell r="W86">
            <v>23.14</v>
          </cell>
          <cell r="X86">
            <v>15.92</v>
          </cell>
          <cell r="Y86">
            <v>0</v>
          </cell>
          <cell r="Z86">
            <v>1.05</v>
          </cell>
          <cell r="AA86">
            <v>4.49</v>
          </cell>
          <cell r="AB86">
            <v>6.8</v>
          </cell>
          <cell r="AC86">
            <v>10.45</v>
          </cell>
          <cell r="AD86">
            <v>4.6399999999999997</v>
          </cell>
          <cell r="AE86">
            <v>13.42</v>
          </cell>
          <cell r="AF86">
            <v>23.98</v>
          </cell>
          <cell r="AG86">
            <v>25.01</v>
          </cell>
          <cell r="AH86">
            <v>0</v>
          </cell>
          <cell r="AI86">
            <v>25.43</v>
          </cell>
        </row>
        <row r="87">
          <cell r="B87">
            <v>22.16</v>
          </cell>
          <cell r="C87">
            <v>6.82</v>
          </cell>
          <cell r="D87">
            <v>25.82</v>
          </cell>
          <cell r="E87">
            <v>25.59</v>
          </cell>
          <cell r="F87">
            <v>25.7</v>
          </cell>
          <cell r="G87">
            <v>4.53</v>
          </cell>
          <cell r="H87">
            <v>22.86</v>
          </cell>
          <cell r="I87">
            <v>7.38</v>
          </cell>
          <cell r="J87">
            <v>35.6</v>
          </cell>
          <cell r="K87">
            <v>6.83</v>
          </cell>
          <cell r="L87">
            <v>26.15</v>
          </cell>
          <cell r="M87">
            <v>23.36</v>
          </cell>
          <cell r="N87">
            <v>28.05</v>
          </cell>
          <cell r="O87">
            <v>10.57</v>
          </cell>
          <cell r="P87">
            <v>5.38</v>
          </cell>
          <cell r="Q87">
            <v>27.95</v>
          </cell>
          <cell r="R87">
            <v>14.98</v>
          </cell>
          <cell r="S87">
            <v>19.63</v>
          </cell>
          <cell r="T87">
            <v>15.57</v>
          </cell>
          <cell r="U87">
            <v>0</v>
          </cell>
          <cell r="V87">
            <v>0</v>
          </cell>
          <cell r="W87">
            <v>25.79</v>
          </cell>
          <cell r="X87">
            <v>15.91</v>
          </cell>
          <cell r="Y87">
            <v>0</v>
          </cell>
          <cell r="Z87">
            <v>1.1599999999999999</v>
          </cell>
          <cell r="AA87">
            <v>5.7</v>
          </cell>
          <cell r="AB87">
            <v>7.62</v>
          </cell>
          <cell r="AC87">
            <v>12.54</v>
          </cell>
          <cell r="AD87">
            <v>5.96</v>
          </cell>
          <cell r="AE87">
            <v>15.11</v>
          </cell>
          <cell r="AF87">
            <v>25.7</v>
          </cell>
          <cell r="AG87">
            <v>28.2</v>
          </cell>
          <cell r="AH87">
            <v>0</v>
          </cell>
          <cell r="AI87">
            <v>24.55</v>
          </cell>
        </row>
        <row r="88">
          <cell r="B88">
            <v>23.03</v>
          </cell>
          <cell r="C88">
            <v>6.96</v>
          </cell>
          <cell r="D88">
            <v>24.22</v>
          </cell>
          <cell r="E88">
            <v>25.72</v>
          </cell>
          <cell r="F88">
            <v>25</v>
          </cell>
          <cell r="G88">
            <v>4.45</v>
          </cell>
          <cell r="H88">
            <v>20.69</v>
          </cell>
          <cell r="I88">
            <v>6.64</v>
          </cell>
          <cell r="J88">
            <v>35.53</v>
          </cell>
          <cell r="K88">
            <v>6.36</v>
          </cell>
          <cell r="L88">
            <v>25.62</v>
          </cell>
          <cell r="M88">
            <v>22.58</v>
          </cell>
          <cell r="N88">
            <v>26.9</v>
          </cell>
          <cell r="O88">
            <v>10.38</v>
          </cell>
          <cell r="P88">
            <v>4.8099999999999996</v>
          </cell>
          <cell r="Q88">
            <v>27.7</v>
          </cell>
          <cell r="R88">
            <v>14.02</v>
          </cell>
          <cell r="S88">
            <v>19.190000000000001</v>
          </cell>
          <cell r="T88">
            <v>17.39</v>
          </cell>
          <cell r="U88">
            <v>0</v>
          </cell>
          <cell r="V88">
            <v>0</v>
          </cell>
          <cell r="W88">
            <v>25.09</v>
          </cell>
          <cell r="X88">
            <v>14.52</v>
          </cell>
          <cell r="Y88">
            <v>0</v>
          </cell>
          <cell r="Z88">
            <v>1.1299999999999999</v>
          </cell>
          <cell r="AA88">
            <v>4.55</v>
          </cell>
          <cell r="AB88">
            <v>7.44</v>
          </cell>
          <cell r="AC88">
            <v>11.65</v>
          </cell>
          <cell r="AD88">
            <v>6.1</v>
          </cell>
          <cell r="AE88">
            <v>14.99</v>
          </cell>
          <cell r="AF88">
            <v>22.96</v>
          </cell>
          <cell r="AG88">
            <v>28.75</v>
          </cell>
          <cell r="AH88">
            <v>0</v>
          </cell>
          <cell r="AI88">
            <v>21.14</v>
          </cell>
        </row>
        <row r="91">
          <cell r="B91" t="str">
            <v>United States</v>
          </cell>
          <cell r="C91" t="str">
            <v>Argentina</v>
          </cell>
          <cell r="D91" t="str">
            <v>Australia</v>
          </cell>
          <cell r="E91" t="str">
            <v>Austria</v>
          </cell>
          <cell r="F91" t="str">
            <v>Belgium</v>
          </cell>
          <cell r="G91" t="str">
            <v>Brazil</v>
          </cell>
          <cell r="H91" t="str">
            <v>Canada</v>
          </cell>
          <cell r="I91" t="str">
            <v>Czech Republic</v>
          </cell>
          <cell r="J91" t="str">
            <v>Denmark</v>
          </cell>
          <cell r="K91" t="str">
            <v>Estonia</v>
          </cell>
          <cell r="L91" t="str">
            <v>Finland</v>
          </cell>
          <cell r="M91" t="str">
            <v>France</v>
          </cell>
          <cell r="N91" t="str">
            <v>Germany</v>
          </cell>
          <cell r="O91" t="str">
            <v>Greece</v>
          </cell>
          <cell r="P91" t="str">
            <v>Hungary</v>
          </cell>
          <cell r="Q91" t="str">
            <v>Ireland</v>
          </cell>
          <cell r="R91" t="str">
            <v>Israel</v>
          </cell>
          <cell r="S91" t="str">
            <v>Italy</v>
          </cell>
          <cell r="T91" t="str">
            <v>Japan</v>
          </cell>
          <cell r="U91" t="str">
            <v>Korea, Republic of</v>
          </cell>
          <cell r="V91" t="str">
            <v>Mexico</v>
          </cell>
          <cell r="W91" t="str">
            <v>Netherlands</v>
          </cell>
          <cell r="X91" t="str">
            <v>New Zealand</v>
          </cell>
          <cell r="Y91" t="str">
            <v>Norway</v>
          </cell>
          <cell r="Z91" t="str">
            <v>Philippines</v>
          </cell>
          <cell r="AA91" t="str">
            <v>Poland</v>
          </cell>
          <cell r="AB91" t="str">
            <v>Portugal</v>
          </cell>
          <cell r="AC91" t="str">
            <v>Singapore</v>
          </cell>
          <cell r="AD91" t="str">
            <v>Slovakia</v>
          </cell>
          <cell r="AE91" t="str">
            <v>Spain</v>
          </cell>
          <cell r="AF91" t="str">
            <v>Sweden</v>
          </cell>
          <cell r="AG91" t="str">
            <v>Switzerland</v>
          </cell>
          <cell r="AH91" t="str">
            <v>Taiwan</v>
          </cell>
          <cell r="AI91" t="str">
            <v>United Kingdom</v>
          </cell>
        </row>
        <row r="92">
          <cell r="B92">
            <v>15.75</v>
          </cell>
          <cell r="C92">
            <v>4.96</v>
          </cell>
          <cell r="D92">
            <v>18.100000000000001</v>
          </cell>
          <cell r="E92">
            <v>12.376910387128188</v>
          </cell>
          <cell r="F92">
            <v>12.361954293391902</v>
          </cell>
          <cell r="G92">
            <v>3.78</v>
          </cell>
          <cell r="H92">
            <v>18.95</v>
          </cell>
          <cell r="I92">
            <v>56.02</v>
          </cell>
          <cell r="J92">
            <v>0</v>
          </cell>
          <cell r="K92">
            <v>0</v>
          </cell>
          <cell r="L92">
            <v>11.682333372016554</v>
          </cell>
          <cell r="M92">
            <v>11.999262146756569</v>
          </cell>
          <cell r="N92">
            <v>14.694528665579318</v>
          </cell>
          <cell r="O92">
            <v>0</v>
          </cell>
          <cell r="P92">
            <v>247.75</v>
          </cell>
          <cell r="Q92">
            <v>9.9928386772376587</v>
          </cell>
          <cell r="R92">
            <v>28.02</v>
          </cell>
          <cell r="S92">
            <v>8.6236320347885371</v>
          </cell>
          <cell r="T92">
            <v>1461.39</v>
          </cell>
          <cell r="U92">
            <v>0</v>
          </cell>
          <cell r="V92">
            <v>0</v>
          </cell>
          <cell r="W92">
            <v>0</v>
          </cell>
          <cell r="X92">
            <v>15.06</v>
          </cell>
          <cell r="Y92">
            <v>0</v>
          </cell>
          <cell r="Z92">
            <v>23.51</v>
          </cell>
          <cell r="AA92">
            <v>0</v>
          </cell>
          <cell r="AB92">
            <v>3.2821400424975806</v>
          </cell>
          <cell r="AC92">
            <v>10.38</v>
          </cell>
          <cell r="AD92">
            <v>0</v>
          </cell>
          <cell r="AE92">
            <v>6.2556344884785977</v>
          </cell>
          <cell r="AF92">
            <v>109.64</v>
          </cell>
          <cell r="AG92">
            <v>26.82</v>
          </cell>
          <cell r="AH92">
            <v>0</v>
          </cell>
          <cell r="AI92">
            <v>7.72</v>
          </cell>
        </row>
        <row r="93">
          <cell r="B93">
            <v>16.22</v>
          </cell>
          <cell r="C93">
            <v>5.0999999999999996</v>
          </cell>
          <cell r="D93">
            <v>18.690000000000001</v>
          </cell>
          <cell r="E93">
            <v>12.648706786915984</v>
          </cell>
          <cell r="F93">
            <v>12.638107679989291</v>
          </cell>
          <cell r="G93">
            <v>4.03</v>
          </cell>
          <cell r="H93">
            <v>19.170000000000002</v>
          </cell>
          <cell r="I93">
            <v>61.89</v>
          </cell>
          <cell r="J93">
            <v>125.62</v>
          </cell>
          <cell r="K93">
            <v>0</v>
          </cell>
          <cell r="L93">
            <v>11.914432710533442</v>
          </cell>
          <cell r="M93">
            <v>12.223362202095565</v>
          </cell>
          <cell r="N93">
            <v>14.914384174493694</v>
          </cell>
          <cell r="O93">
            <v>0</v>
          </cell>
          <cell r="P93">
            <v>298.07</v>
          </cell>
          <cell r="Q93">
            <v>10.34836533919783</v>
          </cell>
          <cell r="R93">
            <v>32.229999999999997</v>
          </cell>
          <cell r="S93">
            <v>8.9540714879639722</v>
          </cell>
          <cell r="T93">
            <v>1502.88</v>
          </cell>
          <cell r="U93">
            <v>0</v>
          </cell>
          <cell r="V93">
            <v>0</v>
          </cell>
          <cell r="W93">
            <v>12.020637924227778</v>
          </cell>
          <cell r="X93">
            <v>15.57</v>
          </cell>
          <cell r="Y93">
            <v>0</v>
          </cell>
          <cell r="Z93">
            <v>24.93</v>
          </cell>
          <cell r="AA93">
            <v>4.6900000000000004</v>
          </cell>
          <cell r="AB93">
            <v>3.370028231960974</v>
          </cell>
          <cell r="AC93">
            <v>11.23</v>
          </cell>
          <cell r="AD93">
            <v>1.6693221801765916</v>
          </cell>
          <cell r="AE93">
            <v>6.6044619138629459</v>
          </cell>
          <cell r="AF93">
            <v>114.21</v>
          </cell>
          <cell r="AG93">
            <v>26.88</v>
          </cell>
          <cell r="AH93">
            <v>0</v>
          </cell>
          <cell r="AI93">
            <v>8</v>
          </cell>
        </row>
        <row r="94">
          <cell r="B94">
            <v>16.63</v>
          </cell>
          <cell r="C94">
            <v>5.4</v>
          </cell>
          <cell r="D94">
            <v>19.95</v>
          </cell>
          <cell r="E94">
            <v>12.987362194138209</v>
          </cell>
          <cell r="F94">
            <v>12.985406508196601</v>
          </cell>
          <cell r="G94">
            <v>4.1100000000000003</v>
          </cell>
          <cell r="H94">
            <v>19.79</v>
          </cell>
          <cell r="I94">
            <v>68.790000000000006</v>
          </cell>
          <cell r="J94">
            <v>129.88999999999999</v>
          </cell>
          <cell r="K94">
            <v>0</v>
          </cell>
          <cell r="L94">
            <v>12.395450180213363</v>
          </cell>
          <cell r="M94">
            <v>12.384958160367219</v>
          </cell>
          <cell r="N94">
            <v>15.205820546775538</v>
          </cell>
          <cell r="O94">
            <v>0</v>
          </cell>
          <cell r="P94">
            <v>346.76</v>
          </cell>
          <cell r="Q94">
            <v>10.907050093706669</v>
          </cell>
          <cell r="R94">
            <v>35.72</v>
          </cell>
          <cell r="S94">
            <v>9.1565432506830149</v>
          </cell>
          <cell r="T94">
            <v>1527.85</v>
          </cell>
          <cell r="U94">
            <v>0</v>
          </cell>
          <cell r="V94">
            <v>0</v>
          </cell>
          <cell r="W94">
            <v>12.569711985696847</v>
          </cell>
          <cell r="X94">
            <v>16.010000000000002</v>
          </cell>
          <cell r="Y94">
            <v>0</v>
          </cell>
          <cell r="Z94">
            <v>26.53</v>
          </cell>
          <cell r="AA94">
            <v>5.53</v>
          </cell>
          <cell r="AB94">
            <v>3.5599704711644939</v>
          </cell>
          <cell r="AC94">
            <v>12.27</v>
          </cell>
          <cell r="AD94">
            <v>1.8024297948615813</v>
          </cell>
          <cell r="AE94">
            <v>6.9126008197805113</v>
          </cell>
          <cell r="AF94">
            <v>119.24</v>
          </cell>
          <cell r="AG94">
            <v>27.09</v>
          </cell>
          <cell r="AH94">
            <v>0</v>
          </cell>
          <cell r="AI94">
            <v>8.4700000000000006</v>
          </cell>
        </row>
        <row r="95">
          <cell r="B95">
            <v>17.149999999999999</v>
          </cell>
          <cell r="C95">
            <v>5.51</v>
          </cell>
          <cell r="D95">
            <v>20.49</v>
          </cell>
          <cell r="E95">
            <v>13.39</v>
          </cell>
          <cell r="F95">
            <v>13.28</v>
          </cell>
          <cell r="G95">
            <v>4.0999999999999996</v>
          </cell>
          <cell r="H95">
            <v>19.97</v>
          </cell>
          <cell r="I95">
            <v>72.510000000000005</v>
          </cell>
          <cell r="J95">
            <v>135.18</v>
          </cell>
          <cell r="K95">
            <v>0</v>
          </cell>
          <cell r="L95">
            <v>12.88</v>
          </cell>
          <cell r="M95">
            <v>12.55</v>
          </cell>
          <cell r="N95">
            <v>15.31</v>
          </cell>
          <cell r="O95">
            <v>0</v>
          </cell>
          <cell r="P95">
            <v>385.06</v>
          </cell>
          <cell r="Q95">
            <v>11.56</v>
          </cell>
          <cell r="R95">
            <v>38.450000000000003</v>
          </cell>
          <cell r="S95">
            <v>9.32</v>
          </cell>
          <cell r="T95">
            <v>1541.48</v>
          </cell>
          <cell r="U95">
            <v>0</v>
          </cell>
          <cell r="V95">
            <v>0</v>
          </cell>
          <cell r="W95">
            <v>13.1</v>
          </cell>
          <cell r="X95">
            <v>16.43</v>
          </cell>
          <cell r="Y95">
            <v>0</v>
          </cell>
          <cell r="Z95">
            <v>27.63</v>
          </cell>
          <cell r="AA95">
            <v>7.73</v>
          </cell>
          <cell r="AB95">
            <v>3.66</v>
          </cell>
          <cell r="AC95">
            <v>12.71</v>
          </cell>
          <cell r="AD95">
            <v>1.9255792338843523</v>
          </cell>
          <cell r="AE95">
            <v>7.19</v>
          </cell>
          <cell r="AF95">
            <v>121.45</v>
          </cell>
          <cell r="AG95">
            <v>27.15</v>
          </cell>
          <cell r="AH95">
            <v>0</v>
          </cell>
          <cell r="AI95">
            <v>8.81</v>
          </cell>
        </row>
        <row r="96">
          <cell r="B96">
            <v>17.77</v>
          </cell>
          <cell r="C96">
            <v>5.63</v>
          </cell>
          <cell r="D96">
            <v>20.68</v>
          </cell>
          <cell r="E96">
            <v>13.7</v>
          </cell>
          <cell r="F96">
            <v>13.64</v>
          </cell>
          <cell r="G96">
            <v>4.28</v>
          </cell>
          <cell r="H96">
            <v>20.55</v>
          </cell>
          <cell r="I96">
            <v>78.45</v>
          </cell>
          <cell r="J96">
            <v>139.93</v>
          </cell>
          <cell r="K96">
            <v>28.5</v>
          </cell>
          <cell r="L96">
            <v>13.5</v>
          </cell>
          <cell r="M96">
            <v>12.73</v>
          </cell>
          <cell r="N96">
            <v>16.04</v>
          </cell>
          <cell r="O96">
            <v>4.9795157740278793</v>
          </cell>
          <cell r="P96">
            <v>440.17</v>
          </cell>
          <cell r="Q96">
            <v>12.34</v>
          </cell>
          <cell r="R96">
            <v>40.799999999999997</v>
          </cell>
          <cell r="S96">
            <v>9.48</v>
          </cell>
          <cell r="T96">
            <v>1540.59</v>
          </cell>
          <cell r="U96">
            <v>0</v>
          </cell>
          <cell r="V96">
            <v>0</v>
          </cell>
          <cell r="W96">
            <v>13.6</v>
          </cell>
          <cell r="X96">
            <v>16.940000000000001</v>
          </cell>
          <cell r="Y96">
            <v>0</v>
          </cell>
          <cell r="Z96">
            <v>28.92</v>
          </cell>
          <cell r="AA96">
            <v>8.56</v>
          </cell>
          <cell r="AB96">
            <v>3.77</v>
          </cell>
          <cell r="AC96">
            <v>13.65</v>
          </cell>
          <cell r="AD96">
            <v>2.1403438889995354</v>
          </cell>
          <cell r="AE96">
            <v>7.49</v>
          </cell>
          <cell r="AF96">
            <v>126.08</v>
          </cell>
          <cell r="AG96">
            <v>27.5</v>
          </cell>
          <cell r="AH96">
            <v>0</v>
          </cell>
          <cell r="AI96">
            <v>9.09</v>
          </cell>
        </row>
        <row r="97">
          <cell r="B97">
            <v>18.440000000000001</v>
          </cell>
          <cell r="C97">
            <v>5.73</v>
          </cell>
          <cell r="D97">
            <v>21.13</v>
          </cell>
          <cell r="E97">
            <v>14.18</v>
          </cell>
          <cell r="F97">
            <v>14.21</v>
          </cell>
          <cell r="G97">
            <v>4.57</v>
          </cell>
          <cell r="H97">
            <v>20.6</v>
          </cell>
          <cell r="I97">
            <v>83.8</v>
          </cell>
          <cell r="J97">
            <v>145.9</v>
          </cell>
          <cell r="K97">
            <v>30.71</v>
          </cell>
          <cell r="L97">
            <v>14.08</v>
          </cell>
          <cell r="M97">
            <v>13.06</v>
          </cell>
          <cell r="N97">
            <v>16.34</v>
          </cell>
          <cell r="O97">
            <v>4.7</v>
          </cell>
          <cell r="P97">
            <v>512.32000000000005</v>
          </cell>
          <cell r="Q97">
            <v>13.82</v>
          </cell>
          <cell r="R97">
            <v>44.26</v>
          </cell>
          <cell r="S97">
            <v>9.9</v>
          </cell>
          <cell r="T97">
            <v>1557.36</v>
          </cell>
          <cell r="U97">
            <v>0</v>
          </cell>
          <cell r="V97">
            <v>0</v>
          </cell>
          <cell r="W97">
            <v>14.55</v>
          </cell>
          <cell r="X97">
            <v>17.54</v>
          </cell>
          <cell r="Y97">
            <v>0</v>
          </cell>
          <cell r="Z97">
            <v>31.68</v>
          </cell>
          <cell r="AA97">
            <v>9.25</v>
          </cell>
          <cell r="AB97">
            <v>4.01</v>
          </cell>
          <cell r="AC97">
            <v>14.65</v>
          </cell>
          <cell r="AD97">
            <v>2.3680541724756026</v>
          </cell>
          <cell r="AE97">
            <v>7.74</v>
          </cell>
          <cell r="AF97">
            <v>132.11000000000001</v>
          </cell>
          <cell r="AG97">
            <v>28.24</v>
          </cell>
          <cell r="AH97">
            <v>0</v>
          </cell>
          <cell r="AI97">
            <v>9.84</v>
          </cell>
        </row>
        <row r="98">
          <cell r="B98">
            <v>19.16</v>
          </cell>
          <cell r="C98">
            <v>6.27</v>
          </cell>
          <cell r="D98">
            <v>23.04</v>
          </cell>
          <cell r="E98">
            <v>14.59</v>
          </cell>
          <cell r="F98">
            <v>14.52</v>
          </cell>
          <cell r="G98">
            <v>4.84</v>
          </cell>
          <cell r="H98">
            <v>20.83</v>
          </cell>
          <cell r="I98">
            <v>89.41</v>
          </cell>
          <cell r="J98">
            <v>150.38</v>
          </cell>
          <cell r="K98">
            <v>33.840000000000003</v>
          </cell>
          <cell r="L98">
            <v>14.44</v>
          </cell>
          <cell r="M98">
            <v>13.4</v>
          </cell>
          <cell r="N98">
            <v>16.809999999999999</v>
          </cell>
          <cell r="O98">
            <v>5.48</v>
          </cell>
          <cell r="P98">
            <v>576.53</v>
          </cell>
          <cell r="Q98">
            <v>14.75</v>
          </cell>
          <cell r="R98">
            <v>45.03</v>
          </cell>
          <cell r="S98">
            <v>10.53</v>
          </cell>
          <cell r="T98">
            <v>1558.94</v>
          </cell>
          <cell r="U98">
            <v>0</v>
          </cell>
          <cell r="V98">
            <v>0</v>
          </cell>
          <cell r="W98">
            <v>15.07</v>
          </cell>
          <cell r="X98">
            <v>18.239999999999998</v>
          </cell>
          <cell r="Y98">
            <v>0</v>
          </cell>
          <cell r="Z98">
            <v>33.619999999999997</v>
          </cell>
          <cell r="AA98">
            <v>9.59</v>
          </cell>
          <cell r="AB98">
            <v>4.26</v>
          </cell>
          <cell r="AC98">
            <v>14.55</v>
          </cell>
          <cell r="AD98">
            <v>2.645223395074022</v>
          </cell>
          <cell r="AE98">
            <v>8.09</v>
          </cell>
          <cell r="AF98">
            <v>138.91</v>
          </cell>
          <cell r="AG98">
            <v>28.75</v>
          </cell>
          <cell r="AH98">
            <v>0</v>
          </cell>
          <cell r="AI98">
            <v>10.34</v>
          </cell>
        </row>
        <row r="99">
          <cell r="B99">
            <v>19.77</v>
          </cell>
          <cell r="C99">
            <v>7.21</v>
          </cell>
          <cell r="D99">
            <v>24.76</v>
          </cell>
          <cell r="E99">
            <v>14.89</v>
          </cell>
          <cell r="F99">
            <v>15.34</v>
          </cell>
          <cell r="G99">
            <v>5.3</v>
          </cell>
          <cell r="H99">
            <v>21.49</v>
          </cell>
          <cell r="I99">
            <v>94.31</v>
          </cell>
          <cell r="J99">
            <v>154.69</v>
          </cell>
          <cell r="K99">
            <v>37.26</v>
          </cell>
          <cell r="L99">
            <v>14.83</v>
          </cell>
          <cell r="M99">
            <v>13.73</v>
          </cell>
          <cell r="N99">
            <v>17.260000000000002</v>
          </cell>
          <cell r="O99">
            <v>5.96</v>
          </cell>
          <cell r="P99">
            <v>625.98</v>
          </cell>
          <cell r="Q99">
            <v>15.52</v>
          </cell>
          <cell r="R99">
            <v>45.99</v>
          </cell>
          <cell r="S99">
            <v>11.13</v>
          </cell>
          <cell r="T99">
            <v>1567.79</v>
          </cell>
          <cell r="U99">
            <v>0</v>
          </cell>
          <cell r="V99">
            <v>0</v>
          </cell>
          <cell r="W99">
            <v>15.66</v>
          </cell>
          <cell r="X99">
            <v>18.7</v>
          </cell>
          <cell r="Y99">
            <v>0</v>
          </cell>
          <cell r="Z99">
            <v>35.770000000000003</v>
          </cell>
          <cell r="AA99">
            <v>9.9</v>
          </cell>
          <cell r="AB99">
            <v>4.3600000000000003</v>
          </cell>
          <cell r="AC99">
            <v>14.87</v>
          </cell>
          <cell r="AD99">
            <v>2.8629755028878709</v>
          </cell>
          <cell r="AE99">
            <v>8.4499999999999993</v>
          </cell>
          <cell r="AF99">
            <v>143.34</v>
          </cell>
          <cell r="AG99">
            <v>29.01</v>
          </cell>
          <cell r="AH99">
            <v>0</v>
          </cell>
          <cell r="AI99">
            <v>11.03</v>
          </cell>
        </row>
        <row r="100">
          <cell r="B100">
            <v>20.260000000000002</v>
          </cell>
          <cell r="C100">
            <v>8.9700000000000006</v>
          </cell>
          <cell r="D100">
            <v>25.75</v>
          </cell>
          <cell r="E100">
            <v>15</v>
          </cell>
          <cell r="F100">
            <v>15.96</v>
          </cell>
          <cell r="G100">
            <v>6.04</v>
          </cell>
          <cell r="H100">
            <v>22.26</v>
          </cell>
          <cell r="I100">
            <v>100.03</v>
          </cell>
          <cell r="J100">
            <v>157.93</v>
          </cell>
          <cell r="K100">
            <v>40.020000000000003</v>
          </cell>
          <cell r="L100">
            <v>15.33</v>
          </cell>
          <cell r="M100">
            <v>14.08</v>
          </cell>
          <cell r="N100">
            <v>17.63</v>
          </cell>
          <cell r="O100">
            <v>6.59</v>
          </cell>
          <cell r="P100">
            <v>677.34</v>
          </cell>
          <cell r="Q100">
            <v>16.36</v>
          </cell>
          <cell r="R100">
            <v>46.96</v>
          </cell>
          <cell r="S100">
            <v>11.82</v>
          </cell>
          <cell r="T100">
            <v>1567.2</v>
          </cell>
          <cell r="U100">
            <v>0</v>
          </cell>
          <cell r="V100">
            <v>0</v>
          </cell>
          <cell r="W100">
            <v>15.96</v>
          </cell>
          <cell r="X100">
            <v>19.18</v>
          </cell>
          <cell r="Y100">
            <v>0</v>
          </cell>
          <cell r="Z100">
            <v>39.880000000000003</v>
          </cell>
          <cell r="AA100">
            <v>10.18</v>
          </cell>
          <cell r="AB100">
            <v>4.55</v>
          </cell>
          <cell r="AC100">
            <v>15.06</v>
          </cell>
          <cell r="AD100">
            <v>3.0757485228706098</v>
          </cell>
          <cell r="AE100">
            <v>8.69</v>
          </cell>
          <cell r="AF100">
            <v>145.35</v>
          </cell>
          <cell r="AG100">
            <v>29.12</v>
          </cell>
          <cell r="AH100">
            <v>0</v>
          </cell>
          <cell r="AI100">
            <v>11.41</v>
          </cell>
        </row>
        <row r="101">
          <cell r="B101">
            <v>20.73</v>
          </cell>
          <cell r="C101">
            <v>10.87</v>
          </cell>
          <cell r="D101">
            <v>26.53</v>
          </cell>
          <cell r="E101">
            <v>15.56</v>
          </cell>
          <cell r="F101">
            <v>16.2</v>
          </cell>
          <cell r="G101">
            <v>6.53</v>
          </cell>
          <cell r="H101">
            <v>22.92</v>
          </cell>
          <cell r="I101">
            <v>105.14</v>
          </cell>
          <cell r="J101">
            <v>162.66999999999999</v>
          </cell>
          <cell r="K101">
            <v>45.33</v>
          </cell>
          <cell r="L101">
            <v>15.92</v>
          </cell>
          <cell r="M101">
            <v>14.39</v>
          </cell>
          <cell r="N101">
            <v>17.93</v>
          </cell>
          <cell r="O101">
            <v>6.35</v>
          </cell>
          <cell r="P101">
            <v>727.89</v>
          </cell>
          <cell r="Q101">
            <v>16.93</v>
          </cell>
          <cell r="R101">
            <v>48.25</v>
          </cell>
          <cell r="S101">
            <v>12.15</v>
          </cell>
          <cell r="T101">
            <v>1578.51</v>
          </cell>
          <cell r="U101">
            <v>0</v>
          </cell>
          <cell r="V101">
            <v>0</v>
          </cell>
          <cell r="W101">
            <v>16.29</v>
          </cell>
          <cell r="X101">
            <v>19.86</v>
          </cell>
          <cell r="Y101">
            <v>0</v>
          </cell>
          <cell r="Z101">
            <v>43.5</v>
          </cell>
          <cell r="AA101">
            <v>10.57</v>
          </cell>
          <cell r="AB101">
            <v>4.68</v>
          </cell>
          <cell r="AC101">
            <v>15</v>
          </cell>
          <cell r="AD101">
            <v>3.3183960698400052</v>
          </cell>
          <cell r="AE101">
            <v>9.07</v>
          </cell>
          <cell r="AF101">
            <v>150.38</v>
          </cell>
          <cell r="AG101">
            <v>29.39</v>
          </cell>
          <cell r="AH101">
            <v>0</v>
          </cell>
          <cell r="AI101">
            <v>11.91</v>
          </cell>
        </row>
        <row r="102">
          <cell r="B102">
            <v>20.92</v>
          </cell>
          <cell r="C102">
            <v>13.77</v>
          </cell>
          <cell r="D102">
            <v>27.55</v>
          </cell>
          <cell r="E102">
            <v>16.010000000000002</v>
          </cell>
          <cell r="F102">
            <v>16.46</v>
          </cell>
          <cell r="G102">
            <v>7.01</v>
          </cell>
          <cell r="H102">
            <v>23.15</v>
          </cell>
          <cell r="I102">
            <v>110.89</v>
          </cell>
          <cell r="J102">
            <v>167.31</v>
          </cell>
          <cell r="K102">
            <v>53.39</v>
          </cell>
          <cell r="L102">
            <v>16.43</v>
          </cell>
          <cell r="M102">
            <v>14.87</v>
          </cell>
          <cell r="N102">
            <v>18.13</v>
          </cell>
          <cell r="O102">
            <v>6.78</v>
          </cell>
          <cell r="P102">
            <v>794.98</v>
          </cell>
          <cell r="Q102">
            <v>17.52</v>
          </cell>
          <cell r="R102">
            <v>49.43</v>
          </cell>
          <cell r="S102">
            <v>12.54</v>
          </cell>
          <cell r="T102">
            <v>1580.77</v>
          </cell>
          <cell r="U102">
            <v>0</v>
          </cell>
          <cell r="V102">
            <v>0</v>
          </cell>
          <cell r="W102">
            <v>16.61</v>
          </cell>
          <cell r="X102">
            <v>20.77</v>
          </cell>
          <cell r="Y102">
            <v>0</v>
          </cell>
          <cell r="Z102">
            <v>46.44</v>
          </cell>
          <cell r="AA102">
            <v>11.23</v>
          </cell>
          <cell r="AB102">
            <v>4.83</v>
          </cell>
          <cell r="AC102">
            <v>14.71</v>
          </cell>
          <cell r="AD102">
            <v>3.5607116776206595</v>
          </cell>
          <cell r="AE102">
            <v>9.43</v>
          </cell>
          <cell r="AF102">
            <v>155.37</v>
          </cell>
          <cell r="AG102">
            <v>29.61</v>
          </cell>
          <cell r="AH102">
            <v>0</v>
          </cell>
          <cell r="AI102">
            <v>12.3</v>
          </cell>
        </row>
        <row r="103">
          <cell r="B103">
            <v>21.5</v>
          </cell>
          <cell r="C103">
            <v>16.91</v>
          </cell>
          <cell r="D103">
            <v>28.5</v>
          </cell>
          <cell r="E103">
            <v>16.62</v>
          </cell>
          <cell r="F103">
            <v>16.690000000000001</v>
          </cell>
          <cell r="G103">
            <v>7.47</v>
          </cell>
          <cell r="H103">
            <v>24.06</v>
          </cell>
          <cell r="I103">
            <v>119.39</v>
          </cell>
          <cell r="J103">
            <v>177.15</v>
          </cell>
          <cell r="K103">
            <v>64.75</v>
          </cell>
          <cell r="L103">
            <v>16.899999999999999</v>
          </cell>
          <cell r="M103">
            <v>15.38</v>
          </cell>
          <cell r="N103">
            <v>18.59</v>
          </cell>
          <cell r="O103">
            <v>6.97</v>
          </cell>
          <cell r="P103">
            <v>875.53</v>
          </cell>
          <cell r="Q103">
            <v>18.100000000000001</v>
          </cell>
          <cell r="R103">
            <v>51.42</v>
          </cell>
          <cell r="S103">
            <v>12.89</v>
          </cell>
          <cell r="T103">
            <v>1584.16</v>
          </cell>
          <cell r="U103">
            <v>0</v>
          </cell>
          <cell r="V103">
            <v>0</v>
          </cell>
          <cell r="W103">
            <v>16.88</v>
          </cell>
          <cell r="X103">
            <v>21.66</v>
          </cell>
          <cell r="Y103">
            <v>0</v>
          </cell>
          <cell r="Z103">
            <v>48.28</v>
          </cell>
          <cell r="AA103">
            <v>12.43</v>
          </cell>
          <cell r="AB103">
            <v>4.96</v>
          </cell>
          <cell r="AC103">
            <v>15.75</v>
          </cell>
          <cell r="AD103">
            <v>3.8415322312952265</v>
          </cell>
          <cell r="AE103">
            <v>9.7899999999999991</v>
          </cell>
          <cell r="AF103">
            <v>161.97999999999999</v>
          </cell>
          <cell r="AG103">
            <v>30.03</v>
          </cell>
          <cell r="AH103">
            <v>0</v>
          </cell>
          <cell r="AI103">
            <v>12.7</v>
          </cell>
        </row>
        <row r="104">
          <cell r="B104">
            <v>22.16</v>
          </cell>
          <cell r="C104">
            <v>21.45</v>
          </cell>
          <cell r="D104">
            <v>30.25</v>
          </cell>
          <cell r="E104">
            <v>17.38</v>
          </cell>
          <cell r="F104">
            <v>17.46</v>
          </cell>
          <cell r="G104">
            <v>8.31</v>
          </cell>
          <cell r="H104">
            <v>24.36</v>
          </cell>
          <cell r="I104">
            <v>125.91</v>
          </cell>
          <cell r="J104">
            <v>181.16</v>
          </cell>
          <cell r="K104">
            <v>73.09</v>
          </cell>
          <cell r="L104">
            <v>17.760000000000002</v>
          </cell>
          <cell r="M104">
            <v>15.86</v>
          </cell>
          <cell r="N104">
            <v>19.05</v>
          </cell>
          <cell r="O104">
            <v>7.18</v>
          </cell>
          <cell r="P104">
            <v>925.68</v>
          </cell>
          <cell r="Q104">
            <v>18.98</v>
          </cell>
          <cell r="R104">
            <v>53.74</v>
          </cell>
          <cell r="S104">
            <v>13.33</v>
          </cell>
          <cell r="T104">
            <v>1609.77</v>
          </cell>
          <cell r="U104">
            <v>0</v>
          </cell>
          <cell r="V104">
            <v>0</v>
          </cell>
          <cell r="W104">
            <v>17.510000000000002</v>
          </cell>
          <cell r="X104">
            <v>22.64</v>
          </cell>
          <cell r="Y104">
            <v>0</v>
          </cell>
          <cell r="Z104">
            <v>51.56</v>
          </cell>
          <cell r="AA104">
            <v>13.73</v>
          </cell>
          <cell r="AB104">
            <v>5.18</v>
          </cell>
          <cell r="AC104">
            <v>17.739999999999998</v>
          </cell>
          <cell r="AD104">
            <v>4.1655048795060745</v>
          </cell>
          <cell r="AE104">
            <v>10.26</v>
          </cell>
          <cell r="AF104">
            <v>169.22</v>
          </cell>
          <cell r="AG104">
            <v>30.55</v>
          </cell>
          <cell r="AH104">
            <v>0</v>
          </cell>
          <cell r="AI104">
            <v>13.24</v>
          </cell>
        </row>
        <row r="105">
          <cell r="B105">
            <v>23.03</v>
          </cell>
          <cell r="C105">
            <v>25.81</v>
          </cell>
          <cell r="D105">
            <v>30.55</v>
          </cell>
          <cell r="E105">
            <v>18.46</v>
          </cell>
          <cell r="F105">
            <v>17.940000000000001</v>
          </cell>
          <cell r="G105">
            <v>8.89</v>
          </cell>
          <cell r="H105">
            <v>23.61</v>
          </cell>
          <cell r="I105">
            <v>128.65</v>
          </cell>
          <cell r="J105">
            <v>190.36</v>
          </cell>
          <cell r="K105">
            <v>71.62</v>
          </cell>
          <cell r="L105">
            <v>18.39</v>
          </cell>
          <cell r="M105">
            <v>16.2</v>
          </cell>
          <cell r="N105">
            <v>19.3</v>
          </cell>
          <cell r="O105">
            <v>7.45</v>
          </cell>
          <cell r="P105">
            <v>973.91</v>
          </cell>
          <cell r="Q105">
            <v>19.88</v>
          </cell>
          <cell r="R105">
            <v>55.13</v>
          </cell>
          <cell r="S105">
            <v>13.77</v>
          </cell>
          <cell r="T105">
            <v>1629.26</v>
          </cell>
          <cell r="U105">
            <v>0</v>
          </cell>
          <cell r="V105">
            <v>0</v>
          </cell>
          <cell r="W105">
            <v>18</v>
          </cell>
          <cell r="X105">
            <v>23.24</v>
          </cell>
          <cell r="Y105">
            <v>0</v>
          </cell>
          <cell r="Z105">
            <v>53.77</v>
          </cell>
          <cell r="AA105">
            <v>14.21</v>
          </cell>
          <cell r="AB105">
            <v>5.34</v>
          </cell>
          <cell r="AC105">
            <v>16.940000000000001</v>
          </cell>
          <cell r="AD105">
            <v>4.37</v>
          </cell>
          <cell r="AE105">
            <v>10.76</v>
          </cell>
          <cell r="AF105">
            <v>175.73</v>
          </cell>
          <cell r="AG105">
            <v>31.28</v>
          </cell>
          <cell r="AH105">
            <v>0</v>
          </cell>
          <cell r="AI105">
            <v>13.5</v>
          </cell>
        </row>
        <row r="108">
          <cell r="B108" t="str">
            <v>United States</v>
          </cell>
          <cell r="C108" t="str">
            <v>Argentina</v>
          </cell>
          <cell r="D108" t="str">
            <v>Australia</v>
          </cell>
          <cell r="E108" t="str">
            <v>Austria</v>
          </cell>
          <cell r="F108" t="str">
            <v>Belgium</v>
          </cell>
          <cell r="G108" t="str">
            <v>Brazil</v>
          </cell>
          <cell r="H108" t="str">
            <v>Canada</v>
          </cell>
          <cell r="I108" t="str">
            <v>Czech Republic</v>
          </cell>
          <cell r="J108" t="str">
            <v>Denmark</v>
          </cell>
          <cell r="K108" t="str">
            <v>Estonia</v>
          </cell>
          <cell r="L108" t="str">
            <v>Finland</v>
          </cell>
          <cell r="M108" t="str">
            <v>France</v>
          </cell>
          <cell r="N108" t="str">
            <v>Germany</v>
          </cell>
          <cell r="O108" t="str">
            <v>Greece</v>
          </cell>
          <cell r="P108" t="str">
            <v>Hungary</v>
          </cell>
          <cell r="Q108" t="str">
            <v>Ireland</v>
          </cell>
          <cell r="R108" t="str">
            <v>Israel</v>
          </cell>
          <cell r="S108" t="str">
            <v>Italy</v>
          </cell>
          <cell r="T108" t="str">
            <v>Japan</v>
          </cell>
          <cell r="U108" t="str">
            <v>Korea, Republic of</v>
          </cell>
          <cell r="V108" t="str">
            <v>Mexico</v>
          </cell>
          <cell r="W108" t="str">
            <v>Netherlands</v>
          </cell>
          <cell r="X108" t="str">
            <v>New Zealand</v>
          </cell>
          <cell r="Y108" t="str">
            <v>Norway</v>
          </cell>
          <cell r="Z108" t="str">
            <v>Philippines</v>
          </cell>
          <cell r="AA108" t="str">
            <v>Poland</v>
          </cell>
          <cell r="AB108" t="str">
            <v>Portugal</v>
          </cell>
          <cell r="AC108" t="str">
            <v>Singapore</v>
          </cell>
          <cell r="AD108" t="str">
            <v>Slovakia</v>
          </cell>
          <cell r="AE108" t="str">
            <v>Spain</v>
          </cell>
          <cell r="AF108" t="str">
            <v>Sweden</v>
          </cell>
          <cell r="AG108" t="str">
            <v>Switzerland</v>
          </cell>
          <cell r="AH108" t="str">
            <v>Taiwan</v>
          </cell>
          <cell r="AI108" t="str">
            <v>United Kingdom</v>
          </cell>
        </row>
        <row r="109">
          <cell r="B109">
            <v>1.7600000000000016</v>
          </cell>
          <cell r="C109">
            <v>0.90000000000000036</v>
          </cell>
          <cell r="D109">
            <v>1.9099999999999984</v>
          </cell>
          <cell r="E109">
            <v>6.490000000000002</v>
          </cell>
          <cell r="F109">
            <v>6.2399999999999984</v>
          </cell>
          <cell r="G109">
            <v>0.99000000000000021</v>
          </cell>
          <cell r="H109">
            <v>1.9599999999999991</v>
          </cell>
          <cell r="I109">
            <v>0.45999999999999996</v>
          </cell>
          <cell r="J109">
            <v>0</v>
          </cell>
          <cell r="K109">
            <v>0</v>
          </cell>
          <cell r="L109">
            <v>4.1300000000000008</v>
          </cell>
          <cell r="M109">
            <v>4.0999999999999979</v>
          </cell>
          <cell r="N109">
            <v>6.3099999999999987</v>
          </cell>
          <cell r="O109">
            <v>0</v>
          </cell>
          <cell r="P109">
            <v>0.43999999999999995</v>
          </cell>
          <cell r="Q109">
            <v>2.1400000000000006</v>
          </cell>
          <cell r="R109">
            <v>0.85000000000000142</v>
          </cell>
          <cell r="S109">
            <v>3.379999999999999</v>
          </cell>
          <cell r="T109">
            <v>6.879999999999999</v>
          </cell>
          <cell r="U109">
            <v>0</v>
          </cell>
          <cell r="V109">
            <v>0</v>
          </cell>
          <cell r="W109">
            <v>0</v>
          </cell>
          <cell r="X109">
            <v>1.5899999999999999</v>
          </cell>
          <cell r="Y109">
            <v>0</v>
          </cell>
          <cell r="Z109">
            <v>0.19000000000000006</v>
          </cell>
          <cell r="AA109">
            <v>0</v>
          </cell>
          <cell r="AB109">
            <v>1.2700000000000005</v>
          </cell>
          <cell r="AC109">
            <v>2.0099999999999989</v>
          </cell>
          <cell r="AD109">
            <v>0</v>
          </cell>
          <cell r="AE109">
            <v>3.33</v>
          </cell>
          <cell r="AF109">
            <v>2.6999999999999993</v>
          </cell>
          <cell r="AG109">
            <v>6.25</v>
          </cell>
          <cell r="AH109">
            <v>0</v>
          </cell>
          <cell r="AI109">
            <v>2.4899999999999984</v>
          </cell>
        </row>
        <row r="110">
          <cell r="B110">
            <v>1.75</v>
          </cell>
          <cell r="C110">
            <v>0.9300000000000006</v>
          </cell>
          <cell r="D110">
            <v>1.8699999999999992</v>
          </cell>
          <cell r="E110">
            <v>5.7200000000000006</v>
          </cell>
          <cell r="F110">
            <v>5.51</v>
          </cell>
          <cell r="G110">
            <v>0.99000000000000021</v>
          </cell>
          <cell r="H110">
            <v>1.9500000000000011</v>
          </cell>
          <cell r="I110">
            <v>0.44000000000000017</v>
          </cell>
          <cell r="J110">
            <v>4.18</v>
          </cell>
          <cell r="K110">
            <v>0</v>
          </cell>
          <cell r="L110">
            <v>3.6899999999999995</v>
          </cell>
          <cell r="M110">
            <v>3.66</v>
          </cell>
          <cell r="N110">
            <v>5.5500000000000007</v>
          </cell>
          <cell r="O110">
            <v>0</v>
          </cell>
          <cell r="P110">
            <v>0.43999999999999995</v>
          </cell>
          <cell r="Q110">
            <v>2.25</v>
          </cell>
          <cell r="R110">
            <v>0.91000000000000014</v>
          </cell>
          <cell r="S110">
            <v>2.9399999999999995</v>
          </cell>
          <cell r="T110">
            <v>6.3999999999999986</v>
          </cell>
          <cell r="U110">
            <v>0</v>
          </cell>
          <cell r="V110">
            <v>0</v>
          </cell>
          <cell r="W110">
            <v>4.4499999999999993</v>
          </cell>
          <cell r="X110">
            <v>1.5899999999999999</v>
          </cell>
          <cell r="Y110">
            <v>0</v>
          </cell>
          <cell r="Z110">
            <v>0.17000000000000004</v>
          </cell>
          <cell r="AA110">
            <v>0.69000000000000017</v>
          </cell>
          <cell r="AB110">
            <v>1.1999999999999997</v>
          </cell>
          <cell r="AC110">
            <v>2.04</v>
          </cell>
          <cell r="AD110">
            <v>0.47</v>
          </cell>
          <cell r="AE110">
            <v>2.92</v>
          </cell>
          <cell r="AF110">
            <v>2.4900000000000002</v>
          </cell>
          <cell r="AG110">
            <v>5.3300000000000018</v>
          </cell>
          <cell r="AH110">
            <v>0</v>
          </cell>
          <cell r="AI110">
            <v>2.76</v>
          </cell>
        </row>
        <row r="111">
          <cell r="B111">
            <v>1.7699999999999996</v>
          </cell>
          <cell r="C111">
            <v>1</v>
          </cell>
          <cell r="D111">
            <v>1.6999999999999993</v>
          </cell>
          <cell r="E111">
            <v>5.76</v>
          </cell>
          <cell r="F111">
            <v>5.5800000000000018</v>
          </cell>
          <cell r="G111">
            <v>0.94000000000000039</v>
          </cell>
          <cell r="H111">
            <v>1.8800000000000008</v>
          </cell>
          <cell r="I111">
            <v>0.48</v>
          </cell>
          <cell r="J111">
            <v>4.4200000000000017</v>
          </cell>
          <cell r="K111">
            <v>0</v>
          </cell>
          <cell r="L111">
            <v>3.6900000000000013</v>
          </cell>
          <cell r="M111">
            <v>3.6799999999999997</v>
          </cell>
          <cell r="N111">
            <v>5.3500000000000014</v>
          </cell>
          <cell r="O111">
            <v>0</v>
          </cell>
          <cell r="P111">
            <v>0.46999999999999975</v>
          </cell>
          <cell r="Q111">
            <v>2.3900000000000006</v>
          </cell>
          <cell r="R111">
            <v>0.90000000000000036</v>
          </cell>
          <cell r="S111">
            <v>2.9899999999999984</v>
          </cell>
          <cell r="T111">
            <v>5.8500000000000014</v>
          </cell>
          <cell r="U111">
            <v>0</v>
          </cell>
          <cell r="V111">
            <v>0</v>
          </cell>
          <cell r="W111">
            <v>4.5599999999999987</v>
          </cell>
          <cell r="X111">
            <v>1.33</v>
          </cell>
          <cell r="Y111">
            <v>0</v>
          </cell>
          <cell r="Z111">
            <v>0.13</v>
          </cell>
          <cell r="AA111">
            <v>0.72</v>
          </cell>
          <cell r="AB111">
            <v>1.2800000000000002</v>
          </cell>
          <cell r="AC111">
            <v>1.870000000000001</v>
          </cell>
          <cell r="AD111">
            <v>0.48999999999999977</v>
          </cell>
          <cell r="AE111">
            <v>2.88</v>
          </cell>
          <cell r="AF111">
            <v>2.5299999999999994</v>
          </cell>
          <cell r="AG111">
            <v>5.379999999999999</v>
          </cell>
          <cell r="AH111">
            <v>0</v>
          </cell>
          <cell r="AI111">
            <v>3.0199999999999996</v>
          </cell>
        </row>
        <row r="112">
          <cell r="B112">
            <v>1.7600000000000016</v>
          </cell>
          <cell r="C112">
            <v>1.0600000000000005</v>
          </cell>
          <cell r="D112">
            <v>1.7899999999999991</v>
          </cell>
          <cell r="E112">
            <v>5.6600000000000019</v>
          </cell>
          <cell r="F112">
            <v>5.4700000000000006</v>
          </cell>
          <cell r="G112">
            <v>0.60000000000000009</v>
          </cell>
          <cell r="H112">
            <v>1.9000000000000004</v>
          </cell>
          <cell r="I112">
            <v>0.46999999999999975</v>
          </cell>
          <cell r="J112">
            <v>4.75</v>
          </cell>
          <cell r="K112">
            <v>0</v>
          </cell>
          <cell r="L112">
            <v>3.6399999999999988</v>
          </cell>
          <cell r="M112">
            <v>3.5700000000000021</v>
          </cell>
          <cell r="N112">
            <v>5.07</v>
          </cell>
          <cell r="O112">
            <v>0</v>
          </cell>
          <cell r="P112">
            <v>0.5</v>
          </cell>
          <cell r="Q112">
            <v>2.5499999999999989</v>
          </cell>
          <cell r="R112">
            <v>0.86000000000000121</v>
          </cell>
          <cell r="S112">
            <v>2.9399999999999995</v>
          </cell>
          <cell r="T112">
            <v>6.4399999999999977</v>
          </cell>
          <cell r="U112">
            <v>0</v>
          </cell>
          <cell r="V112">
            <v>0</v>
          </cell>
          <cell r="W112">
            <v>4.509999999999998</v>
          </cell>
          <cell r="X112">
            <v>1.3399999999999999</v>
          </cell>
          <cell r="Y112">
            <v>0</v>
          </cell>
          <cell r="Z112">
            <v>0.15000000000000002</v>
          </cell>
          <cell r="AA112">
            <v>0.82999999999999985</v>
          </cell>
          <cell r="AB112">
            <v>1.31</v>
          </cell>
          <cell r="AC112">
            <v>1.9800000000000004</v>
          </cell>
          <cell r="AD112">
            <v>0.44000000000000017</v>
          </cell>
          <cell r="AE112">
            <v>2.76</v>
          </cell>
          <cell r="AF112">
            <v>2.5</v>
          </cell>
          <cell r="AG112">
            <v>5.1899999999999977</v>
          </cell>
          <cell r="AH112">
            <v>0</v>
          </cell>
          <cell r="AI112">
            <v>3.1300000000000008</v>
          </cell>
        </row>
        <row r="113">
          <cell r="B113">
            <v>1.9000000000000021</v>
          </cell>
          <cell r="C113">
            <v>1.0600000000000005</v>
          </cell>
          <cell r="D113">
            <v>1.6300000000000008</v>
          </cell>
          <cell r="E113">
            <v>4.99</v>
          </cell>
          <cell r="F113">
            <v>4.870000000000001</v>
          </cell>
          <cell r="G113">
            <v>0.62000000000000011</v>
          </cell>
          <cell r="H113">
            <v>1.9499999999999993</v>
          </cell>
          <cell r="I113">
            <v>0.44000000000000039</v>
          </cell>
          <cell r="J113">
            <v>4.3599999999999994</v>
          </cell>
          <cell r="K113">
            <v>0.21999999999999997</v>
          </cell>
          <cell r="L113">
            <v>3.2699999999999996</v>
          </cell>
          <cell r="M113">
            <v>3.1400000000000006</v>
          </cell>
          <cell r="N113">
            <v>4.8399999999999981</v>
          </cell>
          <cell r="O113">
            <v>1.5300000000000002</v>
          </cell>
          <cell r="P113">
            <v>0.5</v>
          </cell>
          <cell r="Q113">
            <v>2.5099999999999998</v>
          </cell>
          <cell r="R113">
            <v>0.92999999999999972</v>
          </cell>
          <cell r="S113">
            <v>2.6300000000000008</v>
          </cell>
          <cell r="T113">
            <v>6.8300000000000018</v>
          </cell>
          <cell r="U113">
            <v>0</v>
          </cell>
          <cell r="V113">
            <v>0</v>
          </cell>
          <cell r="W113">
            <v>4.0199999999999978</v>
          </cell>
          <cell r="X113">
            <v>1.1999999999999993</v>
          </cell>
          <cell r="Y113">
            <v>0</v>
          </cell>
          <cell r="Z113">
            <v>0.15000000000000002</v>
          </cell>
          <cell r="AA113">
            <v>0.78999999999999981</v>
          </cell>
          <cell r="AB113">
            <v>1.2200000000000002</v>
          </cell>
          <cell r="AC113">
            <v>2.09</v>
          </cell>
          <cell r="AD113">
            <v>0.44000000000000017</v>
          </cell>
          <cell r="AE113">
            <v>2.3800000000000008</v>
          </cell>
          <cell r="AF113">
            <v>2.3699999999999992</v>
          </cell>
          <cell r="AG113">
            <v>4.68</v>
          </cell>
          <cell r="AH113">
            <v>0</v>
          </cell>
          <cell r="AI113">
            <v>3.0900000000000016</v>
          </cell>
        </row>
        <row r="114">
          <cell r="B114">
            <v>2.0599999999999987</v>
          </cell>
          <cell r="C114">
            <v>1.0799999999999992</v>
          </cell>
          <cell r="D114">
            <v>1.4800000000000004</v>
          </cell>
          <cell r="E114">
            <v>5.01</v>
          </cell>
          <cell r="F114">
            <v>4.9299999999999979</v>
          </cell>
          <cell r="G114">
            <v>0.52</v>
          </cell>
          <cell r="H114">
            <v>1.879999999999999</v>
          </cell>
          <cell r="I114">
            <v>0.52</v>
          </cell>
          <cell r="J114">
            <v>4.41</v>
          </cell>
          <cell r="K114">
            <v>0.24</v>
          </cell>
          <cell r="L114">
            <v>3.5399999999999991</v>
          </cell>
          <cell r="M114">
            <v>2.99</v>
          </cell>
          <cell r="N114">
            <v>4.9799999999999986</v>
          </cell>
          <cell r="O114">
            <v>1.3999999999999995</v>
          </cell>
          <cell r="P114">
            <v>0.56999999999999984</v>
          </cell>
          <cell r="Q114">
            <v>2.5600000000000005</v>
          </cell>
          <cell r="R114">
            <v>1</v>
          </cell>
          <cell r="S114">
            <v>2.58</v>
          </cell>
          <cell r="T114">
            <v>6.0299999999999994</v>
          </cell>
          <cell r="U114">
            <v>0</v>
          </cell>
          <cell r="V114">
            <v>0</v>
          </cell>
          <cell r="W114">
            <v>4.2100000000000009</v>
          </cell>
          <cell r="X114">
            <v>1.1499999999999995</v>
          </cell>
          <cell r="Y114">
            <v>0</v>
          </cell>
          <cell r="Z114">
            <v>0.14000000000000001</v>
          </cell>
          <cell r="AA114">
            <v>0.90000000000000036</v>
          </cell>
          <cell r="AB114">
            <v>1.1900000000000004</v>
          </cell>
          <cell r="AC114">
            <v>2.17</v>
          </cell>
          <cell r="AD114">
            <v>0.45999999999999996</v>
          </cell>
          <cell r="AE114">
            <v>2.4299999999999997</v>
          </cell>
          <cell r="AF114">
            <v>2.2400000000000002</v>
          </cell>
          <cell r="AG114">
            <v>4.8100000000000023</v>
          </cell>
          <cell r="AH114">
            <v>0</v>
          </cell>
          <cell r="AI114">
            <v>2.9099999999999984</v>
          </cell>
        </row>
        <row r="115">
          <cell r="B115">
            <v>2.1900000000000013</v>
          </cell>
          <cell r="C115">
            <v>0.41000000000000014</v>
          </cell>
          <cell r="D115">
            <v>1.6900000000000013</v>
          </cell>
          <cell r="E115">
            <v>5.4499999999999993</v>
          </cell>
          <cell r="F115">
            <v>5.3100000000000005</v>
          </cell>
          <cell r="G115">
            <v>0.44000000000000017</v>
          </cell>
          <cell r="H115">
            <v>1.870000000000001</v>
          </cell>
          <cell r="I115">
            <v>0.60999999999999988</v>
          </cell>
          <cell r="J115">
            <v>4.75</v>
          </cell>
          <cell r="K115">
            <v>0.25999999999999979</v>
          </cell>
          <cell r="L115">
            <v>4.09</v>
          </cell>
          <cell r="M115">
            <v>3.0999999999999996</v>
          </cell>
          <cell r="N115">
            <v>5.4899999999999984</v>
          </cell>
          <cell r="O115">
            <v>1.7400000000000002</v>
          </cell>
          <cell r="P115">
            <v>0.71999999999999975</v>
          </cell>
          <cell r="Q115">
            <v>2.6899999999999995</v>
          </cell>
          <cell r="R115">
            <v>0.91999999999999993</v>
          </cell>
          <cell r="S115">
            <v>2.83</v>
          </cell>
          <cell r="T115">
            <v>5.5600000000000023</v>
          </cell>
          <cell r="U115">
            <v>0</v>
          </cell>
          <cell r="V115">
            <v>0</v>
          </cell>
          <cell r="W115">
            <v>4.66</v>
          </cell>
          <cell r="X115">
            <v>1.33</v>
          </cell>
          <cell r="Y115">
            <v>0</v>
          </cell>
          <cell r="Z115">
            <v>0.16000000000000003</v>
          </cell>
          <cell r="AA115">
            <v>0.94</v>
          </cell>
          <cell r="AB115">
            <v>1.2700000000000005</v>
          </cell>
          <cell r="AC115">
            <v>2.1599999999999984</v>
          </cell>
          <cell r="AD115">
            <v>0.55000000000000004</v>
          </cell>
          <cell r="AE115">
            <v>2.7099999999999991</v>
          </cell>
          <cell r="AF115">
            <v>2.5399999999999991</v>
          </cell>
          <cell r="AG115">
            <v>5.3100000000000023</v>
          </cell>
          <cell r="AH115">
            <v>0</v>
          </cell>
          <cell r="AI115">
            <v>2.9000000000000004</v>
          </cell>
        </row>
        <row r="116">
          <cell r="B116">
            <v>2.2800000000000011</v>
          </cell>
          <cell r="C116">
            <v>0.51000000000000023</v>
          </cell>
          <cell r="D116">
            <v>2.1900000000000013</v>
          </cell>
          <cell r="E116">
            <v>6.66</v>
          </cell>
          <cell r="F116">
            <v>6.73</v>
          </cell>
          <cell r="G116">
            <v>0.46000000000000019</v>
          </cell>
          <cell r="H116">
            <v>2.16</v>
          </cell>
          <cell r="I116">
            <v>0.75</v>
          </cell>
          <cell r="J116">
            <v>5.7899999999999991</v>
          </cell>
          <cell r="K116">
            <v>0.35999999999999988</v>
          </cell>
          <cell r="L116">
            <v>5.3599999999999994</v>
          </cell>
          <cell r="M116">
            <v>3.620000000000001</v>
          </cell>
          <cell r="N116">
            <v>6.7600000000000016</v>
          </cell>
          <cell r="O116">
            <v>2.2899999999999991</v>
          </cell>
          <cell r="P116">
            <v>0.91000000000000014</v>
          </cell>
          <cell r="Q116">
            <v>3.1499999999999986</v>
          </cell>
          <cell r="R116">
            <v>0.97000000000000064</v>
          </cell>
          <cell r="S116">
            <v>3.4799999999999986</v>
          </cell>
          <cell r="T116">
            <v>6.0599999999999987</v>
          </cell>
          <cell r="U116">
            <v>0</v>
          </cell>
          <cell r="V116">
            <v>0</v>
          </cell>
          <cell r="W116">
            <v>5.8599999999999994</v>
          </cell>
          <cell r="X116">
            <v>1.6999999999999993</v>
          </cell>
          <cell r="Y116">
            <v>0</v>
          </cell>
          <cell r="Z116">
            <v>0.15000000000000002</v>
          </cell>
          <cell r="AA116">
            <v>1</v>
          </cell>
          <cell r="AB116">
            <v>1.4699999999999998</v>
          </cell>
          <cell r="AC116">
            <v>2.2800000000000011</v>
          </cell>
          <cell r="AD116">
            <v>0.73999999999999977</v>
          </cell>
          <cell r="AE116">
            <v>3.4399999999999995</v>
          </cell>
          <cell r="AF116">
            <v>3.2100000000000009</v>
          </cell>
          <cell r="AG116">
            <v>6.07</v>
          </cell>
          <cell r="AH116">
            <v>0</v>
          </cell>
          <cell r="AI116">
            <v>3.0299999999999976</v>
          </cell>
        </row>
        <row r="117">
          <cell r="B117">
            <v>2.3099999999999987</v>
          </cell>
          <cell r="C117">
            <v>0.62000000000000011</v>
          </cell>
          <cell r="D117">
            <v>2.5600000000000023</v>
          </cell>
          <cell r="E117">
            <v>7.370000000000001</v>
          </cell>
          <cell r="F117">
            <v>7.6899999999999977</v>
          </cell>
          <cell r="G117">
            <v>0.54</v>
          </cell>
          <cell r="H117">
            <v>2.41</v>
          </cell>
          <cell r="I117">
            <v>0.85999999999999988</v>
          </cell>
          <cell r="J117">
            <v>6.379999999999999</v>
          </cell>
          <cell r="K117">
            <v>0.42999999999999972</v>
          </cell>
          <cell r="L117">
            <v>6.4699999999999989</v>
          </cell>
          <cell r="M117">
            <v>3.870000000000001</v>
          </cell>
          <cell r="N117">
            <v>7.09</v>
          </cell>
          <cell r="O117">
            <v>2.8000000000000007</v>
          </cell>
          <cell r="P117">
            <v>1.0899999999999999</v>
          </cell>
          <cell r="Q117">
            <v>3.379999999999999</v>
          </cell>
          <cell r="R117">
            <v>0.99000000000000021</v>
          </cell>
          <cell r="S117">
            <v>3.9400000000000013</v>
          </cell>
          <cell r="T117">
            <v>6.5899999999999981</v>
          </cell>
          <cell r="U117">
            <v>0</v>
          </cell>
          <cell r="V117">
            <v>0</v>
          </cell>
          <cell r="W117">
            <v>6.6099999999999994</v>
          </cell>
          <cell r="X117">
            <v>1.92</v>
          </cell>
          <cell r="Y117">
            <v>0</v>
          </cell>
          <cell r="Z117">
            <v>0.16000000000000003</v>
          </cell>
          <cell r="AA117">
            <v>1.0900000000000003</v>
          </cell>
          <cell r="AB117">
            <v>1.5999999999999996</v>
          </cell>
          <cell r="AC117">
            <v>2.41</v>
          </cell>
          <cell r="AD117">
            <v>0.9099999999999997</v>
          </cell>
          <cell r="AE117">
            <v>3.9399999999999995</v>
          </cell>
          <cell r="AF117">
            <v>3.6400000000000006</v>
          </cell>
          <cell r="AG117">
            <v>6.43</v>
          </cell>
          <cell r="AH117">
            <v>0</v>
          </cell>
          <cell r="AI117">
            <v>3.1499999999999986</v>
          </cell>
        </row>
        <row r="118">
          <cell r="B118">
            <v>2.4400000000000013</v>
          </cell>
          <cell r="C118">
            <v>0.75999999999999979</v>
          </cell>
          <cell r="D118">
            <v>2.7399999999999984</v>
          </cell>
          <cell r="E118">
            <v>7.66</v>
          </cell>
          <cell r="F118">
            <v>7.7999999999999972</v>
          </cell>
          <cell r="G118">
            <v>0.71</v>
          </cell>
          <cell r="H118">
            <v>2.6599999999999966</v>
          </cell>
          <cell r="I118">
            <v>0.95000000000000018</v>
          </cell>
          <cell r="J118">
            <v>6.6900000000000013</v>
          </cell>
          <cell r="K118">
            <v>0.48999999999999977</v>
          </cell>
          <cell r="L118">
            <v>6.73</v>
          </cell>
          <cell r="M118">
            <v>3.9599999999999973</v>
          </cell>
          <cell r="N118">
            <v>7.2800000000000011</v>
          </cell>
          <cell r="O118">
            <v>2.6999999999999993</v>
          </cell>
          <cell r="P118">
            <v>1.19</v>
          </cell>
          <cell r="Q118">
            <v>3.5</v>
          </cell>
          <cell r="R118">
            <v>1.0199999999999996</v>
          </cell>
          <cell r="S118">
            <v>4.0600000000000005</v>
          </cell>
          <cell r="T118">
            <v>6.66</v>
          </cell>
          <cell r="U118">
            <v>0</v>
          </cell>
          <cell r="V118">
            <v>0</v>
          </cell>
          <cell r="W118">
            <v>6.759999999999998</v>
          </cell>
          <cell r="X118">
            <v>2.1099999999999994</v>
          </cell>
          <cell r="Y118">
            <v>0</v>
          </cell>
          <cell r="Z118">
            <v>0.17999999999999994</v>
          </cell>
          <cell r="AA118">
            <v>1.27</v>
          </cell>
          <cell r="AB118">
            <v>1.6399999999999997</v>
          </cell>
          <cell r="AC118">
            <v>2.4700000000000006</v>
          </cell>
          <cell r="AD118">
            <v>1.02</v>
          </cell>
          <cell r="AE118">
            <v>4.120000000000001</v>
          </cell>
          <cell r="AF118">
            <v>3.6999999999999993</v>
          </cell>
          <cell r="AG118">
            <v>6.879999999999999</v>
          </cell>
          <cell r="AH118">
            <v>0</v>
          </cell>
          <cell r="AI118">
            <v>3.259999999999998</v>
          </cell>
        </row>
        <row r="119">
          <cell r="B119">
            <v>2.3999999999999986</v>
          </cell>
          <cell r="C119">
            <v>0.91999999999999993</v>
          </cell>
          <cell r="D119">
            <v>2.7999999999999972</v>
          </cell>
          <cell r="E119">
            <v>7.9499999999999993</v>
          </cell>
          <cell r="F119">
            <v>8</v>
          </cell>
          <cell r="G119">
            <v>0.85000000000000009</v>
          </cell>
          <cell r="H119">
            <v>2.879999999999999</v>
          </cell>
          <cell r="I119">
            <v>1.0499999999999998</v>
          </cell>
          <cell r="J119">
            <v>7.0599999999999987</v>
          </cell>
          <cell r="K119">
            <v>0.55999999999999961</v>
          </cell>
          <cell r="L119">
            <v>7.009999999999998</v>
          </cell>
          <cell r="M119">
            <v>4.1400000000000006</v>
          </cell>
          <cell r="N119">
            <v>7.68</v>
          </cell>
          <cell r="O119">
            <v>2.9000000000000004</v>
          </cell>
          <cell r="P119">
            <v>1.2399999999999998</v>
          </cell>
          <cell r="Q119">
            <v>3.66</v>
          </cell>
          <cell r="R119">
            <v>1.0400000000000009</v>
          </cell>
          <cell r="S119">
            <v>4.2299999999999986</v>
          </cell>
          <cell r="T119">
            <v>6.3900000000000006</v>
          </cell>
          <cell r="U119">
            <v>0</v>
          </cell>
          <cell r="V119">
            <v>0</v>
          </cell>
          <cell r="W119">
            <v>6.9600000000000009</v>
          </cell>
          <cell r="X119">
            <v>2.0999999999999996</v>
          </cell>
          <cell r="Y119">
            <v>0</v>
          </cell>
          <cell r="Z119">
            <v>0.20000000000000007</v>
          </cell>
          <cell r="AA119">
            <v>1.4100000000000001</v>
          </cell>
          <cell r="AB119">
            <v>1.6999999999999993</v>
          </cell>
          <cell r="AC119">
            <v>2.620000000000001</v>
          </cell>
          <cell r="AD119">
            <v>1.1399999999999997</v>
          </cell>
          <cell r="AE119">
            <v>4.3200000000000021</v>
          </cell>
          <cell r="AF119">
            <v>3.870000000000001</v>
          </cell>
          <cell r="AG119">
            <v>7.2800000000000011</v>
          </cell>
          <cell r="AH119">
            <v>0</v>
          </cell>
          <cell r="AI119">
            <v>3.41</v>
          </cell>
        </row>
        <row r="120">
          <cell r="B120">
            <v>2.5300000000000011</v>
          </cell>
          <cell r="C120">
            <v>1.1200000000000001</v>
          </cell>
          <cell r="D120">
            <v>3.2300000000000004</v>
          </cell>
          <cell r="E120">
            <v>9.0100000000000016</v>
          </cell>
          <cell r="F120">
            <v>8.86</v>
          </cell>
          <cell r="G120">
            <v>1.0199999999999996</v>
          </cell>
          <cell r="H120">
            <v>3.16</v>
          </cell>
          <cell r="I120">
            <v>1.2699999999999996</v>
          </cell>
          <cell r="J120">
            <v>8.269999999999996</v>
          </cell>
          <cell r="K120">
            <v>0.74000000000000021</v>
          </cell>
          <cell r="L120">
            <v>7.8599999999999994</v>
          </cell>
          <cell r="M120">
            <v>4.6700000000000017</v>
          </cell>
          <cell r="N120">
            <v>8.7900000000000027</v>
          </cell>
          <cell r="O120">
            <v>3.2699999999999996</v>
          </cell>
          <cell r="P120">
            <v>1.5600000000000005</v>
          </cell>
          <cell r="Q120">
            <v>4.8000000000000007</v>
          </cell>
          <cell r="R120">
            <v>1.1900000000000013</v>
          </cell>
          <cell r="S120">
            <v>4.75</v>
          </cell>
          <cell r="T120">
            <v>6.25</v>
          </cell>
          <cell r="U120">
            <v>0</v>
          </cell>
          <cell r="V120">
            <v>0</v>
          </cell>
          <cell r="W120">
            <v>7.7199999999999989</v>
          </cell>
          <cell r="X120">
            <v>2.67</v>
          </cell>
          <cell r="Y120">
            <v>0</v>
          </cell>
          <cell r="Z120">
            <v>0.22999999999999998</v>
          </cell>
          <cell r="AA120">
            <v>1.75</v>
          </cell>
          <cell r="AB120">
            <v>1.9200000000000008</v>
          </cell>
          <cell r="AC120">
            <v>3.0600000000000005</v>
          </cell>
          <cell r="AD120">
            <v>1.4700000000000006</v>
          </cell>
          <cell r="AE120">
            <v>4.8899999999999988</v>
          </cell>
          <cell r="AF120">
            <v>4.41</v>
          </cell>
          <cell r="AG120">
            <v>7.7600000000000016</v>
          </cell>
          <cell r="AH120">
            <v>0</v>
          </cell>
          <cell r="AI120">
            <v>3.8200000000000003</v>
          </cell>
        </row>
        <row r="121">
          <cell r="B121">
            <v>2.6099999999999994</v>
          </cell>
          <cell r="C121">
            <v>1.3900000000000006</v>
          </cell>
          <cell r="D121">
            <v>3.4899999999999984</v>
          </cell>
          <cell r="E121">
            <v>10.120000000000001</v>
          </cell>
          <cell r="F121">
            <v>9.9599999999999973</v>
          </cell>
          <cell r="G121">
            <v>1.2000000000000002</v>
          </cell>
          <cell r="H121">
            <v>3.2199999999999989</v>
          </cell>
          <cell r="I121">
            <v>1.5699999999999994</v>
          </cell>
          <cell r="J121">
            <v>9.2299999999999969</v>
          </cell>
          <cell r="K121">
            <v>0.90000000000000036</v>
          </cell>
          <cell r="L121">
            <v>8.8800000000000026</v>
          </cell>
          <cell r="M121">
            <v>5.16</v>
          </cell>
          <cell r="N121">
            <v>9.620000000000001</v>
          </cell>
          <cell r="O121">
            <v>3.6099999999999994</v>
          </cell>
          <cell r="P121">
            <v>1.7599999999999998</v>
          </cell>
          <cell r="Q121">
            <v>5.41</v>
          </cell>
          <cell r="R121">
            <v>1.4800000000000004</v>
          </cell>
          <cell r="S121">
            <v>5.27</v>
          </cell>
          <cell r="T121">
            <v>7.27</v>
          </cell>
          <cell r="U121">
            <v>0</v>
          </cell>
          <cell r="V121">
            <v>0</v>
          </cell>
          <cell r="W121">
            <v>8.6000000000000014</v>
          </cell>
          <cell r="X121">
            <v>2.6999999999999993</v>
          </cell>
          <cell r="Y121">
            <v>0</v>
          </cell>
          <cell r="Z121">
            <v>0.26</v>
          </cell>
          <cell r="AA121">
            <v>2.21</v>
          </cell>
          <cell r="AB121">
            <v>2.1499999999999995</v>
          </cell>
          <cell r="AC121">
            <v>3.6700000000000017</v>
          </cell>
          <cell r="AD121">
            <v>1.88</v>
          </cell>
          <cell r="AE121">
            <v>5.5100000000000016</v>
          </cell>
          <cell r="AF121">
            <v>4.7200000000000024</v>
          </cell>
          <cell r="AG121">
            <v>8.8000000000000007</v>
          </cell>
          <cell r="AH121">
            <v>0</v>
          </cell>
          <cell r="AI121">
            <v>3.6999999999999993</v>
          </cell>
        </row>
        <row r="122">
          <cell r="B122">
            <v>2.5999999999999979</v>
          </cell>
          <cell r="C122">
            <v>1.4099999999999993</v>
          </cell>
          <cell r="D122">
            <v>3.2699999999999996</v>
          </cell>
          <cell r="E122">
            <v>10.160000000000004</v>
          </cell>
          <cell r="F122">
            <v>9.68</v>
          </cell>
          <cell r="G122">
            <v>1.1799999999999997</v>
          </cell>
          <cell r="H122">
            <v>2.9199999999999982</v>
          </cell>
          <cell r="I122">
            <v>1.5100000000000007</v>
          </cell>
          <cell r="J122">
            <v>8.990000000000002</v>
          </cell>
          <cell r="K122">
            <v>0.87999999999999989</v>
          </cell>
          <cell r="L122">
            <v>8.6900000000000013</v>
          </cell>
          <cell r="M122">
            <v>4.990000000000002</v>
          </cell>
          <cell r="N122">
            <v>9.240000000000002</v>
          </cell>
          <cell r="O122">
            <v>3.5399999999999991</v>
          </cell>
          <cell r="P122">
            <v>1.58</v>
          </cell>
          <cell r="Q122">
            <v>5.360000000000003</v>
          </cell>
          <cell r="R122">
            <v>1.3900000000000006</v>
          </cell>
          <cell r="S122">
            <v>5.1499999999999986</v>
          </cell>
          <cell r="T122">
            <v>7.5599999999999987</v>
          </cell>
          <cell r="U122">
            <v>0</v>
          </cell>
          <cell r="V122">
            <v>0</v>
          </cell>
          <cell r="W122">
            <v>8.360000000000003</v>
          </cell>
          <cell r="X122">
            <v>2.4000000000000021</v>
          </cell>
          <cell r="Y122">
            <v>0</v>
          </cell>
          <cell r="Z122">
            <v>0.24000000000000021</v>
          </cell>
          <cell r="AA122">
            <v>1.7700000000000005</v>
          </cell>
          <cell r="AB122">
            <v>2.0999999999999988</v>
          </cell>
          <cell r="AC122">
            <v>3.4000000000000004</v>
          </cell>
          <cell r="AD122">
            <v>1.92</v>
          </cell>
          <cell r="AE122">
            <v>5.4700000000000006</v>
          </cell>
          <cell r="AF122">
            <v>4.2199999999999989</v>
          </cell>
          <cell r="AG122">
            <v>8.9699999999999989</v>
          </cell>
          <cell r="AH122">
            <v>0</v>
          </cell>
          <cell r="AI122">
            <v>3.1699999999999982</v>
          </cell>
        </row>
        <row r="125">
          <cell r="B125" t="str">
            <v>United States</v>
          </cell>
          <cell r="C125" t="str">
            <v>Argentina</v>
          </cell>
          <cell r="D125" t="str">
            <v>Australia</v>
          </cell>
          <cell r="E125" t="str">
            <v>Austria</v>
          </cell>
          <cell r="F125" t="str">
            <v>Belgium</v>
          </cell>
          <cell r="G125" t="str">
            <v>Brazil</v>
          </cell>
          <cell r="H125" t="str">
            <v>Canada</v>
          </cell>
          <cell r="I125" t="str">
            <v>Czech Republic</v>
          </cell>
          <cell r="J125" t="str">
            <v>Denmark</v>
          </cell>
          <cell r="K125" t="str">
            <v>Estonia</v>
          </cell>
          <cell r="L125" t="str">
            <v>Finland</v>
          </cell>
          <cell r="M125" t="str">
            <v>France</v>
          </cell>
          <cell r="N125" t="str">
            <v>Germany</v>
          </cell>
          <cell r="O125" t="str">
            <v>Greece</v>
          </cell>
          <cell r="P125" t="str">
            <v>Hungary</v>
          </cell>
          <cell r="Q125" t="str">
            <v>Ireland</v>
          </cell>
          <cell r="R125" t="str">
            <v>Israel</v>
          </cell>
          <cell r="S125" t="str">
            <v>Italy</v>
          </cell>
          <cell r="T125" t="str">
            <v>Japan</v>
          </cell>
          <cell r="U125" t="str">
            <v>Korea, Republic of</v>
          </cell>
          <cell r="V125" t="str">
            <v>Mexico</v>
          </cell>
          <cell r="W125" t="str">
            <v>Netherlands</v>
          </cell>
          <cell r="X125" t="str">
            <v>New Zealand</v>
          </cell>
          <cell r="Y125" t="str">
            <v>Norway</v>
          </cell>
          <cell r="Z125" t="str">
            <v>Philippines</v>
          </cell>
          <cell r="AA125" t="str">
            <v>Poland</v>
          </cell>
          <cell r="AB125" t="str">
            <v>Portugal</v>
          </cell>
          <cell r="AC125" t="str">
            <v>Singapore</v>
          </cell>
          <cell r="AD125" t="str">
            <v>Slovakia</v>
          </cell>
          <cell r="AE125" t="str">
            <v>Spain</v>
          </cell>
          <cell r="AF125" t="str">
            <v>Sweden</v>
          </cell>
          <cell r="AG125" t="str">
            <v>Switzerland</v>
          </cell>
          <cell r="AH125" t="str">
            <v>Taiwan</v>
          </cell>
          <cell r="AI125" t="str">
            <v>United Kingdom</v>
          </cell>
        </row>
        <row r="126">
          <cell r="B126">
            <v>1.7600000000000016</v>
          </cell>
          <cell r="C126">
            <v>0.90000000000000036</v>
          </cell>
          <cell r="D126">
            <v>2.4399999999999977</v>
          </cell>
          <cell r="E126">
            <v>4.9911702506486044</v>
          </cell>
          <cell r="F126">
            <v>4.7853366022226158</v>
          </cell>
          <cell r="G126">
            <v>1.0000000000000004</v>
          </cell>
          <cell r="H126">
            <v>2.6799999999999997</v>
          </cell>
          <cell r="I126">
            <v>12.509999999999998</v>
          </cell>
          <cell r="J126">
            <v>0</v>
          </cell>
          <cell r="K126">
            <v>0</v>
          </cell>
          <cell r="L126">
            <v>3.1938887235040969</v>
          </cell>
          <cell r="M126">
            <v>3.198380381640872</v>
          </cell>
          <cell r="N126">
            <v>4.8521599525521122</v>
          </cell>
          <cell r="O126">
            <v>0</v>
          </cell>
          <cell r="P126">
            <v>66.339999999999975</v>
          </cell>
          <cell r="Q126">
            <v>1.7014490250951049</v>
          </cell>
          <cell r="R126">
            <v>2.7199999999999989</v>
          </cell>
          <cell r="S126">
            <v>2.6887520851947304</v>
          </cell>
          <cell r="T126">
            <v>747.8900000000001</v>
          </cell>
          <cell r="U126">
            <v>0</v>
          </cell>
          <cell r="V126">
            <v>0</v>
          </cell>
          <cell r="W126">
            <v>0</v>
          </cell>
          <cell r="X126">
            <v>2.3199999999999985</v>
          </cell>
          <cell r="Y126">
            <v>0</v>
          </cell>
          <cell r="Z126">
            <v>4.9199999999999982</v>
          </cell>
          <cell r="AA126">
            <v>0</v>
          </cell>
          <cell r="AB126">
            <v>0.97754411867399593</v>
          </cell>
          <cell r="AC126">
            <v>2.83</v>
          </cell>
          <cell r="AD126">
            <v>0</v>
          </cell>
          <cell r="AE126">
            <v>2.5363912829204383</v>
          </cell>
          <cell r="AF126">
            <v>18.099999999999994</v>
          </cell>
          <cell r="AG126">
            <v>7.7199999999999989</v>
          </cell>
          <cell r="AH126">
            <v>0</v>
          </cell>
          <cell r="AI126">
            <v>1.5900000000000007</v>
          </cell>
        </row>
        <row r="127">
          <cell r="B127">
            <v>1.75</v>
          </cell>
          <cell r="C127">
            <v>0.9300000000000006</v>
          </cell>
          <cell r="D127">
            <v>2.5199999999999996</v>
          </cell>
          <cell r="E127">
            <v>5.0732905532582855</v>
          </cell>
          <cell r="F127">
            <v>4.8924266049246494</v>
          </cell>
          <cell r="G127">
            <v>1.0699999999999994</v>
          </cell>
          <cell r="H127">
            <v>2.7099999999999973</v>
          </cell>
          <cell r="I127">
            <v>13.819999999999993</v>
          </cell>
          <cell r="J127">
            <v>27.680000000000007</v>
          </cell>
          <cell r="K127">
            <v>0</v>
          </cell>
          <cell r="L127">
            <v>3.2241625502671667</v>
          </cell>
          <cell r="M127">
            <v>3.257835498363459</v>
          </cell>
          <cell r="N127">
            <v>4.9135149782956589</v>
          </cell>
          <cell r="O127">
            <v>0</v>
          </cell>
          <cell r="P127">
            <v>83.5</v>
          </cell>
          <cell r="Q127">
            <v>1.8919097368594802</v>
          </cell>
          <cell r="R127">
            <v>3.1500000000000057</v>
          </cell>
          <cell r="S127">
            <v>2.5925568231703213</v>
          </cell>
          <cell r="T127">
            <v>774.44</v>
          </cell>
          <cell r="U127">
            <v>0</v>
          </cell>
          <cell r="V127">
            <v>0</v>
          </cell>
          <cell r="W127">
            <v>3.9478878799842096</v>
          </cell>
          <cell r="X127">
            <v>2.41</v>
          </cell>
          <cell r="Y127">
            <v>0</v>
          </cell>
          <cell r="Z127">
            <v>5.2100000000000009</v>
          </cell>
          <cell r="AA127">
            <v>2.2599999999999998</v>
          </cell>
          <cell r="AB127">
            <v>1.0474755838429384</v>
          </cell>
          <cell r="AC127">
            <v>3.0299999999999994</v>
          </cell>
          <cell r="AD127">
            <v>0.52645555334262761</v>
          </cell>
          <cell r="AE127">
            <v>2.5737742358131088</v>
          </cell>
          <cell r="AF127">
            <v>19.060000000000016</v>
          </cell>
          <cell r="AG127">
            <v>7.7399999999999984</v>
          </cell>
          <cell r="AH127">
            <v>0</v>
          </cell>
          <cell r="AI127">
            <v>1.6899999999999995</v>
          </cell>
        </row>
        <row r="128">
          <cell r="B128">
            <v>1.7699999999999996</v>
          </cell>
          <cell r="C128">
            <v>1</v>
          </cell>
          <cell r="D128">
            <v>2.6999999999999993</v>
          </cell>
          <cell r="E128">
            <v>5.1808463478267175</v>
          </cell>
          <cell r="F128">
            <v>5.0270327888765216</v>
          </cell>
          <cell r="G128">
            <v>1.0899999999999999</v>
          </cell>
          <cell r="H128">
            <v>2.7899999999999991</v>
          </cell>
          <cell r="I128">
            <v>15.36</v>
          </cell>
          <cell r="J128">
            <v>29.620000000000005</v>
          </cell>
          <cell r="K128">
            <v>0</v>
          </cell>
          <cell r="L128">
            <v>3.3183477890856139</v>
          </cell>
          <cell r="M128">
            <v>3.3050946937070567</v>
          </cell>
          <cell r="N128">
            <v>4.8112566020564138</v>
          </cell>
          <cell r="O128">
            <v>0</v>
          </cell>
          <cell r="P128">
            <v>101.5</v>
          </cell>
          <cell r="Q128">
            <v>2.1331599717610246</v>
          </cell>
          <cell r="R128">
            <v>3.4100000000000037</v>
          </cell>
          <cell r="S128">
            <v>2.6819296895577569</v>
          </cell>
          <cell r="T128">
            <v>765.54</v>
          </cell>
          <cell r="U128">
            <v>0</v>
          </cell>
          <cell r="V128">
            <v>0</v>
          </cell>
          <cell r="W128">
            <v>4.0976353512939543</v>
          </cell>
          <cell r="X128">
            <v>2.4799999999999969</v>
          </cell>
          <cell r="Y128">
            <v>0</v>
          </cell>
          <cell r="Z128">
            <v>5.5499999999999972</v>
          </cell>
          <cell r="AA128">
            <v>2.5200000000000005</v>
          </cell>
          <cell r="AB128">
            <v>1.1526221805448866</v>
          </cell>
          <cell r="AC128">
            <v>3.120000000000001</v>
          </cell>
          <cell r="AD128">
            <v>0.56827989112394595</v>
          </cell>
          <cell r="AE128">
            <v>2.5873571093721832</v>
          </cell>
          <cell r="AF128">
            <v>20.120000000000019</v>
          </cell>
          <cell r="AG128">
            <v>7.8000000000000007</v>
          </cell>
          <cell r="AH128">
            <v>0</v>
          </cell>
          <cell r="AI128">
            <v>1.83</v>
          </cell>
        </row>
        <row r="129">
          <cell r="B129">
            <v>1.7600000000000016</v>
          </cell>
          <cell r="C129">
            <v>1.0700000000000003</v>
          </cell>
          <cell r="D129">
            <v>2.7600000000000016</v>
          </cell>
          <cell r="E129">
            <v>5.3099999999999987</v>
          </cell>
          <cell r="F129">
            <v>5.1400000000000023</v>
          </cell>
          <cell r="G129">
            <v>1.0900000000000007</v>
          </cell>
          <cell r="H129">
            <v>2.8200000000000003</v>
          </cell>
          <cell r="I129">
            <v>16.189999999999998</v>
          </cell>
          <cell r="J129">
            <v>33.20999999999998</v>
          </cell>
          <cell r="K129">
            <v>0</v>
          </cell>
          <cell r="L129">
            <v>3.4099999999999984</v>
          </cell>
          <cell r="M129">
            <v>3.3499999999999996</v>
          </cell>
          <cell r="N129">
            <v>4.76</v>
          </cell>
          <cell r="O129">
            <v>0</v>
          </cell>
          <cell r="P129">
            <v>117.66000000000003</v>
          </cell>
          <cell r="Q129">
            <v>2.4000000000000004</v>
          </cell>
          <cell r="R129">
            <v>3.5700000000000003</v>
          </cell>
          <cell r="S129">
            <v>2.76</v>
          </cell>
          <cell r="T129">
            <v>731.75</v>
          </cell>
          <cell r="U129">
            <v>0</v>
          </cell>
          <cell r="V129">
            <v>0</v>
          </cell>
          <cell r="W129">
            <v>4.24</v>
          </cell>
          <cell r="X129">
            <v>2.5399999999999991</v>
          </cell>
          <cell r="Y129">
            <v>0</v>
          </cell>
          <cell r="Z129">
            <v>5.9700000000000024</v>
          </cell>
          <cell r="AA129">
            <v>3.3200000000000003</v>
          </cell>
          <cell r="AB129">
            <v>1.2299999999999995</v>
          </cell>
          <cell r="AC129">
            <v>3.3599999999999994</v>
          </cell>
          <cell r="AD129">
            <v>0.60744871539533962</v>
          </cell>
          <cell r="AE129">
            <v>2.589999999999999</v>
          </cell>
          <cell r="AF129">
            <v>20.709999999999994</v>
          </cell>
          <cell r="AG129">
            <v>7.82</v>
          </cell>
          <cell r="AH129">
            <v>0</v>
          </cell>
          <cell r="AI129">
            <v>1.9399999999999995</v>
          </cell>
        </row>
        <row r="130">
          <cell r="B130">
            <v>1.9000000000000021</v>
          </cell>
          <cell r="C130">
            <v>1.0600000000000005</v>
          </cell>
          <cell r="D130">
            <v>2.7899999999999991</v>
          </cell>
          <cell r="E130">
            <v>5.41</v>
          </cell>
          <cell r="F130">
            <v>5.2800000000000011</v>
          </cell>
          <cell r="G130">
            <v>1.1299999999999999</v>
          </cell>
          <cell r="H130">
            <v>2.8999999999999986</v>
          </cell>
          <cell r="I130">
            <v>17.009999999999991</v>
          </cell>
          <cell r="J130">
            <v>35.31</v>
          </cell>
          <cell r="K130">
            <v>3.740000000000002</v>
          </cell>
          <cell r="L130">
            <v>3.5399999999999991</v>
          </cell>
          <cell r="M130">
            <v>3.3999999999999986</v>
          </cell>
          <cell r="N130">
            <v>5.240000000000002</v>
          </cell>
          <cell r="O130">
            <v>1.6409977989728546</v>
          </cell>
          <cell r="P130">
            <v>140.27000000000004</v>
          </cell>
          <cell r="Q130">
            <v>2.7100000000000009</v>
          </cell>
          <cell r="R130">
            <v>3.8000000000000043</v>
          </cell>
          <cell r="S130">
            <v>2.84</v>
          </cell>
          <cell r="T130">
            <v>736.25000000000023</v>
          </cell>
          <cell r="U130">
            <v>0</v>
          </cell>
          <cell r="V130">
            <v>0</v>
          </cell>
          <cell r="W130">
            <v>4.3600000000000012</v>
          </cell>
          <cell r="X130">
            <v>2.629999999999999</v>
          </cell>
          <cell r="Y130">
            <v>0</v>
          </cell>
          <cell r="Z130">
            <v>6.4399999999999977</v>
          </cell>
          <cell r="AA130">
            <v>3.4599999999999991</v>
          </cell>
          <cell r="AB130">
            <v>1.3199999999999998</v>
          </cell>
          <cell r="AC130">
            <v>3.6100000000000012</v>
          </cell>
          <cell r="AD130">
            <v>0.67483237070968594</v>
          </cell>
          <cell r="AE130">
            <v>2.58</v>
          </cell>
          <cell r="AF130">
            <v>21.730000000000004</v>
          </cell>
          <cell r="AG130">
            <v>7.9200000000000017</v>
          </cell>
          <cell r="AH130">
            <v>0</v>
          </cell>
          <cell r="AI130">
            <v>2.0400000000000009</v>
          </cell>
        </row>
        <row r="131">
          <cell r="B131">
            <v>2.0599999999999987</v>
          </cell>
          <cell r="C131">
            <v>1.0799999999999992</v>
          </cell>
          <cell r="D131">
            <v>2.8599999999999994</v>
          </cell>
          <cell r="E131">
            <v>5.59</v>
          </cell>
          <cell r="F131">
            <v>5.509999999999998</v>
          </cell>
          <cell r="G131">
            <v>1.2199999999999998</v>
          </cell>
          <cell r="H131">
            <v>2.91</v>
          </cell>
          <cell r="I131">
            <v>19.810000000000002</v>
          </cell>
          <cell r="J131">
            <v>36.72</v>
          </cell>
          <cell r="K131">
            <v>4.259999999999998</v>
          </cell>
          <cell r="L131">
            <v>3.9599999999999991</v>
          </cell>
          <cell r="M131">
            <v>3.3399999999999981</v>
          </cell>
          <cell r="N131">
            <v>5.57</v>
          </cell>
          <cell r="O131">
            <v>1.5599999999999996</v>
          </cell>
          <cell r="P131">
            <v>164.3599999999999</v>
          </cell>
          <cell r="Q131">
            <v>2.8500000000000014</v>
          </cell>
          <cell r="R131">
            <v>4.2000000000000028</v>
          </cell>
          <cell r="S131">
            <v>2.8899999999999988</v>
          </cell>
          <cell r="T131">
            <v>733.56000000000017</v>
          </cell>
          <cell r="U131">
            <v>0</v>
          </cell>
          <cell r="V131">
            <v>0</v>
          </cell>
          <cell r="W131">
            <v>4.6999999999999993</v>
          </cell>
          <cell r="X131">
            <v>2.7300000000000004</v>
          </cell>
          <cell r="Y131">
            <v>0</v>
          </cell>
          <cell r="Z131">
            <v>7.259999999999998</v>
          </cell>
          <cell r="AA131">
            <v>3.7100000000000009</v>
          </cell>
          <cell r="AB131">
            <v>1.33</v>
          </cell>
          <cell r="AC131">
            <v>3.8800000000000008</v>
          </cell>
          <cell r="AD131">
            <v>0.74653123547766009</v>
          </cell>
          <cell r="AE131">
            <v>2.7099999999999991</v>
          </cell>
          <cell r="AF131">
            <v>23.149999999999977</v>
          </cell>
          <cell r="AG131">
            <v>8.129999999999999</v>
          </cell>
          <cell r="AH131">
            <v>0</v>
          </cell>
          <cell r="AI131">
            <v>2.0199999999999996</v>
          </cell>
        </row>
        <row r="132">
          <cell r="B132">
            <v>2.1900000000000013</v>
          </cell>
          <cell r="C132">
            <v>1.2700000000000005</v>
          </cell>
          <cell r="D132">
            <v>3.1099999999999994</v>
          </cell>
          <cell r="E132">
            <v>5.7600000000000016</v>
          </cell>
          <cell r="F132">
            <v>5.6099999999999994</v>
          </cell>
          <cell r="G132">
            <v>1.29</v>
          </cell>
          <cell r="H132">
            <v>2.9400000000000013</v>
          </cell>
          <cell r="I132">
            <v>19.960000000000008</v>
          </cell>
          <cell r="J132">
            <v>37.450000000000017</v>
          </cell>
          <cell r="K132">
            <v>4.4099999999999966</v>
          </cell>
          <cell r="L132">
            <v>4.33</v>
          </cell>
          <cell r="M132">
            <v>3.2700000000000014</v>
          </cell>
          <cell r="N132">
            <v>5.8000000000000007</v>
          </cell>
          <cell r="O132">
            <v>1.8399999999999999</v>
          </cell>
          <cell r="P132">
            <v>186.20000000000005</v>
          </cell>
          <cell r="Q132">
            <v>2.84</v>
          </cell>
          <cell r="R132">
            <v>4.3599999999999994</v>
          </cell>
          <cell r="S132">
            <v>2.99</v>
          </cell>
          <cell r="T132">
            <v>696.75999999999976</v>
          </cell>
          <cell r="U132">
            <v>0</v>
          </cell>
          <cell r="V132">
            <v>0</v>
          </cell>
          <cell r="W132">
            <v>4.93</v>
          </cell>
          <cell r="X132">
            <v>2.8500000000000014</v>
          </cell>
          <cell r="Y132">
            <v>0</v>
          </cell>
          <cell r="Z132">
            <v>7.9400000000000048</v>
          </cell>
          <cell r="AA132">
            <v>3.8200000000000003</v>
          </cell>
          <cell r="AB132">
            <v>1.3399999999999999</v>
          </cell>
          <cell r="AC132">
            <v>3.879999999999999</v>
          </cell>
          <cell r="AD132">
            <v>0.83416318130518485</v>
          </cell>
          <cell r="AE132">
            <v>2.870000000000001</v>
          </cell>
          <cell r="AF132">
            <v>24.72999999999999</v>
          </cell>
          <cell r="AG132">
            <v>8.2700000000000031</v>
          </cell>
          <cell r="AH132">
            <v>0</v>
          </cell>
          <cell r="AI132">
            <v>1.9299999999999997</v>
          </cell>
        </row>
        <row r="133">
          <cell r="B133">
            <v>2.2800000000000011</v>
          </cell>
          <cell r="C133">
            <v>1.4699999999999998</v>
          </cell>
          <cell r="D133">
            <v>3.34</v>
          </cell>
          <cell r="E133">
            <v>5.879999999999999</v>
          </cell>
          <cell r="F133">
            <v>5.9400000000000013</v>
          </cell>
          <cell r="G133">
            <v>1.4100000000000001</v>
          </cell>
          <cell r="H133">
            <v>3.0300000000000011</v>
          </cell>
          <cell r="I133">
            <v>21.090000000000003</v>
          </cell>
          <cell r="J133">
            <v>38.129999999999995</v>
          </cell>
          <cell r="K133">
            <v>4.93</v>
          </cell>
          <cell r="L133">
            <v>4.74</v>
          </cell>
          <cell r="M133">
            <v>3.1999999999999993</v>
          </cell>
          <cell r="N133">
            <v>5.9799999999999969</v>
          </cell>
          <cell r="O133">
            <v>2.0099999999999998</v>
          </cell>
          <cell r="P133">
            <v>203.51999999999998</v>
          </cell>
          <cell r="Q133">
            <v>2.7800000000000011</v>
          </cell>
          <cell r="R133">
            <v>4.3999999999999986</v>
          </cell>
          <cell r="S133">
            <v>3.08</v>
          </cell>
          <cell r="T133">
            <v>702.61000000000013</v>
          </cell>
          <cell r="U133">
            <v>0</v>
          </cell>
          <cell r="V133">
            <v>0</v>
          </cell>
          <cell r="W133">
            <v>5.1699999999999982</v>
          </cell>
          <cell r="X133">
            <v>2.9200000000000017</v>
          </cell>
          <cell r="Y133">
            <v>0</v>
          </cell>
          <cell r="Z133">
            <v>8.3299999999999983</v>
          </cell>
          <cell r="AA133">
            <v>3.9000000000000004</v>
          </cell>
          <cell r="AB133">
            <v>1.3099999999999996</v>
          </cell>
          <cell r="AC133">
            <v>3.9700000000000006</v>
          </cell>
          <cell r="AD133">
            <v>0.90287459337449372</v>
          </cell>
          <cell r="AE133">
            <v>3.0400000000000009</v>
          </cell>
          <cell r="AF133">
            <v>25.939999999999998</v>
          </cell>
          <cell r="AG133">
            <v>8.16</v>
          </cell>
          <cell r="AH133">
            <v>0</v>
          </cell>
          <cell r="AI133">
            <v>1.8600000000000012</v>
          </cell>
        </row>
        <row r="134">
          <cell r="B134">
            <v>2.3099999999999987</v>
          </cell>
          <cell r="C134">
            <v>1.83</v>
          </cell>
          <cell r="D134">
            <v>3.4800000000000004</v>
          </cell>
          <cell r="E134">
            <v>5.93</v>
          </cell>
          <cell r="F134">
            <v>6.18</v>
          </cell>
          <cell r="G134">
            <v>1.5999999999999996</v>
          </cell>
          <cell r="H134">
            <v>3.129999999999999</v>
          </cell>
          <cell r="I134">
            <v>22.039999999999992</v>
          </cell>
          <cell r="J134">
            <v>38.19</v>
          </cell>
          <cell r="K134">
            <v>5.4499999999999957</v>
          </cell>
          <cell r="L134">
            <v>5.2000000000000011</v>
          </cell>
          <cell r="M134">
            <v>3.1199999999999992</v>
          </cell>
          <cell r="N134">
            <v>5.6999999999999993</v>
          </cell>
          <cell r="O134">
            <v>2.25</v>
          </cell>
          <cell r="P134">
            <v>221.67999999999995</v>
          </cell>
          <cell r="Q134">
            <v>2.7199999999999989</v>
          </cell>
          <cell r="R134">
            <v>4.4499999999999957</v>
          </cell>
          <cell r="S134">
            <v>3.17</v>
          </cell>
          <cell r="T134">
            <v>712.95</v>
          </cell>
          <cell r="U134">
            <v>0</v>
          </cell>
          <cell r="V134">
            <v>0</v>
          </cell>
          <cell r="W134">
            <v>5.32</v>
          </cell>
          <cell r="X134">
            <v>2.8900000000000006</v>
          </cell>
          <cell r="Y134">
            <v>0</v>
          </cell>
          <cell r="Z134">
            <v>9.14</v>
          </cell>
          <cell r="AA134">
            <v>3.9700000000000006</v>
          </cell>
          <cell r="AB134">
            <v>1.2800000000000002</v>
          </cell>
          <cell r="AC134">
            <v>4.0699999999999985</v>
          </cell>
          <cell r="AD134">
            <v>0.96992630950009939</v>
          </cell>
          <cell r="AE134">
            <v>3.17</v>
          </cell>
          <cell r="AF134">
            <v>26.72</v>
          </cell>
          <cell r="AG134">
            <v>7.9999999999999964</v>
          </cell>
          <cell r="AH134">
            <v>0</v>
          </cell>
          <cell r="AI134">
            <v>1.7099999999999991</v>
          </cell>
        </row>
        <row r="135">
          <cell r="B135">
            <v>2.4400000000000013</v>
          </cell>
          <cell r="C135">
            <v>2.2200000000000006</v>
          </cell>
          <cell r="D135">
            <v>3.5799999999999983</v>
          </cell>
          <cell r="E135">
            <v>6.15</v>
          </cell>
          <cell r="F135">
            <v>6.27</v>
          </cell>
          <cell r="G135">
            <v>1.7299999999999995</v>
          </cell>
          <cell r="H135">
            <v>3.2299999999999969</v>
          </cell>
          <cell r="I135">
            <v>22.840000000000003</v>
          </cell>
          <cell r="J135">
            <v>40.110000000000014</v>
          </cell>
          <cell r="K135">
            <v>6.1200000000000045</v>
          </cell>
          <cell r="L135">
            <v>5.4</v>
          </cell>
          <cell r="M135">
            <v>3.1799999999999997</v>
          </cell>
          <cell r="N135">
            <v>5.8500000000000014</v>
          </cell>
          <cell r="O135">
            <v>2.17</v>
          </cell>
          <cell r="P135">
            <v>238.22000000000003</v>
          </cell>
          <cell r="Q135">
            <v>2.8099999999999987</v>
          </cell>
          <cell r="R135">
            <v>4.5799999999999983</v>
          </cell>
          <cell r="S135">
            <v>3.26</v>
          </cell>
          <cell r="T135">
            <v>733.87000000000012</v>
          </cell>
          <cell r="U135">
            <v>0</v>
          </cell>
          <cell r="V135">
            <v>0</v>
          </cell>
          <cell r="W135">
            <v>5.43</v>
          </cell>
          <cell r="X135">
            <v>2.990000000000002</v>
          </cell>
          <cell r="Y135">
            <v>0</v>
          </cell>
          <cell r="Z135">
            <v>9.8299999999999983</v>
          </cell>
          <cell r="AA135">
            <v>4.1099999999999994</v>
          </cell>
          <cell r="AB135">
            <v>1.3200000000000003</v>
          </cell>
          <cell r="AC135">
            <v>4.09</v>
          </cell>
          <cell r="AD135">
            <v>1.0462723229104429</v>
          </cell>
          <cell r="AE135">
            <v>3.3100000000000005</v>
          </cell>
          <cell r="AF135">
            <v>27.650000000000006</v>
          </cell>
          <cell r="AG135">
            <v>8.5600000000000023</v>
          </cell>
          <cell r="AH135">
            <v>0</v>
          </cell>
          <cell r="AI135">
            <v>1.7899999999999991</v>
          </cell>
        </row>
        <row r="136">
          <cell r="B136">
            <v>2.3999999999999986</v>
          </cell>
          <cell r="C136">
            <v>2.8099999999999987</v>
          </cell>
          <cell r="D136">
            <v>3.7199999999999989</v>
          </cell>
          <cell r="E136">
            <v>6.3299999999999983</v>
          </cell>
          <cell r="F136">
            <v>6.3699999999999974</v>
          </cell>
          <cell r="G136">
            <v>1.8499999999999996</v>
          </cell>
          <cell r="H136">
            <v>3.2700000000000031</v>
          </cell>
          <cell r="I136">
            <v>23.760000000000005</v>
          </cell>
          <cell r="J136">
            <v>41.960000000000008</v>
          </cell>
          <cell r="K136">
            <v>6.9500000000000028</v>
          </cell>
          <cell r="L136">
            <v>5.5800000000000018</v>
          </cell>
          <cell r="M136">
            <v>3.2900000000000009</v>
          </cell>
          <cell r="N136">
            <v>6.120000000000001</v>
          </cell>
          <cell r="O136">
            <v>2.3099999999999996</v>
          </cell>
          <cell r="P136">
            <v>260.18000000000006</v>
          </cell>
          <cell r="Q136">
            <v>2.9000000000000021</v>
          </cell>
          <cell r="R136">
            <v>4.6000000000000014</v>
          </cell>
          <cell r="S136">
            <v>3.370000000000001</v>
          </cell>
          <cell r="T136">
            <v>743.07999999999993</v>
          </cell>
          <cell r="U136">
            <v>0</v>
          </cell>
          <cell r="V136">
            <v>0</v>
          </cell>
          <cell r="W136">
            <v>5.5300000000000011</v>
          </cell>
          <cell r="X136">
            <v>3.240000000000002</v>
          </cell>
          <cell r="Y136">
            <v>0</v>
          </cell>
          <cell r="Z136">
            <v>10.340000000000003</v>
          </cell>
          <cell r="AA136">
            <v>4.3599999999999994</v>
          </cell>
          <cell r="AB136">
            <v>1.3600000000000003</v>
          </cell>
          <cell r="AC136">
            <v>4.16</v>
          </cell>
          <cell r="AD136">
            <v>1.1229502755095266</v>
          </cell>
          <cell r="AE136">
            <v>3.4399999999999995</v>
          </cell>
          <cell r="AF136">
            <v>28.569999999999993</v>
          </cell>
          <cell r="AG136">
            <v>9.1199999999999974</v>
          </cell>
          <cell r="AH136">
            <v>0</v>
          </cell>
          <cell r="AI136">
            <v>1.8399999999999999</v>
          </cell>
        </row>
        <row r="137">
          <cell r="B137">
            <v>2.5300000000000011</v>
          </cell>
          <cell r="C137">
            <v>3.4499999999999993</v>
          </cell>
          <cell r="D137">
            <v>3.8400000000000034</v>
          </cell>
          <cell r="E137">
            <v>6.5799999999999983</v>
          </cell>
          <cell r="F137">
            <v>6.4599999999999973</v>
          </cell>
          <cell r="G137">
            <v>1.9699999999999998</v>
          </cell>
          <cell r="H137">
            <v>3.3900000000000006</v>
          </cell>
          <cell r="I137">
            <v>26.11999999999999</v>
          </cell>
          <cell r="J137">
            <v>44.989999999999981</v>
          </cell>
          <cell r="K137">
            <v>8.4200000000000017</v>
          </cell>
          <cell r="L137">
            <v>5.73</v>
          </cell>
          <cell r="M137">
            <v>3.4000000000000004</v>
          </cell>
          <cell r="N137">
            <v>6.41</v>
          </cell>
          <cell r="O137">
            <v>2.3899999999999997</v>
          </cell>
          <cell r="P137">
            <v>286.54999999999995</v>
          </cell>
          <cell r="Q137">
            <v>3.5</v>
          </cell>
          <cell r="R137">
            <v>4.9200000000000017</v>
          </cell>
          <cell r="S137">
            <v>3.4600000000000009</v>
          </cell>
          <cell r="T137">
            <v>735.12999999999988</v>
          </cell>
          <cell r="U137">
            <v>0</v>
          </cell>
          <cell r="V137">
            <v>0</v>
          </cell>
          <cell r="W137">
            <v>5.6300000000000026</v>
          </cell>
          <cell r="X137">
            <v>3.6400000000000006</v>
          </cell>
          <cell r="Y137">
            <v>0</v>
          </cell>
          <cell r="Z137">
            <v>10.579999999999998</v>
          </cell>
          <cell r="AA137">
            <v>4.8300000000000018</v>
          </cell>
          <cell r="AB137">
            <v>1.4000000000000004</v>
          </cell>
          <cell r="AC137">
            <v>4.6000000000000014</v>
          </cell>
          <cell r="AD137">
            <v>1.2112460997145327</v>
          </cell>
          <cell r="AE137">
            <v>3.5700000000000003</v>
          </cell>
          <cell r="AF137">
            <v>29.78</v>
          </cell>
          <cell r="AG137">
            <v>9.3100000000000023</v>
          </cell>
          <cell r="AH137">
            <v>0</v>
          </cell>
          <cell r="AI137">
            <v>1.9100000000000001</v>
          </cell>
        </row>
        <row r="138">
          <cell r="B138">
            <v>2.6099999999999994</v>
          </cell>
          <cell r="C138">
            <v>4.379999999999999</v>
          </cell>
          <cell r="D138">
            <v>4.0799999999999983</v>
          </cell>
          <cell r="E138">
            <v>6.870000000000001</v>
          </cell>
          <cell r="F138">
            <v>6.75</v>
          </cell>
          <cell r="G138">
            <v>2.1999999999999993</v>
          </cell>
          <cell r="H138">
            <v>3.4400000000000013</v>
          </cell>
          <cell r="I138">
            <v>26.879999999999995</v>
          </cell>
          <cell r="J138">
            <v>46.960000000000008</v>
          </cell>
          <cell r="K138">
            <v>9.5999999999999943</v>
          </cell>
          <cell r="L138">
            <v>6.0299999999999976</v>
          </cell>
          <cell r="M138">
            <v>3.5100000000000016</v>
          </cell>
          <cell r="N138">
            <v>6.5299999999999976</v>
          </cell>
          <cell r="O138">
            <v>2.4500000000000011</v>
          </cell>
          <cell r="P138">
            <v>302.97000000000014</v>
          </cell>
          <cell r="Q138">
            <v>3.6699999999999982</v>
          </cell>
          <cell r="R138">
            <v>5.32</v>
          </cell>
          <cell r="S138">
            <v>3.58</v>
          </cell>
          <cell r="T138">
            <v>751.61999999999989</v>
          </cell>
          <cell r="U138">
            <v>0</v>
          </cell>
          <cell r="V138">
            <v>0</v>
          </cell>
          <cell r="W138">
            <v>5.84</v>
          </cell>
          <cell r="X138">
            <v>3.84</v>
          </cell>
          <cell r="Y138">
            <v>0</v>
          </cell>
          <cell r="Z138">
            <v>11.299999999999997</v>
          </cell>
          <cell r="AA138">
            <v>5.32</v>
          </cell>
          <cell r="AB138">
            <v>1.4500000000000002</v>
          </cell>
          <cell r="AC138">
            <v>5.1900000000000013</v>
          </cell>
          <cell r="AD138">
            <v>1.3134833698466437</v>
          </cell>
          <cell r="AE138">
            <v>3.75</v>
          </cell>
          <cell r="AF138">
            <v>31.110000000000014</v>
          </cell>
          <cell r="AG138">
            <v>9.52</v>
          </cell>
          <cell r="AH138">
            <v>0</v>
          </cell>
          <cell r="AI138">
            <v>1.9900000000000002</v>
          </cell>
        </row>
        <row r="139">
          <cell r="B139">
            <v>2.5999999999999979</v>
          </cell>
          <cell r="C139">
            <v>5.2600000000000016</v>
          </cell>
          <cell r="D139">
            <v>4.129999999999999</v>
          </cell>
          <cell r="E139">
            <v>7.2899999999999991</v>
          </cell>
          <cell r="F139">
            <v>6.9499999999999993</v>
          </cell>
          <cell r="G139">
            <v>2.3599999999999994</v>
          </cell>
          <cell r="H139">
            <v>3.3300000000000018</v>
          </cell>
          <cell r="I139">
            <v>29.150000000000006</v>
          </cell>
          <cell r="J139">
            <v>48.179999999999978</v>
          </cell>
          <cell r="K139">
            <v>9.9399999999999977</v>
          </cell>
          <cell r="L139">
            <v>6.23</v>
          </cell>
          <cell r="M139">
            <v>3.59</v>
          </cell>
          <cell r="N139">
            <v>6.6400000000000006</v>
          </cell>
          <cell r="O139">
            <v>2.54</v>
          </cell>
          <cell r="P139">
            <v>318.75000000000011</v>
          </cell>
          <cell r="Q139">
            <v>3.84</v>
          </cell>
          <cell r="R139">
            <v>5.4600000000000009</v>
          </cell>
          <cell r="S139">
            <v>3.6900000000000013</v>
          </cell>
          <cell r="T139">
            <v>707.95999999999981</v>
          </cell>
          <cell r="U139">
            <v>0</v>
          </cell>
          <cell r="V139">
            <v>0</v>
          </cell>
          <cell r="W139">
            <v>6</v>
          </cell>
          <cell r="X139">
            <v>3.84</v>
          </cell>
          <cell r="Y139">
            <v>0</v>
          </cell>
          <cell r="Z139">
            <v>11.79</v>
          </cell>
          <cell r="AA139">
            <v>5.5</v>
          </cell>
          <cell r="AB139">
            <v>1.5</v>
          </cell>
          <cell r="AC139">
            <v>4.9499999999999993</v>
          </cell>
          <cell r="AD139">
            <v>1.3899999999999997</v>
          </cell>
          <cell r="AE139">
            <v>3.92</v>
          </cell>
          <cell r="AF139">
            <v>32.31</v>
          </cell>
          <cell r="AG139">
            <v>9.759999999999998</v>
          </cell>
          <cell r="AH139">
            <v>0</v>
          </cell>
          <cell r="AI139">
            <v>2.0299999999999994</v>
          </cell>
        </row>
        <row r="142">
          <cell r="B142" t="str">
            <v>United States</v>
          </cell>
          <cell r="C142" t="str">
            <v>Argentina</v>
          </cell>
          <cell r="D142" t="str">
            <v>Australia</v>
          </cell>
          <cell r="E142" t="str">
            <v>Austria</v>
          </cell>
          <cell r="F142" t="str">
            <v>Belgium</v>
          </cell>
          <cell r="G142" t="str">
            <v>Brazil</v>
          </cell>
          <cell r="H142" t="str">
            <v>Canada</v>
          </cell>
          <cell r="I142" t="str">
            <v>Czech Republic</v>
          </cell>
          <cell r="J142" t="str">
            <v>Denmark</v>
          </cell>
          <cell r="K142" t="str">
            <v>Estonia</v>
          </cell>
          <cell r="L142" t="str">
            <v>Finland</v>
          </cell>
          <cell r="M142" t="str">
            <v>France</v>
          </cell>
          <cell r="N142" t="str">
            <v>Germany</v>
          </cell>
          <cell r="O142" t="str">
            <v>Greece</v>
          </cell>
          <cell r="P142" t="str">
            <v>Hungary</v>
          </cell>
          <cell r="Q142" t="str">
            <v>Ireland</v>
          </cell>
          <cell r="R142" t="str">
            <v>Israel</v>
          </cell>
          <cell r="S142" t="str">
            <v>Italy</v>
          </cell>
          <cell r="T142" t="str">
            <v>Japan</v>
          </cell>
          <cell r="U142" t="str">
            <v>Korea, Republic of</v>
          </cell>
          <cell r="V142" t="str">
            <v>Mexico</v>
          </cell>
          <cell r="W142" t="str">
            <v>Netherlands</v>
          </cell>
          <cell r="X142" t="str">
            <v>New Zealand</v>
          </cell>
          <cell r="Y142" t="str">
            <v>Norway</v>
          </cell>
          <cell r="Z142" t="str">
            <v>Philippines</v>
          </cell>
          <cell r="AA142" t="str">
            <v>Poland</v>
          </cell>
          <cell r="AB142" t="str">
            <v>Portugal</v>
          </cell>
          <cell r="AC142" t="str">
            <v>Singapore</v>
          </cell>
          <cell r="AD142" t="str">
            <v>Slovakia</v>
          </cell>
          <cell r="AE142" t="str">
            <v>Spain</v>
          </cell>
          <cell r="AF142" t="str">
            <v>Sweden</v>
          </cell>
          <cell r="AG142" t="str">
            <v>Switzerland</v>
          </cell>
          <cell r="AH142" t="str">
            <v>Taiwan</v>
          </cell>
          <cell r="AI142" t="str">
            <v>United Kingdom</v>
          </cell>
        </row>
        <row r="143">
          <cell r="B143">
            <v>4.5999999999999979</v>
          </cell>
          <cell r="C143">
            <v>1.46</v>
          </cell>
          <cell r="D143">
            <v>3.2800000000000011</v>
          </cell>
          <cell r="E143">
            <v>8.370000000000001</v>
          </cell>
          <cell r="F143">
            <v>9.5800000000000018</v>
          </cell>
          <cell r="G143">
            <v>2.4400000000000004</v>
          </cell>
          <cell r="H143">
            <v>3.1500000000000021</v>
          </cell>
          <cell r="I143">
            <v>0.89000000000000012</v>
          </cell>
          <cell r="J143">
            <v>0</v>
          </cell>
          <cell r="K143">
            <v>0</v>
          </cell>
          <cell r="L143">
            <v>5.48</v>
          </cell>
          <cell r="M143">
            <v>8.4700000000000024</v>
          </cell>
          <cell r="N143">
            <v>7.9200000000000017</v>
          </cell>
          <cell r="O143">
            <v>0</v>
          </cell>
          <cell r="P143">
            <v>1.06</v>
          </cell>
          <cell r="Q143">
            <v>2.6599999999999984</v>
          </cell>
          <cell r="R143">
            <v>1.9099999999999984</v>
          </cell>
          <cell r="S143">
            <v>6.68</v>
          </cell>
          <cell r="T143">
            <v>3.620000000000001</v>
          </cell>
          <cell r="U143">
            <v>1.6999999999999993</v>
          </cell>
          <cell r="V143">
            <v>0.91000000000000014</v>
          </cell>
          <cell r="W143">
            <v>0</v>
          </cell>
          <cell r="X143">
            <v>0.48000000000000043</v>
          </cell>
          <cell r="Y143">
            <v>0</v>
          </cell>
          <cell r="Z143">
            <v>0.11999999999999988</v>
          </cell>
          <cell r="AA143">
            <v>0</v>
          </cell>
          <cell r="AB143">
            <v>1.4900000000000002</v>
          </cell>
          <cell r="AC143">
            <v>2.5600000000000005</v>
          </cell>
          <cell r="AD143">
            <v>0</v>
          </cell>
          <cell r="AE143">
            <v>3.8899999999999988</v>
          </cell>
          <cell r="AF143">
            <v>8.2800000000000011</v>
          </cell>
          <cell r="AG143">
            <v>5.2399999999999984</v>
          </cell>
          <cell r="AH143">
            <v>0.75</v>
          </cell>
          <cell r="AI143">
            <v>2.2600000000000016</v>
          </cell>
        </row>
        <row r="144">
          <cell r="B144">
            <v>4.7000000000000028</v>
          </cell>
          <cell r="C144">
            <v>1.3999999999999995</v>
          </cell>
          <cell r="D144">
            <v>3.3500000000000014</v>
          </cell>
          <cell r="E144">
            <v>7.3999999999999986</v>
          </cell>
          <cell r="F144">
            <v>8.48</v>
          </cell>
          <cell r="G144">
            <v>2.38</v>
          </cell>
          <cell r="H144">
            <v>3.09</v>
          </cell>
          <cell r="I144">
            <v>0.85000000000000009</v>
          </cell>
          <cell r="J144">
            <v>1.4499999999999993</v>
          </cell>
          <cell r="K144">
            <v>0</v>
          </cell>
          <cell r="L144">
            <v>4.8300000000000018</v>
          </cell>
          <cell r="M144">
            <v>7.5999999999999979</v>
          </cell>
          <cell r="N144">
            <v>6.9000000000000021</v>
          </cell>
          <cell r="O144">
            <v>0</v>
          </cell>
          <cell r="P144">
            <v>1.0099999999999998</v>
          </cell>
          <cell r="Q144">
            <v>2.5199999999999978</v>
          </cell>
          <cell r="R144">
            <v>2.0600000000000005</v>
          </cell>
          <cell r="S144">
            <v>6.5500000000000025</v>
          </cell>
          <cell r="T144">
            <v>3.4700000000000024</v>
          </cell>
          <cell r="U144">
            <v>2.1899999999999995</v>
          </cell>
          <cell r="V144">
            <v>1.02</v>
          </cell>
          <cell r="W144">
            <v>5.4200000000000017</v>
          </cell>
          <cell r="X144">
            <v>0.45999999999999908</v>
          </cell>
          <cell r="Y144">
            <v>4.68</v>
          </cell>
          <cell r="Z144">
            <v>0.11999999999999988</v>
          </cell>
          <cell r="AA144">
            <v>1.0099999999999998</v>
          </cell>
          <cell r="AB144">
            <v>1.33</v>
          </cell>
          <cell r="AC144">
            <v>2.5500000000000007</v>
          </cell>
          <cell r="AD144">
            <v>0.8899999999999999</v>
          </cell>
          <cell r="AE144">
            <v>3.49</v>
          </cell>
          <cell r="AF144">
            <v>7.68</v>
          </cell>
          <cell r="AG144">
            <v>4.4799999999999969</v>
          </cell>
          <cell r="AH144">
            <v>0.94000000000000039</v>
          </cell>
          <cell r="AI144">
            <v>2.379999999999999</v>
          </cell>
        </row>
        <row r="145">
          <cell r="B145">
            <v>4.7200000000000024</v>
          </cell>
          <cell r="C145">
            <v>1.4699999999999998</v>
          </cell>
          <cell r="D145">
            <v>3.0599999999999987</v>
          </cell>
          <cell r="E145">
            <v>7.48</v>
          </cell>
          <cell r="F145">
            <v>8.61</v>
          </cell>
          <cell r="G145">
            <v>2.3099999999999996</v>
          </cell>
          <cell r="H145">
            <v>2.8599999999999977</v>
          </cell>
          <cell r="I145">
            <v>0.91999999999999993</v>
          </cell>
          <cell r="J145">
            <v>1.4800000000000004</v>
          </cell>
          <cell r="K145">
            <v>0</v>
          </cell>
          <cell r="L145">
            <v>4.2300000000000004</v>
          </cell>
          <cell r="M145">
            <v>7.66</v>
          </cell>
          <cell r="N145">
            <v>6.7399999999999984</v>
          </cell>
          <cell r="O145">
            <v>0</v>
          </cell>
          <cell r="P145">
            <v>1</v>
          </cell>
          <cell r="Q145">
            <v>2.4199999999999982</v>
          </cell>
          <cell r="R145">
            <v>2.1099999999999994</v>
          </cell>
          <cell r="S145">
            <v>6.0100000000000016</v>
          </cell>
          <cell r="T145">
            <v>3.3199999999999967</v>
          </cell>
          <cell r="U145">
            <v>1.79</v>
          </cell>
          <cell r="V145">
            <v>1.0299999999999998</v>
          </cell>
          <cell r="W145">
            <v>5.3599999999999994</v>
          </cell>
          <cell r="X145">
            <v>0.36999999999999922</v>
          </cell>
          <cell r="Y145">
            <v>4.5500000000000007</v>
          </cell>
          <cell r="Z145">
            <v>8.9999999999999969E-2</v>
          </cell>
          <cell r="AA145">
            <v>1.1099999999999999</v>
          </cell>
          <cell r="AB145">
            <v>1.3499999999999996</v>
          </cell>
          <cell r="AC145">
            <v>2.2599999999999998</v>
          </cell>
          <cell r="AD145">
            <v>0.88000000000000034</v>
          </cell>
          <cell r="AE145">
            <v>3.5299999999999994</v>
          </cell>
          <cell r="AF145">
            <v>7.7800000000000011</v>
          </cell>
          <cell r="AG145">
            <v>4.59</v>
          </cell>
          <cell r="AH145">
            <v>0.85999999999999943</v>
          </cell>
          <cell r="AI145">
            <v>2.5600000000000023</v>
          </cell>
        </row>
        <row r="146">
          <cell r="B146">
            <v>4.7300000000000004</v>
          </cell>
          <cell r="C146">
            <v>1.4000000000000004</v>
          </cell>
          <cell r="D146">
            <v>3.3100000000000005</v>
          </cell>
          <cell r="E146">
            <v>7.3599999999999994</v>
          </cell>
          <cell r="F146">
            <v>8.3999999999999986</v>
          </cell>
          <cell r="G146">
            <v>1.3800000000000003</v>
          </cell>
          <cell r="H146">
            <v>2.8599999999999994</v>
          </cell>
          <cell r="I146">
            <v>0.91000000000000014</v>
          </cell>
          <cell r="J146">
            <v>1.9200000000000017</v>
          </cell>
          <cell r="K146">
            <v>0</v>
          </cell>
          <cell r="L146">
            <v>4.6700000000000017</v>
          </cell>
          <cell r="M146">
            <v>7.48</v>
          </cell>
          <cell r="N146">
            <v>6.27</v>
          </cell>
          <cell r="O146">
            <v>0</v>
          </cell>
          <cell r="P146">
            <v>0.96999999999999975</v>
          </cell>
          <cell r="Q146">
            <v>2.3499999999999996</v>
          </cell>
          <cell r="R146">
            <v>1.9399999999999995</v>
          </cell>
          <cell r="S146">
            <v>5.83</v>
          </cell>
          <cell r="T146">
            <v>3.8900000000000006</v>
          </cell>
          <cell r="U146">
            <v>2.59</v>
          </cell>
          <cell r="V146">
            <v>1.1299999999999999</v>
          </cell>
          <cell r="W146">
            <v>5.1500000000000021</v>
          </cell>
          <cell r="X146">
            <v>0.37000000000000099</v>
          </cell>
          <cell r="Y146">
            <v>4.4699999999999989</v>
          </cell>
          <cell r="Z146">
            <v>8.9999999999999969E-2</v>
          </cell>
          <cell r="AA146">
            <v>0.58000000000000007</v>
          </cell>
          <cell r="AB146">
            <v>1.3099999999999996</v>
          </cell>
          <cell r="AC146">
            <v>1.5299999999999994</v>
          </cell>
          <cell r="AD146">
            <v>0.7699999999999998</v>
          </cell>
          <cell r="AE146">
            <v>3.4700000000000006</v>
          </cell>
          <cell r="AF146">
            <v>7.7600000000000016</v>
          </cell>
          <cell r="AG146">
            <v>4.4300000000000033</v>
          </cell>
          <cell r="AH146">
            <v>0.91999999999999993</v>
          </cell>
          <cell r="AI146">
            <v>3.7100000000000009</v>
          </cell>
        </row>
        <row r="147">
          <cell r="B147">
            <v>4.9599999999999973</v>
          </cell>
          <cell r="C147">
            <v>1.3600000000000003</v>
          </cell>
          <cell r="D147">
            <v>2.99</v>
          </cell>
          <cell r="E147">
            <v>6.509999999999998</v>
          </cell>
          <cell r="F147">
            <v>8.0299999999999976</v>
          </cell>
          <cell r="G147">
            <v>1.42</v>
          </cell>
          <cell r="H147">
            <v>2.9000000000000004</v>
          </cell>
          <cell r="I147">
            <v>0.91999999999999993</v>
          </cell>
          <cell r="J147">
            <v>1.6799999999999997</v>
          </cell>
          <cell r="K147">
            <v>0.64999999999999991</v>
          </cell>
          <cell r="L147">
            <v>4.1699999999999982</v>
          </cell>
          <cell r="M147">
            <v>6.6099999999999994</v>
          </cell>
          <cell r="N147">
            <v>5.8300000000000018</v>
          </cell>
          <cell r="O147">
            <v>1.7700000000000005</v>
          </cell>
          <cell r="P147">
            <v>0.89999999999999991</v>
          </cell>
          <cell r="Q147">
            <v>2.0999999999999996</v>
          </cell>
          <cell r="R147">
            <v>2.09</v>
          </cell>
          <cell r="S147">
            <v>5.1899999999999995</v>
          </cell>
          <cell r="T147">
            <v>4.2199999999999989</v>
          </cell>
          <cell r="U147">
            <v>2.6599999999999993</v>
          </cell>
          <cell r="V147">
            <v>1.3099999999999996</v>
          </cell>
          <cell r="W147">
            <v>4.4500000000000028</v>
          </cell>
          <cell r="X147">
            <v>0.3100000000000005</v>
          </cell>
          <cell r="Y147">
            <v>3.9600000000000009</v>
          </cell>
          <cell r="Z147">
            <v>7.999999999999996E-2</v>
          </cell>
          <cell r="AA147">
            <v>0.5900000000000003</v>
          </cell>
          <cell r="AB147">
            <v>1.1499999999999995</v>
          </cell>
          <cell r="AC147">
            <v>1.7200000000000006</v>
          </cell>
          <cell r="AD147">
            <v>0.7699999999999998</v>
          </cell>
          <cell r="AE147">
            <v>3.0699999999999985</v>
          </cell>
          <cell r="AF147">
            <v>7.43</v>
          </cell>
          <cell r="AG147">
            <v>3.870000000000001</v>
          </cell>
          <cell r="AH147">
            <v>1.04</v>
          </cell>
          <cell r="AI147">
            <v>3.5999999999999979</v>
          </cell>
        </row>
        <row r="148">
          <cell r="B148">
            <v>5.3999999999999986</v>
          </cell>
          <cell r="C148">
            <v>1.3400000000000007</v>
          </cell>
          <cell r="D148">
            <v>2.8499999999999996</v>
          </cell>
          <cell r="E148">
            <v>6.1900000000000013</v>
          </cell>
          <cell r="F148">
            <v>7.5400000000000027</v>
          </cell>
          <cell r="G148">
            <v>1.19</v>
          </cell>
          <cell r="H148">
            <v>2.9600000000000009</v>
          </cell>
          <cell r="I148">
            <v>1.02</v>
          </cell>
          <cell r="J148">
            <v>2.0699999999999967</v>
          </cell>
          <cell r="K148">
            <v>0.66999999999999993</v>
          </cell>
          <cell r="L148">
            <v>4.3100000000000023</v>
          </cell>
          <cell r="M148">
            <v>6.6099999999999994</v>
          </cell>
          <cell r="N148">
            <v>5.75</v>
          </cell>
          <cell r="O148">
            <v>1.7400000000000002</v>
          </cell>
          <cell r="P148">
            <v>1.0100000000000002</v>
          </cell>
          <cell r="Q148">
            <v>2.4200000000000017</v>
          </cell>
          <cell r="R148">
            <v>2.3000000000000007</v>
          </cell>
          <cell r="S148">
            <v>5.2100000000000009</v>
          </cell>
          <cell r="T148">
            <v>3.8599999999999994</v>
          </cell>
          <cell r="U148">
            <v>2.379999999999999</v>
          </cell>
          <cell r="V148">
            <v>1.5400000000000005</v>
          </cell>
          <cell r="W148">
            <v>4.8299999999999983</v>
          </cell>
          <cell r="X148">
            <v>0.29000000000000092</v>
          </cell>
          <cell r="Y148">
            <v>4.2699999999999996</v>
          </cell>
          <cell r="Z148">
            <v>7.999999999999996E-2</v>
          </cell>
          <cell r="AA148">
            <v>0.66999999999999993</v>
          </cell>
          <cell r="AB148">
            <v>1.1799999999999997</v>
          </cell>
          <cell r="AC148">
            <v>1.8599999999999994</v>
          </cell>
          <cell r="AD148">
            <v>0.76000000000000023</v>
          </cell>
          <cell r="AE148">
            <v>3.1000000000000014</v>
          </cell>
          <cell r="AF148">
            <v>7.0499999999999989</v>
          </cell>
          <cell r="AG148">
            <v>3.9699999999999989</v>
          </cell>
          <cell r="AH148">
            <v>1</v>
          </cell>
          <cell r="AI148">
            <v>3.6400000000000006</v>
          </cell>
        </row>
        <row r="149">
          <cell r="B149">
            <v>5.66</v>
          </cell>
          <cell r="C149">
            <v>0.52</v>
          </cell>
          <cell r="D149">
            <v>3.4500000000000011</v>
          </cell>
          <cell r="E149">
            <v>6.6500000000000021</v>
          </cell>
          <cell r="F149">
            <v>8.16</v>
          </cell>
          <cell r="G149">
            <v>1</v>
          </cell>
          <cell r="H149">
            <v>3.25</v>
          </cell>
          <cell r="I149">
            <v>1.2599999999999998</v>
          </cell>
          <cell r="J149">
            <v>2.5</v>
          </cell>
          <cell r="K149">
            <v>0.79</v>
          </cell>
          <cell r="L149">
            <v>4.8999999999999986</v>
          </cell>
          <cell r="M149">
            <v>7.1899999999999995</v>
          </cell>
          <cell r="N149">
            <v>6.3300000000000018</v>
          </cell>
          <cell r="O149">
            <v>2.3000000000000007</v>
          </cell>
          <cell r="P149">
            <v>1.2300000000000004</v>
          </cell>
          <cell r="Q149">
            <v>2.7200000000000024</v>
          </cell>
          <cell r="R149">
            <v>2.1500000000000004</v>
          </cell>
          <cell r="S149">
            <v>5.7200000000000006</v>
          </cell>
          <cell r="T149">
            <v>3.7399999999999984</v>
          </cell>
          <cell r="U149">
            <v>2.4999999999999991</v>
          </cell>
          <cell r="V149">
            <v>1.56</v>
          </cell>
          <cell r="W149">
            <v>5.3099999999999987</v>
          </cell>
          <cell r="X149">
            <v>0.30999999999999872</v>
          </cell>
          <cell r="Y149">
            <v>5.2999999999999972</v>
          </cell>
          <cell r="Z149">
            <v>6.9999999999999951E-2</v>
          </cell>
          <cell r="AA149">
            <v>0.69</v>
          </cell>
          <cell r="AB149">
            <v>1.3200000000000003</v>
          </cell>
          <cell r="AC149">
            <v>1.8500000000000014</v>
          </cell>
          <cell r="AD149">
            <v>0.94</v>
          </cell>
          <cell r="AE149">
            <v>3.4600000000000009</v>
          </cell>
          <cell r="AF149">
            <v>7.9300000000000033</v>
          </cell>
          <cell r="AG149">
            <v>4.3900000000000006</v>
          </cell>
          <cell r="AH149">
            <v>0.88999999999999968</v>
          </cell>
          <cell r="AI149">
            <v>3.4499999999999993</v>
          </cell>
        </row>
        <row r="150">
          <cell r="B150">
            <v>6.129999999999999</v>
          </cell>
          <cell r="C150">
            <v>0.62999999999999989</v>
          </cell>
          <cell r="D150">
            <v>4.6099999999999994</v>
          </cell>
          <cell r="E150">
            <v>8.0299999999999976</v>
          </cell>
          <cell r="F150">
            <v>10.280000000000001</v>
          </cell>
          <cell r="G150">
            <v>1.0699999999999998</v>
          </cell>
          <cell r="H150">
            <v>3.9899999999999984</v>
          </cell>
          <cell r="I150">
            <v>1.54</v>
          </cell>
          <cell r="J150">
            <v>3.2699999999999996</v>
          </cell>
          <cell r="K150">
            <v>1.0200000000000005</v>
          </cell>
          <cell r="L150">
            <v>6</v>
          </cell>
          <cell r="M150">
            <v>8.86</v>
          </cell>
          <cell r="N150">
            <v>7.8000000000000007</v>
          </cell>
          <cell r="O150">
            <v>3.2200000000000006</v>
          </cell>
          <cell r="P150">
            <v>1.4900000000000002</v>
          </cell>
          <cell r="Q150">
            <v>3.5700000000000003</v>
          </cell>
          <cell r="R150">
            <v>2.2400000000000002</v>
          </cell>
          <cell r="S150">
            <v>7.2000000000000028</v>
          </cell>
          <cell r="T150">
            <v>4.1300000000000026</v>
          </cell>
          <cell r="U150">
            <v>2.4799999999999986</v>
          </cell>
          <cell r="V150">
            <v>1.4499999999999997</v>
          </cell>
          <cell r="W150">
            <v>6.8999999999999986</v>
          </cell>
          <cell r="X150">
            <v>0.38000000000000078</v>
          </cell>
          <cell r="Y150">
            <v>6.4599999999999973</v>
          </cell>
          <cell r="Z150">
            <v>7.999999999999996E-2</v>
          </cell>
          <cell r="AA150">
            <v>0.75</v>
          </cell>
          <cell r="AB150">
            <v>1.6099999999999994</v>
          </cell>
          <cell r="AC150">
            <v>1.9299999999999997</v>
          </cell>
          <cell r="AD150">
            <v>1.2999999999999998</v>
          </cell>
          <cell r="AE150">
            <v>4.379999999999999</v>
          </cell>
          <cell r="AF150">
            <v>10.310000000000002</v>
          </cell>
          <cell r="AG150">
            <v>5.0600000000000023</v>
          </cell>
          <cell r="AH150">
            <v>0.85999999999999943</v>
          </cell>
          <cell r="AI150">
            <v>3.9400000000000013</v>
          </cell>
        </row>
        <row r="151">
          <cell r="B151">
            <v>6.370000000000001</v>
          </cell>
          <cell r="C151">
            <v>0.7799999999999998</v>
          </cell>
          <cell r="D151">
            <v>5.5499999999999972</v>
          </cell>
          <cell r="E151">
            <v>8.7800000000000011</v>
          </cell>
          <cell r="F151">
            <v>11.79</v>
          </cell>
          <cell r="G151">
            <v>1.23</v>
          </cell>
          <cell r="H151">
            <v>4.629999999999999</v>
          </cell>
          <cell r="I151">
            <v>1.8099999999999996</v>
          </cell>
          <cell r="J151">
            <v>3.6799999999999997</v>
          </cell>
          <cell r="K151">
            <v>1.1999999999999997</v>
          </cell>
          <cell r="L151">
            <v>6.9600000000000009</v>
          </cell>
          <cell r="M151">
            <v>10.039999999999999</v>
          </cell>
          <cell r="N151">
            <v>8.77</v>
          </cell>
          <cell r="O151">
            <v>4.1899999999999995</v>
          </cell>
          <cell r="P151">
            <v>1.7400000000000002</v>
          </cell>
          <cell r="Q151">
            <v>4.3599999999999994</v>
          </cell>
          <cell r="R151">
            <v>2.25</v>
          </cell>
          <cell r="S151">
            <v>8.34</v>
          </cell>
          <cell r="T151">
            <v>4.5100000000000016</v>
          </cell>
          <cell r="U151">
            <v>2.4900000000000002</v>
          </cell>
          <cell r="V151">
            <v>1.4099999999999997</v>
          </cell>
          <cell r="W151">
            <v>7.6499999999999986</v>
          </cell>
          <cell r="X151">
            <v>0.45999999999999908</v>
          </cell>
          <cell r="Y151">
            <v>7.3800000000000026</v>
          </cell>
          <cell r="Z151">
            <v>8.9999999999999969E-2</v>
          </cell>
          <cell r="AA151">
            <v>0.82000000000000028</v>
          </cell>
          <cell r="AB151">
            <v>1.83</v>
          </cell>
          <cell r="AC151">
            <v>1.879999999999999</v>
          </cell>
          <cell r="AD151">
            <v>1.4300000000000002</v>
          </cell>
          <cell r="AE151">
            <v>5.0300000000000011</v>
          </cell>
          <cell r="AF151">
            <v>11.57</v>
          </cell>
          <cell r="AG151">
            <v>5.4499999999999957</v>
          </cell>
          <cell r="AH151">
            <v>0.89000000000000057</v>
          </cell>
          <cell r="AI151">
            <v>6.3900000000000006</v>
          </cell>
        </row>
        <row r="152">
          <cell r="B152">
            <v>6.5699999999999967</v>
          </cell>
          <cell r="C152">
            <v>0.95000000000000018</v>
          </cell>
          <cell r="D152">
            <v>5.8599999999999994</v>
          </cell>
          <cell r="E152">
            <v>9.11</v>
          </cell>
          <cell r="F152">
            <v>11.96</v>
          </cell>
          <cell r="G152">
            <v>1.6599999999999997</v>
          </cell>
          <cell r="H152">
            <v>5.23</v>
          </cell>
          <cell r="I152">
            <v>1.9400000000000004</v>
          </cell>
          <cell r="J152">
            <v>4.07</v>
          </cell>
          <cell r="K152">
            <v>1.3500000000000005</v>
          </cell>
          <cell r="L152">
            <v>7.1699999999999982</v>
          </cell>
          <cell r="M152">
            <v>10.650000000000002</v>
          </cell>
          <cell r="N152">
            <v>8.57</v>
          </cell>
          <cell r="O152">
            <v>4.0500000000000007</v>
          </cell>
          <cell r="P152">
            <v>1.87</v>
          </cell>
          <cell r="Q152">
            <v>4.5200000000000031</v>
          </cell>
          <cell r="R152">
            <v>2.2900000000000009</v>
          </cell>
          <cell r="S152">
            <v>8.5800000000000018</v>
          </cell>
          <cell r="T152">
            <v>4.5599999999999987</v>
          </cell>
          <cell r="U152">
            <v>2.6300000000000008</v>
          </cell>
          <cell r="V152">
            <v>1.4700000000000002</v>
          </cell>
          <cell r="W152">
            <v>7.8100000000000023</v>
          </cell>
          <cell r="X152">
            <v>0.48999999999999844</v>
          </cell>
          <cell r="Y152">
            <v>7.8799999999999955</v>
          </cell>
          <cell r="Z152">
            <v>9.000000000000008E-2</v>
          </cell>
          <cell r="AA152">
            <v>0.92999999999999972</v>
          </cell>
          <cell r="AB152">
            <v>1.8899999999999997</v>
          </cell>
          <cell r="AC152">
            <v>1.7699999999999996</v>
          </cell>
          <cell r="AD152">
            <v>1.5899999999999999</v>
          </cell>
          <cell r="AE152">
            <v>5.27</v>
          </cell>
          <cell r="AF152">
            <v>11.690000000000005</v>
          </cell>
          <cell r="AG152">
            <v>5.5800000000000018</v>
          </cell>
          <cell r="AH152">
            <v>1.0299999999999994</v>
          </cell>
          <cell r="AI152">
            <v>6.629999999999999</v>
          </cell>
        </row>
        <row r="153">
          <cell r="B153">
            <v>6.66</v>
          </cell>
          <cell r="C153">
            <v>1.1400000000000006</v>
          </cell>
          <cell r="D153">
            <v>5.990000000000002</v>
          </cell>
          <cell r="E153">
            <v>9.4700000000000024</v>
          </cell>
          <cell r="F153">
            <v>12.25</v>
          </cell>
          <cell r="G153">
            <v>1.9499999999999993</v>
          </cell>
          <cell r="H153">
            <v>5.91</v>
          </cell>
          <cell r="I153">
            <v>2.1700000000000008</v>
          </cell>
          <cell r="J153">
            <v>4.07</v>
          </cell>
          <cell r="K153">
            <v>1.5899999999999999</v>
          </cell>
          <cell r="L153">
            <v>7.6200000000000045</v>
          </cell>
          <cell r="M153">
            <v>11.060000000000002</v>
          </cell>
          <cell r="N153">
            <v>9.240000000000002</v>
          </cell>
          <cell r="O153">
            <v>4.3599999999999994</v>
          </cell>
          <cell r="P153">
            <v>1.83</v>
          </cell>
          <cell r="Q153">
            <v>4.7100000000000009</v>
          </cell>
          <cell r="R153">
            <v>2.2199999999999989</v>
          </cell>
          <cell r="S153">
            <v>8.73</v>
          </cell>
          <cell r="T153">
            <v>4.34</v>
          </cell>
          <cell r="U153">
            <v>3.1100000000000012</v>
          </cell>
          <cell r="V153">
            <v>1.5300000000000002</v>
          </cell>
          <cell r="W153">
            <v>8.009999999999998</v>
          </cell>
          <cell r="X153">
            <v>0.46999999999999886</v>
          </cell>
          <cell r="Y153">
            <v>8.3500000000000014</v>
          </cell>
          <cell r="Z153">
            <v>9.9999999999999867E-2</v>
          </cell>
          <cell r="AA153">
            <v>1</v>
          </cell>
          <cell r="AB153">
            <v>1.9700000000000006</v>
          </cell>
          <cell r="AC153">
            <v>1.8899999999999988</v>
          </cell>
          <cell r="AD153">
            <v>1.83</v>
          </cell>
          <cell r="AE153">
            <v>5.5599999999999987</v>
          </cell>
          <cell r="AF153">
            <v>11.580000000000002</v>
          </cell>
          <cell r="AG153">
            <v>5.6599999999999966</v>
          </cell>
          <cell r="AH153">
            <v>1.0900000000000007</v>
          </cell>
          <cell r="AI153">
            <v>6.93</v>
          </cell>
        </row>
        <row r="154">
          <cell r="B154">
            <v>7.48</v>
          </cell>
          <cell r="C154">
            <v>1.3899999999999997</v>
          </cell>
          <cell r="D154">
            <v>6.9399999999999977</v>
          </cell>
          <cell r="E154">
            <v>10.739999999999998</v>
          </cell>
          <cell r="F154">
            <v>13.500000000000004</v>
          </cell>
          <cell r="G154">
            <v>2.3000000000000007</v>
          </cell>
          <cell r="H154">
            <v>6.3500000000000014</v>
          </cell>
          <cell r="I154">
            <v>2.58</v>
          </cell>
          <cell r="J154">
            <v>4.8400000000000034</v>
          </cell>
          <cell r="K154">
            <v>2.09</v>
          </cell>
          <cell r="L154">
            <v>8.4200000000000017</v>
          </cell>
          <cell r="M154">
            <v>12.399999999999995</v>
          </cell>
          <cell r="N154">
            <v>9.6299999999999955</v>
          </cell>
          <cell r="O154">
            <v>4.8899999999999988</v>
          </cell>
          <cell r="P154">
            <v>2.33</v>
          </cell>
          <cell r="Q154">
            <v>5.34</v>
          </cell>
          <cell r="R154">
            <v>2.2899999999999991</v>
          </cell>
          <cell r="S154">
            <v>9.7899999999999991</v>
          </cell>
          <cell r="T154">
            <v>4.2699999999999996</v>
          </cell>
          <cell r="U154">
            <v>3.4500000000000011</v>
          </cell>
          <cell r="V154">
            <v>1.5899999999999999</v>
          </cell>
          <cell r="W154">
            <v>8.8800000000000026</v>
          </cell>
          <cell r="X154">
            <v>0.55999999999999872</v>
          </cell>
          <cell r="Y154">
            <v>9.75</v>
          </cell>
          <cell r="Z154">
            <v>0.11999999999999988</v>
          </cell>
          <cell r="AA154">
            <v>1.2000000000000002</v>
          </cell>
          <cell r="AB154">
            <v>2.1999999999999993</v>
          </cell>
          <cell r="AC154">
            <v>2.2000000000000011</v>
          </cell>
          <cell r="AD154">
            <v>2.3500000000000005</v>
          </cell>
          <cell r="AE154">
            <v>6.3900000000000006</v>
          </cell>
          <cell r="AF154">
            <v>13.89</v>
          </cell>
          <cell r="AG154">
            <v>5.9899999999999949</v>
          </cell>
          <cell r="AH154">
            <v>1.1600000000000001</v>
          </cell>
          <cell r="AI154">
            <v>7.7700000000000031</v>
          </cell>
        </row>
        <row r="155">
          <cell r="B155">
            <v>7.4599999999999973</v>
          </cell>
          <cell r="C155">
            <v>1.7399999999999984</v>
          </cell>
          <cell r="D155">
            <v>7.5999999999999979</v>
          </cell>
          <cell r="E155">
            <v>12.100000000000001</v>
          </cell>
          <cell r="F155">
            <v>15.160000000000004</v>
          </cell>
          <cell r="G155">
            <v>2.75</v>
          </cell>
          <cell r="H155">
            <v>6.6200000000000045</v>
          </cell>
          <cell r="I155">
            <v>3.25</v>
          </cell>
          <cell r="J155">
            <v>5.25</v>
          </cell>
          <cell r="K155">
            <v>2.6099999999999994</v>
          </cell>
          <cell r="L155">
            <v>9.6499999999999986</v>
          </cell>
          <cell r="M155">
            <v>13.709999999999997</v>
          </cell>
          <cell r="N155">
            <v>10.549999999999997</v>
          </cell>
          <cell r="O155">
            <v>5.3999999999999986</v>
          </cell>
          <cell r="P155">
            <v>2.63</v>
          </cell>
          <cell r="Q155">
            <v>6.009999999999998</v>
          </cell>
          <cell r="R155">
            <v>3.0500000000000007</v>
          </cell>
          <cell r="S155">
            <v>10.870000000000005</v>
          </cell>
          <cell r="T155">
            <v>4.9600000000000009</v>
          </cell>
          <cell r="U155">
            <v>2.8899999999999988</v>
          </cell>
          <cell r="V155">
            <v>1.6500000000000004</v>
          </cell>
          <cell r="W155">
            <v>10.329999999999998</v>
          </cell>
          <cell r="X155">
            <v>0.51000000000000156</v>
          </cell>
          <cell r="Y155">
            <v>10.71</v>
          </cell>
          <cell r="Z155">
            <v>0.13000000000000012</v>
          </cell>
          <cell r="AA155">
            <v>1.4700000000000006</v>
          </cell>
          <cell r="AB155">
            <v>2.4700000000000006</v>
          </cell>
          <cell r="AC155">
            <v>2.6400000000000006</v>
          </cell>
          <cell r="AD155">
            <v>3.0500000000000007</v>
          </cell>
          <cell r="AE155">
            <v>7.009999999999998</v>
          </cell>
          <cell r="AF155">
            <v>13.670000000000002</v>
          </cell>
          <cell r="AG155">
            <v>6.759999999999998</v>
          </cell>
          <cell r="AH155">
            <v>1.2799999999999994</v>
          </cell>
          <cell r="AI155">
            <v>7.5</v>
          </cell>
        </row>
        <row r="156">
          <cell r="B156">
            <v>7.9000000000000021</v>
          </cell>
          <cell r="C156">
            <v>1.7700000000000014</v>
          </cell>
          <cell r="D156">
            <v>7.129999999999999</v>
          </cell>
          <cell r="E156">
            <v>12.159999999999997</v>
          </cell>
          <cell r="F156">
            <v>14.719999999999999</v>
          </cell>
          <cell r="G156">
            <v>2.6900000000000004</v>
          </cell>
          <cell r="H156">
            <v>5.990000000000002</v>
          </cell>
          <cell r="I156">
            <v>3.0600000000000005</v>
          </cell>
          <cell r="J156">
            <v>5.0399999999999991</v>
          </cell>
          <cell r="K156">
            <v>2.59</v>
          </cell>
          <cell r="L156">
            <v>9.4600000000000009</v>
          </cell>
          <cell r="M156">
            <v>12.509999999999998</v>
          </cell>
          <cell r="N156">
            <v>10.380000000000003</v>
          </cell>
          <cell r="O156">
            <v>5.3100000000000005</v>
          </cell>
          <cell r="P156">
            <v>2.2299999999999995</v>
          </cell>
          <cell r="Q156">
            <v>5.9600000000000009</v>
          </cell>
          <cell r="R156">
            <v>2.9800000000000004</v>
          </cell>
          <cell r="S156">
            <v>10.629999999999999</v>
          </cell>
          <cell r="T156">
            <v>5.41</v>
          </cell>
          <cell r="U156">
            <v>2.5199999999999996</v>
          </cell>
          <cell r="V156">
            <v>1.4499999999999997</v>
          </cell>
          <cell r="W156">
            <v>10.049999999999997</v>
          </cell>
          <cell r="X156">
            <v>0.51999999999999957</v>
          </cell>
          <cell r="Y156">
            <v>9.9200000000000017</v>
          </cell>
          <cell r="Z156">
            <v>0.12999999999999989</v>
          </cell>
          <cell r="AA156">
            <v>1.1799999999999997</v>
          </cell>
          <cell r="AB156">
            <v>2.41</v>
          </cell>
          <cell r="AC156">
            <v>2.4499999999999993</v>
          </cell>
          <cell r="AD156">
            <v>3.2200000000000006</v>
          </cell>
          <cell r="AE156">
            <v>7.2799999999999976</v>
          </cell>
          <cell r="AF156">
            <v>12.689999999999998</v>
          </cell>
          <cell r="AG156">
            <v>6.57</v>
          </cell>
          <cell r="AH156">
            <v>1.1499999999999995</v>
          </cell>
          <cell r="AI156">
            <v>6.4700000000000024</v>
          </cell>
        </row>
        <row r="159">
          <cell r="B159" t="str">
            <v>United States</v>
          </cell>
          <cell r="C159" t="str">
            <v>Argentina</v>
          </cell>
          <cell r="D159" t="str">
            <v>Australia</v>
          </cell>
          <cell r="E159" t="str">
            <v>Austria</v>
          </cell>
          <cell r="F159" t="str">
            <v>Belgium</v>
          </cell>
          <cell r="G159" t="str">
            <v>Brazil</v>
          </cell>
          <cell r="H159" t="str">
            <v>Canada</v>
          </cell>
          <cell r="I159" t="str">
            <v>Czech Republic</v>
          </cell>
          <cell r="J159" t="str">
            <v>Denmark</v>
          </cell>
          <cell r="K159" t="str">
            <v>Estonia</v>
          </cell>
          <cell r="L159" t="str">
            <v>Finland</v>
          </cell>
          <cell r="M159" t="str">
            <v>France</v>
          </cell>
          <cell r="N159" t="str">
            <v>Germany</v>
          </cell>
          <cell r="O159" t="str">
            <v>Greece</v>
          </cell>
          <cell r="P159" t="str">
            <v>Hungary</v>
          </cell>
          <cell r="Q159" t="str">
            <v>Ireland</v>
          </cell>
          <cell r="R159" t="str">
            <v>Israel</v>
          </cell>
          <cell r="S159" t="str">
            <v>Italy</v>
          </cell>
          <cell r="T159" t="str">
            <v>Japan</v>
          </cell>
          <cell r="U159" t="str">
            <v>Korea, Republic of</v>
          </cell>
          <cell r="V159" t="str">
            <v>Mexico</v>
          </cell>
          <cell r="W159" t="str">
            <v>Netherlands</v>
          </cell>
          <cell r="X159" t="str">
            <v>New Zealand</v>
          </cell>
          <cell r="Y159" t="str">
            <v>Norway</v>
          </cell>
          <cell r="Z159" t="str">
            <v>Philippines</v>
          </cell>
          <cell r="AA159" t="str">
            <v>Poland</v>
          </cell>
          <cell r="AB159" t="str">
            <v>Portugal</v>
          </cell>
          <cell r="AC159" t="str">
            <v>Singapore</v>
          </cell>
          <cell r="AD159" t="str">
            <v>Slovakia</v>
          </cell>
          <cell r="AE159" t="str">
            <v>Spain</v>
          </cell>
          <cell r="AF159" t="str">
            <v>Sweden</v>
          </cell>
          <cell r="AG159" t="str">
            <v>Switzerland</v>
          </cell>
          <cell r="AH159" t="str">
            <v>Taiwan</v>
          </cell>
          <cell r="AI159" t="str">
            <v>United Kingdom</v>
          </cell>
        </row>
        <row r="160">
          <cell r="B160">
            <v>4.5999999999999979</v>
          </cell>
          <cell r="C160">
            <v>1.46</v>
          </cell>
          <cell r="D160">
            <v>4.1900000000000013</v>
          </cell>
          <cell r="E160">
            <v>6.4439002056641215</v>
          </cell>
          <cell r="F160">
            <v>7.3550008800220112</v>
          </cell>
          <cell r="G160">
            <v>2.4500000000000002</v>
          </cell>
          <cell r="H160">
            <v>4.3000000000000007</v>
          </cell>
          <cell r="I160">
            <v>24.120000000000005</v>
          </cell>
          <cell r="J160">
            <v>0</v>
          </cell>
          <cell r="K160">
            <v>0</v>
          </cell>
          <cell r="L160">
            <v>4.2265625919777694</v>
          </cell>
          <cell r="M160">
            <v>6.6086648972417379</v>
          </cell>
          <cell r="N160">
            <v>6.0945992238589284</v>
          </cell>
          <cell r="O160">
            <v>0</v>
          </cell>
          <cell r="P160">
            <v>161.41000000000003</v>
          </cell>
          <cell r="Q160">
            <v>2.1077652101924382</v>
          </cell>
          <cell r="R160">
            <v>6.100000000000005</v>
          </cell>
          <cell r="S160">
            <v>5.3256777205658281</v>
          </cell>
          <cell r="T160">
            <v>394.1899999999996</v>
          </cell>
          <cell r="U160">
            <v>1365.3199999999997</v>
          </cell>
          <cell r="V160">
            <v>6.8999999999999986</v>
          </cell>
          <cell r="W160">
            <v>0</v>
          </cell>
          <cell r="X160">
            <v>0.69000000000000128</v>
          </cell>
          <cell r="Y160">
            <v>0</v>
          </cell>
          <cell r="Z160">
            <v>3.129999999999999</v>
          </cell>
          <cell r="AA160">
            <v>0</v>
          </cell>
          <cell r="AB160">
            <v>1.1531209784419554</v>
          </cell>
          <cell r="AC160">
            <v>3.6099999999999994</v>
          </cell>
          <cell r="AD160">
            <v>0</v>
          </cell>
          <cell r="AE160">
            <v>2.9637709903477454</v>
          </cell>
          <cell r="AF160">
            <v>55.510000000000005</v>
          </cell>
          <cell r="AG160">
            <v>6.4699999999999989</v>
          </cell>
          <cell r="AH160">
            <v>20.379999999999995</v>
          </cell>
          <cell r="AI160">
            <v>1.4499999999999993</v>
          </cell>
        </row>
        <row r="161">
          <cell r="B161">
            <v>4.7000000000000028</v>
          </cell>
          <cell r="C161">
            <v>1.3999999999999995</v>
          </cell>
          <cell r="D161">
            <v>4.5</v>
          </cell>
          <cell r="E161">
            <v>6.5674440237494807</v>
          </cell>
          <cell r="F161">
            <v>7.5280305603137379</v>
          </cell>
          <cell r="G161">
            <v>2.5700000000000003</v>
          </cell>
          <cell r="H161">
            <v>4.2800000000000011</v>
          </cell>
          <cell r="I161">
            <v>26.89</v>
          </cell>
          <cell r="J161">
            <v>9.5300000000000011</v>
          </cell>
          <cell r="K161">
            <v>0</v>
          </cell>
          <cell r="L161">
            <v>4.2215169541839277</v>
          </cell>
          <cell r="M161">
            <v>6.7687363653410202</v>
          </cell>
          <cell r="N161">
            <v>6.120163817918737</v>
          </cell>
          <cell r="O161">
            <v>0</v>
          </cell>
          <cell r="P161">
            <v>188.89000000000004</v>
          </cell>
          <cell r="Q161">
            <v>2.1077652101924418</v>
          </cell>
          <cell r="R161">
            <v>7.1199999999999974</v>
          </cell>
          <cell r="S161">
            <v>5.7649191486724494</v>
          </cell>
          <cell r="T161">
            <v>419.39999999999964</v>
          </cell>
          <cell r="U161">
            <v>2067.6299999999992</v>
          </cell>
          <cell r="V161">
            <v>8.0300000000000011</v>
          </cell>
          <cell r="W161">
            <v>4.7964568840727662</v>
          </cell>
          <cell r="X161">
            <v>0.69000000000000128</v>
          </cell>
          <cell r="Y161">
            <v>33.169999999999987</v>
          </cell>
          <cell r="Z161">
            <v>3.3200000000000003</v>
          </cell>
          <cell r="AA161">
            <v>3.3</v>
          </cell>
          <cell r="AB161">
            <v>1.1664388822936722</v>
          </cell>
          <cell r="AC161">
            <v>3.7900000000000009</v>
          </cell>
          <cell r="AD161">
            <v>0.99216623514572122</v>
          </cell>
          <cell r="AE161">
            <v>3.0686476025627165</v>
          </cell>
          <cell r="AF161">
            <v>58.69</v>
          </cell>
          <cell r="AG161">
            <v>6.490000000000002</v>
          </cell>
          <cell r="AH161">
            <v>27.199999999999989</v>
          </cell>
          <cell r="AI161">
            <v>1.4500000000000011</v>
          </cell>
        </row>
        <row r="162">
          <cell r="B162">
            <v>4.7200000000000024</v>
          </cell>
          <cell r="C162">
            <v>1.4699999999999998</v>
          </cell>
          <cell r="D162">
            <v>4.870000000000001</v>
          </cell>
          <cell r="E162">
            <v>6.7324113573105215</v>
          </cell>
          <cell r="F162">
            <v>7.7523742002335112</v>
          </cell>
          <cell r="G162">
            <v>2.6799999999999997</v>
          </cell>
          <cell r="H162">
            <v>4.25</v>
          </cell>
          <cell r="I162">
            <v>29.929999999999993</v>
          </cell>
          <cell r="J162">
            <v>9.960000000000008</v>
          </cell>
          <cell r="K162">
            <v>0</v>
          </cell>
          <cell r="L162">
            <v>3.7993652587655333</v>
          </cell>
          <cell r="M162">
            <v>6.8952690496480731</v>
          </cell>
          <cell r="N162">
            <v>6.0639217109871524</v>
          </cell>
          <cell r="O162">
            <v>0</v>
          </cell>
          <cell r="P162">
            <v>213.45000000000005</v>
          </cell>
          <cell r="Q162">
            <v>2.1585547333296109</v>
          </cell>
          <cell r="R162">
            <v>8.0499999999999972</v>
          </cell>
          <cell r="S162">
            <v>5.394888109612813</v>
          </cell>
          <cell r="T162">
            <v>435.55999999999995</v>
          </cell>
          <cell r="U162">
            <v>2514.7599999999993</v>
          </cell>
          <cell r="V162">
            <v>9.43</v>
          </cell>
          <cell r="W162">
            <v>4.8282214991990777</v>
          </cell>
          <cell r="X162">
            <v>0.69000000000000128</v>
          </cell>
          <cell r="Y162">
            <v>34.330000000000013</v>
          </cell>
          <cell r="Z162">
            <v>3.5300000000000011</v>
          </cell>
          <cell r="AA162">
            <v>3.84</v>
          </cell>
          <cell r="AB162">
            <v>1.2136750431460177</v>
          </cell>
          <cell r="AC162">
            <v>3.7899999999999991</v>
          </cell>
          <cell r="AD162">
            <v>1.0359822080594836</v>
          </cell>
          <cell r="AE162">
            <v>3.1710600651497121</v>
          </cell>
          <cell r="AF162">
            <v>61.819999999999993</v>
          </cell>
          <cell r="AG162">
            <v>6.6499999999999986</v>
          </cell>
          <cell r="AH162">
            <v>28.53</v>
          </cell>
          <cell r="AI162">
            <v>1.5399999999999991</v>
          </cell>
        </row>
        <row r="163">
          <cell r="B163">
            <v>4.7300000000000004</v>
          </cell>
          <cell r="C163">
            <v>1.3899999999999997</v>
          </cell>
          <cell r="D163">
            <v>5.129999999999999</v>
          </cell>
          <cell r="E163">
            <v>6.91</v>
          </cell>
          <cell r="F163">
            <v>7.879999999999999</v>
          </cell>
          <cell r="G163">
            <v>2.5199999999999996</v>
          </cell>
          <cell r="H163">
            <v>4.25</v>
          </cell>
          <cell r="I163">
            <v>31.700000000000003</v>
          </cell>
          <cell r="J163">
            <v>13.450000000000017</v>
          </cell>
          <cell r="K163">
            <v>0</v>
          </cell>
          <cell r="L163">
            <v>4.3900000000000006</v>
          </cell>
          <cell r="M163">
            <v>7.0200000000000014</v>
          </cell>
          <cell r="N163">
            <v>5.879999999999999</v>
          </cell>
          <cell r="O163">
            <v>0</v>
          </cell>
          <cell r="P163">
            <v>229.90999999999997</v>
          </cell>
          <cell r="Q163">
            <v>2.2100000000000009</v>
          </cell>
          <cell r="R163">
            <v>8.029999999999994</v>
          </cell>
          <cell r="S163">
            <v>5.4700000000000006</v>
          </cell>
          <cell r="T163">
            <v>442.75</v>
          </cell>
          <cell r="U163">
            <v>3083.84</v>
          </cell>
          <cell r="V163">
            <v>10.75</v>
          </cell>
          <cell r="W163">
            <v>4.84</v>
          </cell>
          <cell r="X163">
            <v>0.69000000000000128</v>
          </cell>
          <cell r="Y163">
            <v>34.849999999999994</v>
          </cell>
          <cell r="Z163">
            <v>3.6899999999999977</v>
          </cell>
          <cell r="AA163">
            <v>2.2999999999999989</v>
          </cell>
          <cell r="AB163">
            <v>1.2300000000000004</v>
          </cell>
          <cell r="AC163">
            <v>2.6000000000000014</v>
          </cell>
          <cell r="AD163">
            <v>1.0472681404766644</v>
          </cell>
          <cell r="AE163">
            <v>3.26</v>
          </cell>
          <cell r="AF163">
            <v>64.19</v>
          </cell>
          <cell r="AG163">
            <v>6.6700000000000017</v>
          </cell>
          <cell r="AH163">
            <v>29.900000000000006</v>
          </cell>
          <cell r="AI163">
            <v>2.3000000000000007</v>
          </cell>
        </row>
        <row r="164">
          <cell r="B164">
            <v>4.9599999999999973</v>
          </cell>
          <cell r="C164">
            <v>1.3600000000000003</v>
          </cell>
          <cell r="D164">
            <v>5.1400000000000006</v>
          </cell>
          <cell r="E164">
            <v>7.0500000000000007</v>
          </cell>
          <cell r="F164">
            <v>8.6899999999999977</v>
          </cell>
          <cell r="G164">
            <v>2.5999999999999996</v>
          </cell>
          <cell r="H164">
            <v>4.3000000000000007</v>
          </cell>
          <cell r="I164">
            <v>35.440000000000012</v>
          </cell>
          <cell r="J164">
            <v>13.609999999999985</v>
          </cell>
          <cell r="K164">
            <v>11.079999999999998</v>
          </cell>
          <cell r="L164">
            <v>4.5100000000000016</v>
          </cell>
          <cell r="M164">
            <v>7.16</v>
          </cell>
          <cell r="N164">
            <v>6.3099999999999987</v>
          </cell>
          <cell r="O164">
            <v>1.8891269258987524</v>
          </cell>
          <cell r="P164">
            <v>254.5</v>
          </cell>
          <cell r="Q164">
            <v>2.2799999999999976</v>
          </cell>
          <cell r="R164">
            <v>8.519999999999996</v>
          </cell>
          <cell r="S164">
            <v>5.629999999999999</v>
          </cell>
          <cell r="T164">
            <v>454.50999999999976</v>
          </cell>
          <cell r="U164">
            <v>3007.7699999999995</v>
          </cell>
          <cell r="V164">
            <v>12.409999999999997</v>
          </cell>
          <cell r="W164">
            <v>4.82</v>
          </cell>
          <cell r="X164">
            <v>0.69000000000000128</v>
          </cell>
          <cell r="Y164">
            <v>34.910000000000025</v>
          </cell>
          <cell r="Z164">
            <v>3.730000000000004</v>
          </cell>
          <cell r="AA164">
            <v>2.5400000000000009</v>
          </cell>
          <cell r="AB164">
            <v>1.25</v>
          </cell>
          <cell r="AC164">
            <v>2.9499999999999993</v>
          </cell>
          <cell r="AD164">
            <v>1.1710814578769169</v>
          </cell>
          <cell r="AE164">
            <v>3.33</v>
          </cell>
          <cell r="AF164">
            <v>68.099999999999994</v>
          </cell>
          <cell r="AG164">
            <v>6.5300000000000011</v>
          </cell>
          <cell r="AH164">
            <v>32.379999999999995</v>
          </cell>
          <cell r="AI164">
            <v>2.3699999999999992</v>
          </cell>
        </row>
        <row r="165">
          <cell r="B165">
            <v>5.3999999999999986</v>
          </cell>
          <cell r="C165">
            <v>1.330000000000001</v>
          </cell>
          <cell r="D165">
            <v>5.5100000000000016</v>
          </cell>
          <cell r="E165">
            <v>6.91</v>
          </cell>
          <cell r="F165">
            <v>8.4200000000000017</v>
          </cell>
          <cell r="G165">
            <v>2.8</v>
          </cell>
          <cell r="H165">
            <v>4.59</v>
          </cell>
          <cell r="I165">
            <v>38.540000000000006</v>
          </cell>
          <cell r="J165">
            <v>17.259999999999991</v>
          </cell>
          <cell r="K165">
            <v>11.660000000000004</v>
          </cell>
          <cell r="L165">
            <v>4.82</v>
          </cell>
          <cell r="M165">
            <v>7.3800000000000026</v>
          </cell>
          <cell r="N165">
            <v>6.4199999999999982</v>
          </cell>
          <cell r="O165">
            <v>1.9399999999999995</v>
          </cell>
          <cell r="P165">
            <v>288.84000000000003</v>
          </cell>
          <cell r="Q165">
            <v>2.7099999999999973</v>
          </cell>
          <cell r="R165">
            <v>9.68</v>
          </cell>
          <cell r="S165">
            <v>5.82</v>
          </cell>
          <cell r="T165">
            <v>468.44000000000005</v>
          </cell>
          <cell r="U165">
            <v>3076.0599999999995</v>
          </cell>
          <cell r="V165">
            <v>14.420000000000002</v>
          </cell>
          <cell r="W165">
            <v>5.3999999999999986</v>
          </cell>
          <cell r="X165">
            <v>0.69000000000000128</v>
          </cell>
          <cell r="Y165">
            <v>38.460000000000008</v>
          </cell>
          <cell r="Z165">
            <v>3.9400000000000048</v>
          </cell>
          <cell r="AA165">
            <v>2.7399999999999984</v>
          </cell>
          <cell r="AB165">
            <v>1.3200000000000003</v>
          </cell>
          <cell r="AC165">
            <v>3.3499999999999979</v>
          </cell>
          <cell r="AD165">
            <v>1.220208457810529</v>
          </cell>
          <cell r="AE165">
            <v>3.4600000000000009</v>
          </cell>
          <cell r="AF165">
            <v>72.920000000000016</v>
          </cell>
          <cell r="AG165">
            <v>6.7100000000000009</v>
          </cell>
          <cell r="AH165">
            <v>33.77000000000001</v>
          </cell>
          <cell r="AI165">
            <v>2.5300000000000011</v>
          </cell>
        </row>
        <row r="166">
          <cell r="B166">
            <v>5.66</v>
          </cell>
          <cell r="C166">
            <v>1.5900000000000007</v>
          </cell>
          <cell r="D166">
            <v>6.3400000000000034</v>
          </cell>
          <cell r="E166">
            <v>7.0299999999999976</v>
          </cell>
          <cell r="F166">
            <v>8.6300000000000026</v>
          </cell>
          <cell r="G166">
            <v>2.9400000000000004</v>
          </cell>
          <cell r="H166">
            <v>5.1099999999999994</v>
          </cell>
          <cell r="I166">
            <v>41.079999999999984</v>
          </cell>
          <cell r="J166">
            <v>19.75</v>
          </cell>
          <cell r="K166">
            <v>13.090000000000003</v>
          </cell>
          <cell r="L166">
            <v>5.1900000000000013</v>
          </cell>
          <cell r="M166">
            <v>7.5999999999999979</v>
          </cell>
          <cell r="N166">
            <v>6.6999999999999993</v>
          </cell>
          <cell r="O166">
            <v>2.4399999999999995</v>
          </cell>
          <cell r="P166">
            <v>316.69000000000005</v>
          </cell>
          <cell r="Q166">
            <v>2.870000000000001</v>
          </cell>
          <cell r="R166">
            <v>10.170000000000002</v>
          </cell>
          <cell r="S166">
            <v>6.0500000000000007</v>
          </cell>
          <cell r="T166">
            <v>468.30000000000018</v>
          </cell>
          <cell r="U166">
            <v>3128.5200000000004</v>
          </cell>
          <cell r="V166">
            <v>15.009999999999998</v>
          </cell>
          <cell r="W166">
            <v>5.620000000000001</v>
          </cell>
          <cell r="X166">
            <v>0.66000000000000014</v>
          </cell>
          <cell r="Y166">
            <v>42.329999999999984</v>
          </cell>
          <cell r="Z166">
            <v>4.019999999999996</v>
          </cell>
          <cell r="AA166">
            <v>2.8299999999999983</v>
          </cell>
          <cell r="AB166">
            <v>1.3900000000000006</v>
          </cell>
          <cell r="AC166">
            <v>3.3099999999999987</v>
          </cell>
          <cell r="AD166">
            <v>1.413065126468831</v>
          </cell>
          <cell r="AE166">
            <v>3.6499999999999986</v>
          </cell>
          <cell r="AF166">
            <v>77.150000000000006</v>
          </cell>
          <cell r="AG166">
            <v>6.8299999999999983</v>
          </cell>
          <cell r="AH166">
            <v>31.03</v>
          </cell>
          <cell r="AI166">
            <v>2.2900000000000009</v>
          </cell>
        </row>
        <row r="167">
          <cell r="B167">
            <v>6.129999999999999</v>
          </cell>
          <cell r="C167">
            <v>1.83</v>
          </cell>
          <cell r="D167">
            <v>7.07</v>
          </cell>
          <cell r="E167">
            <v>7.09</v>
          </cell>
          <cell r="F167">
            <v>9.09</v>
          </cell>
          <cell r="G167">
            <v>3.2800000000000002</v>
          </cell>
          <cell r="H167">
            <v>5.5800000000000018</v>
          </cell>
          <cell r="I167">
            <v>43.460000000000008</v>
          </cell>
          <cell r="J167">
            <v>21.450000000000017</v>
          </cell>
          <cell r="K167">
            <v>14.260000000000005</v>
          </cell>
          <cell r="L167">
            <v>5.3000000000000007</v>
          </cell>
          <cell r="M167">
            <v>7.8300000000000018</v>
          </cell>
          <cell r="N167">
            <v>6.8900000000000006</v>
          </cell>
          <cell r="O167">
            <v>2.8500000000000005</v>
          </cell>
          <cell r="P167">
            <v>334.76</v>
          </cell>
          <cell r="Q167">
            <v>3.1499999999999986</v>
          </cell>
          <cell r="R167">
            <v>10.200000000000003</v>
          </cell>
          <cell r="S167">
            <v>6.3499999999999979</v>
          </cell>
          <cell r="T167">
            <v>478.48999999999978</v>
          </cell>
          <cell r="U167">
            <v>2963.51</v>
          </cell>
          <cell r="V167">
            <v>15.71</v>
          </cell>
          <cell r="W167">
            <v>6.1000000000000014</v>
          </cell>
          <cell r="X167">
            <v>0.66000000000000014</v>
          </cell>
          <cell r="Y167">
            <v>45.720000000000027</v>
          </cell>
          <cell r="Z167">
            <v>4.18</v>
          </cell>
          <cell r="AA167">
            <v>2.91</v>
          </cell>
          <cell r="AB167">
            <v>1.42</v>
          </cell>
          <cell r="AC167">
            <v>3.370000000000001</v>
          </cell>
          <cell r="AD167">
            <v>1.5926442275775079</v>
          </cell>
          <cell r="AE167">
            <v>3.8599999999999994</v>
          </cell>
          <cell r="AF167">
            <v>83.240000000000009</v>
          </cell>
          <cell r="AG167">
            <v>6.8099999999999952</v>
          </cell>
          <cell r="AH167">
            <v>29.54000000000002</v>
          </cell>
          <cell r="AI167">
            <v>2.3999999999999986</v>
          </cell>
        </row>
        <row r="168">
          <cell r="B168">
            <v>6.370000000000001</v>
          </cell>
          <cell r="C168">
            <v>2.2799999999999994</v>
          </cell>
          <cell r="D168">
            <v>7.5299999999999976</v>
          </cell>
          <cell r="E168">
            <v>7.0599999999999987</v>
          </cell>
          <cell r="F168">
            <v>9.48</v>
          </cell>
          <cell r="G168">
            <v>3.6100000000000003</v>
          </cell>
          <cell r="H168">
            <v>6.0399999999999991</v>
          </cell>
          <cell r="I168">
            <v>46.420000000000016</v>
          </cell>
          <cell r="J168">
            <v>22.049999999999983</v>
          </cell>
          <cell r="K168">
            <v>15.100000000000001</v>
          </cell>
          <cell r="L168">
            <v>5.5999999999999979</v>
          </cell>
          <cell r="M168">
            <v>8.07</v>
          </cell>
          <cell r="N168">
            <v>7.0500000000000007</v>
          </cell>
          <cell r="O168">
            <v>3.370000000000001</v>
          </cell>
          <cell r="P168">
            <v>352.37000000000012</v>
          </cell>
          <cell r="Q168">
            <v>3.5100000000000016</v>
          </cell>
          <cell r="R168">
            <v>10.100000000000001</v>
          </cell>
          <cell r="S168">
            <v>6.7000000000000011</v>
          </cell>
          <cell r="T168">
            <v>487.7199999999998</v>
          </cell>
          <cell r="U168">
            <v>2848.67</v>
          </cell>
          <cell r="V168">
            <v>15.910000000000004</v>
          </cell>
          <cell r="W168">
            <v>6.1499999999999986</v>
          </cell>
          <cell r="X168">
            <v>0.69000000000000128</v>
          </cell>
          <cell r="Y168">
            <v>49.799999999999983</v>
          </cell>
          <cell r="Z168">
            <v>4.8499999999999943</v>
          </cell>
          <cell r="AA168">
            <v>2.9999999999999982</v>
          </cell>
          <cell r="AB168">
            <v>1.4799999999999995</v>
          </cell>
          <cell r="AC168">
            <v>3.1900000000000013</v>
          </cell>
          <cell r="AD168">
            <v>1.530903538471752</v>
          </cell>
          <cell r="AE168">
            <v>4.0400000000000009</v>
          </cell>
          <cell r="AF168">
            <v>85.07</v>
          </cell>
          <cell r="AG168">
            <v>6.7700000000000031</v>
          </cell>
          <cell r="AH168">
            <v>29.650000000000006</v>
          </cell>
          <cell r="AI168">
            <v>3.49</v>
          </cell>
        </row>
        <row r="169">
          <cell r="B169">
            <v>6.5699999999999967</v>
          </cell>
          <cell r="C169">
            <v>2.76</v>
          </cell>
          <cell r="D169">
            <v>7.6899999999999977</v>
          </cell>
          <cell r="E169">
            <v>7.32</v>
          </cell>
          <cell r="F169">
            <v>9.6000000000000014</v>
          </cell>
          <cell r="G169">
            <v>4.0299999999999994</v>
          </cell>
          <cell r="H169">
            <v>6.3299999999999983</v>
          </cell>
          <cell r="I169">
            <v>46.399999999999991</v>
          </cell>
          <cell r="J169">
            <v>24.349999999999994</v>
          </cell>
          <cell r="K169">
            <v>17.039999999999992</v>
          </cell>
          <cell r="L169">
            <v>5.77</v>
          </cell>
          <cell r="M169">
            <v>8.5599999999999987</v>
          </cell>
          <cell r="N169">
            <v>6.8900000000000006</v>
          </cell>
          <cell r="O169">
            <v>3.25</v>
          </cell>
          <cell r="P169">
            <v>373.4899999999999</v>
          </cell>
          <cell r="Q169">
            <v>3.6300000000000026</v>
          </cell>
          <cell r="R169">
            <v>10.270000000000003</v>
          </cell>
          <cell r="S169">
            <v>6.8900000000000006</v>
          </cell>
          <cell r="T169">
            <v>501.90000000000009</v>
          </cell>
          <cell r="U169">
            <v>2686.7300000000014</v>
          </cell>
          <cell r="V169">
            <v>16.060000000000002</v>
          </cell>
          <cell r="W169">
            <v>6.27</v>
          </cell>
          <cell r="X169">
            <v>0.69999999999999929</v>
          </cell>
          <cell r="Y169">
            <v>50.79000000000002</v>
          </cell>
          <cell r="Z169">
            <v>5.18</v>
          </cell>
          <cell r="AA169">
            <v>3.0199999999999996</v>
          </cell>
          <cell r="AB169">
            <v>1.5199999999999996</v>
          </cell>
          <cell r="AC169">
            <v>2.9600000000000009</v>
          </cell>
          <cell r="AD169">
            <v>1.6344685653588256</v>
          </cell>
          <cell r="AE169">
            <v>4.2299999999999986</v>
          </cell>
          <cell r="AF169">
            <v>87.320000000000022</v>
          </cell>
          <cell r="AG169">
            <v>6.9599999999999937</v>
          </cell>
          <cell r="AH169">
            <v>33.079999999999984</v>
          </cell>
          <cell r="AI169">
            <v>3.6500000000000021</v>
          </cell>
        </row>
        <row r="170">
          <cell r="B170">
            <v>6.66</v>
          </cell>
          <cell r="C170">
            <v>3.5</v>
          </cell>
          <cell r="D170">
            <v>7.9499999999999993</v>
          </cell>
          <cell r="E170">
            <v>7.5399999999999991</v>
          </cell>
          <cell r="F170">
            <v>9.75</v>
          </cell>
          <cell r="G170">
            <v>4.24</v>
          </cell>
          <cell r="H170">
            <v>6.6999999999999957</v>
          </cell>
          <cell r="I170">
            <v>49.120000000000005</v>
          </cell>
          <cell r="J170">
            <v>24.179999999999978</v>
          </cell>
          <cell r="K170">
            <v>19.769999999999996</v>
          </cell>
          <cell r="L170">
            <v>6.0699999999999967</v>
          </cell>
          <cell r="M170">
            <v>8.8099999999999987</v>
          </cell>
          <cell r="N170">
            <v>7.3500000000000014</v>
          </cell>
          <cell r="O170">
            <v>3.4700000000000006</v>
          </cell>
          <cell r="P170">
            <v>387.01</v>
          </cell>
          <cell r="Q170">
            <v>3.759999999999998</v>
          </cell>
          <cell r="R170">
            <v>9.9200000000000017</v>
          </cell>
          <cell r="S170">
            <v>6.9499999999999993</v>
          </cell>
          <cell r="T170">
            <v>504.38999999999987</v>
          </cell>
          <cell r="U170">
            <v>2970.5400000000009</v>
          </cell>
          <cell r="V170">
            <v>16.739999999999995</v>
          </cell>
          <cell r="W170">
            <v>6.379999999999999</v>
          </cell>
          <cell r="X170">
            <v>0.71999999999999886</v>
          </cell>
          <cell r="Y170">
            <v>53.510000000000019</v>
          </cell>
          <cell r="Z170">
            <v>5.3999999999999986</v>
          </cell>
          <cell r="AA170">
            <v>3.1099999999999994</v>
          </cell>
          <cell r="AB170">
            <v>1.5599999999999996</v>
          </cell>
          <cell r="AC170">
            <v>3</v>
          </cell>
          <cell r="AD170">
            <v>1.7971187678417317</v>
          </cell>
          <cell r="AE170">
            <v>4.4300000000000015</v>
          </cell>
          <cell r="AF170">
            <v>85.360000000000014</v>
          </cell>
          <cell r="AG170">
            <v>7.0900000000000034</v>
          </cell>
          <cell r="AH170">
            <v>35.419999999999987</v>
          </cell>
          <cell r="AI170">
            <v>3.759999999999998</v>
          </cell>
        </row>
        <row r="171">
          <cell r="B171">
            <v>7.48</v>
          </cell>
          <cell r="C171">
            <v>4.3000000000000007</v>
          </cell>
          <cell r="D171">
            <v>8.269999999999996</v>
          </cell>
          <cell r="E171">
            <v>7.8300000000000018</v>
          </cell>
          <cell r="F171">
            <v>9.8500000000000014</v>
          </cell>
          <cell r="G171">
            <v>4.4800000000000004</v>
          </cell>
          <cell r="H171">
            <v>6.8099999999999987</v>
          </cell>
          <cell r="I171">
            <v>53.070000000000022</v>
          </cell>
          <cell r="J171">
            <v>26.370000000000005</v>
          </cell>
          <cell r="K171">
            <v>23.879999999999995</v>
          </cell>
          <cell r="L171">
            <v>6.1400000000000006</v>
          </cell>
          <cell r="M171">
            <v>9.0499999999999972</v>
          </cell>
          <cell r="N171">
            <v>7.0200000000000031</v>
          </cell>
          <cell r="O171">
            <v>3.5700000000000003</v>
          </cell>
          <cell r="P171">
            <v>429.03999999999996</v>
          </cell>
          <cell r="Q171">
            <v>3.8999999999999986</v>
          </cell>
          <cell r="R171">
            <v>9.4099999999999966</v>
          </cell>
          <cell r="S171">
            <v>7.139999999999997</v>
          </cell>
          <cell r="T171">
            <v>503.38999999999987</v>
          </cell>
          <cell r="U171">
            <v>3199.6000000000004</v>
          </cell>
          <cell r="V171">
            <v>17.420000000000002</v>
          </cell>
          <cell r="W171">
            <v>6.4799999999999969</v>
          </cell>
          <cell r="X171">
            <v>0.75</v>
          </cell>
          <cell r="Y171">
            <v>57.110000000000014</v>
          </cell>
          <cell r="Z171">
            <v>5.5300000000000011</v>
          </cell>
          <cell r="AA171">
            <v>3.3299999999999983</v>
          </cell>
          <cell r="AB171">
            <v>1.6099999999999994</v>
          </cell>
          <cell r="AC171">
            <v>3.3099999999999987</v>
          </cell>
          <cell r="AD171">
            <v>1.9421761933213828</v>
          </cell>
          <cell r="AE171">
            <v>4.6500000000000021</v>
          </cell>
          <cell r="AF171">
            <v>93.840000000000032</v>
          </cell>
          <cell r="AG171">
            <v>7.1899999999999977</v>
          </cell>
          <cell r="AH171">
            <v>38.250000000000028</v>
          </cell>
          <cell r="AI171">
            <v>3.879999999999999</v>
          </cell>
        </row>
        <row r="172">
          <cell r="B172">
            <v>7.4599999999999973</v>
          </cell>
          <cell r="C172">
            <v>5.4500000000000028</v>
          </cell>
          <cell r="D172">
            <v>8.9100000000000037</v>
          </cell>
          <cell r="E172">
            <v>8.2100000000000009</v>
          </cell>
          <cell r="F172">
            <v>10.299999999999997</v>
          </cell>
          <cell r="G172">
            <v>5.0400000000000009</v>
          </cell>
          <cell r="H172">
            <v>7.0599999999999987</v>
          </cell>
          <cell r="I172">
            <v>55.330000000000013</v>
          </cell>
          <cell r="J172">
            <v>26.72999999999999</v>
          </cell>
          <cell r="K172">
            <v>27.89</v>
          </cell>
          <cell r="L172">
            <v>6.5500000000000007</v>
          </cell>
          <cell r="M172">
            <v>9.3099999999999987</v>
          </cell>
          <cell r="N172">
            <v>7.1700000000000017</v>
          </cell>
          <cell r="O172">
            <v>3.67</v>
          </cell>
          <cell r="P172">
            <v>453.64999999999986</v>
          </cell>
          <cell r="Q172">
            <v>4.09</v>
          </cell>
          <cell r="R172">
            <v>10.950000000000003</v>
          </cell>
          <cell r="S172">
            <v>7.379999999999999</v>
          </cell>
          <cell r="T172">
            <v>512.5300000000002</v>
          </cell>
          <cell r="U172">
            <v>3169.6900000000005</v>
          </cell>
          <cell r="V172">
            <v>18.380000000000003</v>
          </cell>
          <cell r="W172">
            <v>7.02</v>
          </cell>
          <cell r="X172">
            <v>0.71999999999999886</v>
          </cell>
          <cell r="Y172">
            <v>60.360000000000014</v>
          </cell>
          <cell r="Z172">
            <v>5.9099999999999966</v>
          </cell>
          <cell r="AA172">
            <v>3.5599999999999987</v>
          </cell>
          <cell r="AB172">
            <v>1.6800000000000006</v>
          </cell>
          <cell r="AC172">
            <v>3.7199999999999989</v>
          </cell>
          <cell r="AD172">
            <v>2.1307176525260569</v>
          </cell>
          <cell r="AE172">
            <v>4.7500000000000018</v>
          </cell>
          <cell r="AF172">
            <v>89.97</v>
          </cell>
          <cell r="AG172">
            <v>7.32</v>
          </cell>
          <cell r="AH172">
            <v>40.319999999999993</v>
          </cell>
          <cell r="AI172">
            <v>4.0500000000000007</v>
          </cell>
        </row>
        <row r="173">
          <cell r="B173">
            <v>7.9000000000000021</v>
          </cell>
          <cell r="C173">
            <v>6.5499999999999972</v>
          </cell>
          <cell r="D173">
            <v>8.990000000000002</v>
          </cell>
          <cell r="E173">
            <v>8.7299999999999969</v>
          </cell>
          <cell r="F173">
            <v>10.560000000000002</v>
          </cell>
          <cell r="G173">
            <v>5.3900000000000006</v>
          </cell>
          <cell r="H173">
            <v>6.84</v>
          </cell>
          <cell r="I173">
            <v>59.329999999999984</v>
          </cell>
          <cell r="J173">
            <v>26.97999999999999</v>
          </cell>
          <cell r="K173">
            <v>29.069999999999993</v>
          </cell>
          <cell r="L173">
            <v>6.7899999999999991</v>
          </cell>
          <cell r="M173">
            <v>8.9700000000000024</v>
          </cell>
          <cell r="N173">
            <v>7.4400000000000013</v>
          </cell>
          <cell r="O173">
            <v>3.8100000000000005</v>
          </cell>
          <cell r="P173">
            <v>452.31999999999994</v>
          </cell>
          <cell r="Q173">
            <v>4.2800000000000011</v>
          </cell>
          <cell r="R173">
            <v>11.719999999999999</v>
          </cell>
          <cell r="S173">
            <v>7.629999999999999</v>
          </cell>
          <cell r="T173">
            <v>507.29000000000042</v>
          </cell>
          <cell r="U173">
            <v>3210.5599999999977</v>
          </cell>
          <cell r="V173">
            <v>19.630000000000003</v>
          </cell>
          <cell r="W173">
            <v>7.2100000000000009</v>
          </cell>
          <cell r="X173">
            <v>0.83000000000000185</v>
          </cell>
          <cell r="Y173">
            <v>62.350000000000023</v>
          </cell>
          <cell r="Z173">
            <v>6.1599999999999966</v>
          </cell>
          <cell r="AA173">
            <v>3.6899999999999977</v>
          </cell>
          <cell r="AB173">
            <v>1.7300000000000004</v>
          </cell>
          <cell r="AC173">
            <v>3.5599999999999987</v>
          </cell>
          <cell r="AD173">
            <v>2.3100000000000005</v>
          </cell>
          <cell r="AE173">
            <v>5.23</v>
          </cell>
          <cell r="AF173">
            <v>97.15</v>
          </cell>
          <cell r="AG173">
            <v>7.1499999999999986</v>
          </cell>
          <cell r="AH173">
            <v>37.729999999999961</v>
          </cell>
          <cell r="AI173">
            <v>4.1199999999999992</v>
          </cell>
        </row>
      </sheetData>
      <sheetData sheetId="26"/>
      <sheetData sheetId="27">
        <row r="2">
          <cell r="G2">
            <v>1996</v>
          </cell>
        </row>
        <row r="3">
          <cell r="G3">
            <v>1997</v>
          </cell>
        </row>
        <row r="4">
          <cell r="G4">
            <v>1998</v>
          </cell>
        </row>
        <row r="5">
          <cell r="G5">
            <v>1999</v>
          </cell>
        </row>
        <row r="6">
          <cell r="G6">
            <v>2000</v>
          </cell>
        </row>
        <row r="7">
          <cell r="G7">
            <v>2001</v>
          </cell>
        </row>
        <row r="8">
          <cell r="G8">
            <v>2002</v>
          </cell>
        </row>
        <row r="9">
          <cell r="G9">
            <v>2003</v>
          </cell>
        </row>
        <row r="10">
          <cell r="G10">
            <v>2004</v>
          </cell>
        </row>
        <row r="11">
          <cell r="G11">
            <v>2005</v>
          </cell>
        </row>
        <row r="12">
          <cell r="G12">
            <v>2006</v>
          </cell>
        </row>
        <row r="13">
          <cell r="G13">
            <v>2007</v>
          </cell>
        </row>
        <row r="14">
          <cell r="G14">
            <v>2008</v>
          </cell>
        </row>
        <row r="15">
          <cell r="G15">
            <v>2009</v>
          </cell>
        </row>
        <row r="67">
          <cell r="B67">
            <v>0</v>
          </cell>
          <cell r="C67">
            <v>0</v>
          </cell>
        </row>
        <row r="68">
          <cell r="B68">
            <v>14</v>
          </cell>
          <cell r="C68">
            <v>14</v>
          </cell>
        </row>
        <row r="84">
          <cell r="H84" t="str">
            <v>Country Match</v>
          </cell>
          <cell r="I84" t="str">
            <v>data values</v>
          </cell>
        </row>
        <row r="85">
          <cell r="G85">
            <v>1</v>
          </cell>
        </row>
        <row r="86">
          <cell r="G86">
            <v>2</v>
          </cell>
        </row>
        <row r="87">
          <cell r="G87">
            <v>3</v>
          </cell>
        </row>
        <row r="88">
          <cell r="G88">
            <v>4</v>
          </cell>
        </row>
        <row r="89">
          <cell r="G89">
            <v>5</v>
          </cell>
        </row>
        <row r="90">
          <cell r="G90">
            <v>6</v>
          </cell>
        </row>
        <row r="91">
          <cell r="G91">
            <v>7</v>
          </cell>
        </row>
        <row r="92">
          <cell r="G92">
            <v>8</v>
          </cell>
        </row>
        <row r="93">
          <cell r="G93">
            <v>9</v>
          </cell>
        </row>
        <row r="94">
          <cell r="G94">
            <v>10</v>
          </cell>
        </row>
        <row r="95">
          <cell r="G95" t="e">
            <v>#N/A</v>
          </cell>
        </row>
        <row r="96">
          <cell r="G96" t="e">
            <v>#N/A</v>
          </cell>
        </row>
        <row r="97">
          <cell r="G97" t="e">
            <v>#N/A</v>
          </cell>
        </row>
        <row r="98">
          <cell r="G98" t="e">
            <v>#N/A</v>
          </cell>
        </row>
        <row r="99">
          <cell r="G99" t="e">
            <v>#N/A</v>
          </cell>
        </row>
        <row r="100">
          <cell r="G100" t="e">
            <v>#N/A</v>
          </cell>
        </row>
        <row r="101">
          <cell r="G101" t="e">
            <v>#N/A</v>
          </cell>
        </row>
        <row r="102">
          <cell r="G102" t="e">
            <v>#N/A</v>
          </cell>
        </row>
        <row r="103">
          <cell r="G103" t="e">
            <v>#N/A</v>
          </cell>
        </row>
        <row r="104">
          <cell r="G104" t="e">
            <v>#N/A</v>
          </cell>
        </row>
        <row r="105">
          <cell r="G105" t="e">
            <v>#N/A</v>
          </cell>
        </row>
        <row r="106">
          <cell r="G106" t="e">
            <v>#N/A</v>
          </cell>
        </row>
        <row r="107">
          <cell r="G107" t="e">
            <v>#N/A</v>
          </cell>
        </row>
        <row r="108">
          <cell r="G108" t="e">
            <v>#N/A</v>
          </cell>
        </row>
        <row r="109">
          <cell r="G109" t="e">
            <v>#N/A</v>
          </cell>
        </row>
        <row r="110">
          <cell r="G110" t="e">
            <v>#N/A</v>
          </cell>
        </row>
        <row r="111">
          <cell r="G111" t="e">
            <v>#N/A</v>
          </cell>
        </row>
        <row r="112">
          <cell r="G112" t="e">
            <v>#N/A</v>
          </cell>
        </row>
        <row r="113">
          <cell r="G113" t="e">
            <v>#N/A</v>
          </cell>
        </row>
        <row r="114">
          <cell r="G114" t="e">
            <v>#N/A</v>
          </cell>
        </row>
        <row r="115">
          <cell r="G115" t="e">
            <v>#N/A</v>
          </cell>
        </row>
        <row r="116">
          <cell r="G116" t="e">
            <v>#N/A</v>
          </cell>
        </row>
        <row r="117">
          <cell r="G117" t="e">
            <v>#N/A</v>
          </cell>
        </row>
        <row r="118">
          <cell r="G118" t="e">
            <v>#N/A</v>
          </cell>
        </row>
        <row r="123">
          <cell r="B123">
            <v>1996</v>
          </cell>
        </row>
        <row r="124">
          <cell r="B124">
            <v>15.75</v>
          </cell>
        </row>
        <row r="125">
          <cell r="B125">
            <v>1.7600000000000016</v>
          </cell>
        </row>
        <row r="126">
          <cell r="B126">
            <v>0</v>
          </cell>
        </row>
        <row r="127">
          <cell r="B127">
            <v>4.5999999999999979</v>
          </cell>
        </row>
        <row r="130">
          <cell r="B130">
            <v>0</v>
          </cell>
        </row>
        <row r="131">
          <cell r="B131">
            <v>0</v>
          </cell>
        </row>
        <row r="132">
          <cell r="B132">
            <v>1.98</v>
          </cell>
        </row>
        <row r="133">
          <cell r="B133">
            <v>0.91000000000000014</v>
          </cell>
        </row>
        <row r="136">
          <cell r="B136">
            <v>13.9</v>
          </cell>
        </row>
        <row r="137">
          <cell r="B137">
            <v>1.9599999999999991</v>
          </cell>
        </row>
        <row r="138">
          <cell r="B138">
            <v>0</v>
          </cell>
        </row>
        <row r="139">
          <cell r="B139">
            <v>3.1500000000000021</v>
          </cell>
        </row>
        <row r="146">
          <cell r="B146">
            <v>89.768574908647992</v>
          </cell>
        </row>
        <row r="151">
          <cell r="B151">
            <v>101.76659528907923</v>
          </cell>
        </row>
        <row r="156">
          <cell r="B156">
            <v>64.653243847874734</v>
          </cell>
        </row>
      </sheetData>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EP_calc"/>
      <sheetName val="EP_summary"/>
      <sheetName val="EP_summary_short"/>
      <sheetName val="EP_2008"/>
      <sheetName val="EP_2012"/>
      <sheetName val="EP_2013"/>
      <sheetName val="EP_figure_2008"/>
      <sheetName val="EP_figure_2013"/>
      <sheetName val="oldEP_figure"/>
      <sheetName val="oldEP_figure_2012"/>
      <sheetName val="Coding framework "/>
      <sheetName val="scoring"/>
      <sheetName val="lookup score"/>
      <sheetName val="weights"/>
      <sheetName val="Note and question"/>
    </sheetNames>
    <sheetDataSet>
      <sheetData sheetId="0">
        <row r="1">
          <cell r="A1" t="str">
            <v>couIndicPubyear</v>
          </cell>
          <cell r="B1" t="str">
            <v>cou</v>
          </cell>
          <cell r="C1" t="str">
            <v>Country</v>
          </cell>
          <cell r="D1" t="str">
            <v>Question</v>
          </cell>
          <cell r="E1" t="str">
            <v>Indic</v>
          </cell>
          <cell r="F1" t="str">
            <v>Item</v>
          </cell>
          <cell r="G1" t="str">
            <v>Pubyear</v>
          </cell>
          <cell r="H1" t="str">
            <v>year</v>
          </cell>
          <cell r="I1" t="str">
            <v>Text</v>
          </cell>
          <cell r="J1" t="str">
            <v>Value_1</v>
          </cell>
          <cell r="K1" t="str">
            <v>Value_2</v>
          </cell>
          <cell r="L1" t="str">
            <v>Value_3</v>
          </cell>
          <cell r="M1" t="str">
            <v>Score_1</v>
          </cell>
          <cell r="N1" t="str">
            <v>Score_2</v>
          </cell>
          <cell r="O1" t="str">
            <v>Score_3</v>
          </cell>
          <cell r="P1" t="str">
            <v>Note</v>
          </cell>
        </row>
        <row r="2">
          <cell r="A2" t="str">
            <v>AUSREG12003</v>
          </cell>
          <cell r="B2" t="str">
            <v>AUS</v>
          </cell>
          <cell r="C2" t="str">
            <v>Australia</v>
          </cell>
          <cell r="D2" t="str">
            <v>Item 1</v>
          </cell>
          <cell r="E2" t="str">
            <v>REG1</v>
          </cell>
          <cell r="F2" t="str">
            <v>Notification procedures</v>
          </cell>
          <cell r="G2">
            <v>2003</v>
          </cell>
          <cell r="I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2">
            <v>1</v>
          </cell>
          <cell r="M2">
            <v>2</v>
          </cell>
        </row>
        <row r="3">
          <cell r="A3" t="str">
            <v>AUSREG22003</v>
          </cell>
          <cell r="B3" t="str">
            <v>AUS</v>
          </cell>
          <cell r="C3" t="str">
            <v>Australia</v>
          </cell>
          <cell r="D3" t="str">
            <v>Item 2</v>
          </cell>
          <cell r="E3" t="str">
            <v>REG2</v>
          </cell>
          <cell r="F3" t="str">
            <v>Delay before notice can start</v>
          </cell>
          <cell r="G3">
            <v>2003</v>
          </cell>
          <cell r="I3" t="str">
            <v xml:space="preserve">Redundancy: written or oral notice with statement of reasons; Personal reasons: the employer must warn the employee of his unsatisfactory performance and give him time to react (6 as in consultation and 1 for notice). Total is (1+7)/2=4 </v>
          </cell>
          <cell r="J3">
            <v>4</v>
          </cell>
          <cell r="M3">
            <v>1</v>
          </cell>
        </row>
        <row r="4">
          <cell r="A4" t="str">
            <v>AUSREG32003</v>
          </cell>
          <cell r="B4" t="str">
            <v>AUS</v>
          </cell>
          <cell r="C4" t="str">
            <v>Australia</v>
          </cell>
          <cell r="D4" t="str">
            <v>Item 3</v>
          </cell>
          <cell r="E4" t="str">
            <v>REG3A, REG3B, REG3C</v>
          </cell>
          <cell r="F4" t="str">
            <v>Notice / tenure</v>
          </cell>
          <cell r="G4">
            <v>2003</v>
          </cell>
          <cell r="I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J4">
            <v>0.25</v>
          </cell>
          <cell r="K4">
            <v>0.75</v>
          </cell>
          <cell r="L4">
            <v>1</v>
          </cell>
          <cell r="M4">
            <v>1</v>
          </cell>
          <cell r="N4">
            <v>1</v>
          </cell>
          <cell r="O4">
            <v>1</v>
          </cell>
        </row>
        <row r="5">
          <cell r="A5" t="str">
            <v>AUSREG42003</v>
          </cell>
          <cell r="B5" t="str">
            <v>AUS</v>
          </cell>
          <cell r="C5" t="str">
            <v>Australia</v>
          </cell>
          <cell r="D5" t="str">
            <v>Item 4</v>
          </cell>
          <cell r="E5" t="str">
            <v>REG4A, REG4B, REG4C</v>
          </cell>
          <cell r="F5" t="str">
            <v>Severance pay / tenure</v>
          </cell>
          <cell r="G5">
            <v>2003</v>
          </cell>
          <cell r="I5" t="str">
            <v> All workers: None. Redundancy cases: 0&lt;1y ; 4w&lt;2y, 6w&lt;3y, 7w&lt;4y, 8w&gt;4y (typical cases).
 Redundancy case: 9 months tenure: 0, 4 years tenure: 8 weeks, 20 years tenure: 8 weeks</v>
          </cell>
          <cell r="J5">
            <v>0</v>
          </cell>
          <cell r="K5">
            <v>1</v>
          </cell>
          <cell r="L5">
            <v>1</v>
          </cell>
          <cell r="M5">
            <v>0</v>
          </cell>
          <cell r="N5">
            <v>2</v>
          </cell>
          <cell r="O5">
            <v>1</v>
          </cell>
        </row>
        <row r="6">
          <cell r="A6" t="str">
            <v>AUSREG52003</v>
          </cell>
          <cell r="B6" t="str">
            <v>AUS</v>
          </cell>
          <cell r="C6" t="str">
            <v>Australia</v>
          </cell>
          <cell r="D6" t="str">
            <v>Item 5</v>
          </cell>
          <cell r="E6" t="str">
            <v>REG5</v>
          </cell>
          <cell r="F6" t="str">
            <v>Definition of justified or unfair dismissal</v>
          </cell>
          <cell r="G6">
            <v>2003</v>
          </cell>
          <cell r="I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J6">
            <v>0</v>
          </cell>
          <cell r="M6">
            <v>0</v>
          </cell>
        </row>
        <row r="7">
          <cell r="A7" t="str">
            <v>AUSREG62003</v>
          </cell>
          <cell r="B7" t="str">
            <v>AUS</v>
          </cell>
          <cell r="C7" t="str">
            <v>Australia</v>
          </cell>
          <cell r="D7" t="str">
            <v>Item 6</v>
          </cell>
          <cell r="E7" t="str">
            <v>REG6</v>
          </cell>
          <cell r="F7" t="str">
            <v>Trial period</v>
          </cell>
          <cell r="G7">
            <v>2003</v>
          </cell>
          <cell r="I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J7">
            <v>3</v>
          </cell>
          <cell r="M7">
            <v>4</v>
          </cell>
          <cell r="P7" t="str">
            <v>YES</v>
          </cell>
        </row>
        <row r="8">
          <cell r="A8" t="str">
            <v>AUSREG72003</v>
          </cell>
          <cell r="B8" t="str">
            <v>AUS</v>
          </cell>
          <cell r="C8" t="str">
            <v>Australia</v>
          </cell>
          <cell r="D8" t="str">
            <v>Item 7</v>
          </cell>
          <cell r="E8" t="str">
            <v>REG7</v>
          </cell>
          <cell r="F8" t="str">
            <v xml:space="preserve">Compensation following unfair dismissal </v>
          </cell>
          <cell r="G8">
            <v>2003</v>
          </cell>
          <cell r="I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J8">
            <v>6</v>
          </cell>
          <cell r="M8">
            <v>1</v>
          </cell>
          <cell r="P8" t="str">
            <v>YES</v>
          </cell>
        </row>
        <row r="9">
          <cell r="A9" t="str">
            <v>AUSREG82003</v>
          </cell>
          <cell r="B9" t="str">
            <v>AUS</v>
          </cell>
          <cell r="C9" t="str">
            <v>Australia</v>
          </cell>
          <cell r="D9" t="str">
            <v>Item 8</v>
          </cell>
          <cell r="E9" t="str">
            <v>REG8</v>
          </cell>
          <cell r="F9" t="str">
            <v>Possibility of reinstatement following unfair dismissal</v>
          </cell>
          <cell r="G9">
            <v>2003</v>
          </cell>
          <cell r="I9" t="str">
            <v>Courts may order reinstatement with back pay. The option of  reinstatement is relatively rarely made available to the employee.</v>
          </cell>
          <cell r="J9">
            <v>1.5</v>
          </cell>
          <cell r="M9">
            <v>3</v>
          </cell>
          <cell r="P9" t="str">
            <v>YES</v>
          </cell>
        </row>
        <row r="10">
          <cell r="A10" t="str">
            <v>AUSREG92003</v>
          </cell>
          <cell r="B10" t="str">
            <v>AUS</v>
          </cell>
          <cell r="C10" t="str">
            <v>Australia</v>
          </cell>
          <cell r="D10" t="str">
            <v>Item 9</v>
          </cell>
          <cell r="E10" t="str">
            <v>REG9</v>
          </cell>
          <cell r="F10" t="str">
            <v>Maximum time for claim</v>
          </cell>
          <cell r="G10">
            <v>2003</v>
          </cell>
        </row>
        <row r="11">
          <cell r="A11" t="str">
            <v>AUSFTC12003</v>
          </cell>
          <cell r="B11" t="str">
            <v>AUS</v>
          </cell>
          <cell r="C11" t="str">
            <v>Australia</v>
          </cell>
          <cell r="D11" t="str">
            <v>Item 10</v>
          </cell>
          <cell r="E11" t="str">
            <v>FTC1</v>
          </cell>
          <cell r="F11" t="str">
            <v>Valid cases for use of fixed-term contracts, other than  “objective”  or “material” situation</v>
          </cell>
          <cell r="G11">
            <v>2003</v>
          </cell>
          <cell r="I11" t="str">
            <v>No restrictions in legislation</v>
          </cell>
          <cell r="J11">
            <v>3</v>
          </cell>
          <cell r="M11">
            <v>0</v>
          </cell>
        </row>
        <row r="12">
          <cell r="A12" t="str">
            <v>AUSFTC22003</v>
          </cell>
          <cell r="B12" t="str">
            <v>AUS</v>
          </cell>
          <cell r="C12" t="str">
            <v>Australia</v>
          </cell>
          <cell r="D12" t="str">
            <v>Item 11</v>
          </cell>
          <cell r="E12" t="str">
            <v>FTC2</v>
          </cell>
          <cell r="F12" t="str">
            <v>Maximum number of successive fixed-term contracts</v>
          </cell>
          <cell r="G12">
            <v>2003</v>
          </cell>
          <cell r="I12" t="str">
            <v xml:space="preserve">Estimated 1.5 No legal limit specified; but risk that, upon continuous renewal, the courts will find that the primary purpose of the contract is to avoid termination laws. </v>
          </cell>
          <cell r="J12">
            <v>1.5</v>
          </cell>
          <cell r="M12">
            <v>5</v>
          </cell>
        </row>
        <row r="13">
          <cell r="A13" t="str">
            <v>AUSFTC32003</v>
          </cell>
          <cell r="B13" t="str">
            <v>AUS</v>
          </cell>
          <cell r="C13" t="str">
            <v>Australia</v>
          </cell>
          <cell r="D13" t="str">
            <v>Item 12</v>
          </cell>
          <cell r="E13" t="str">
            <v>FTC3</v>
          </cell>
          <cell r="F13" t="str">
            <v>Maximum cumulated duration of successive fixed-term contracts</v>
          </cell>
          <cell r="G13">
            <v>2003</v>
          </cell>
          <cell r="I13" t="str">
            <v>No limit specified.</v>
          </cell>
          <cell r="J13">
            <v>200</v>
          </cell>
          <cell r="M13">
            <v>0</v>
          </cell>
        </row>
        <row r="14">
          <cell r="A14" t="str">
            <v>AUSTWA12003</v>
          </cell>
          <cell r="B14" t="str">
            <v>AUS</v>
          </cell>
          <cell r="C14" t="str">
            <v>Australia</v>
          </cell>
          <cell r="D14" t="str">
            <v>Item 13</v>
          </cell>
          <cell r="E14" t="str">
            <v>TWA1</v>
          </cell>
          <cell r="F14" t="str">
            <v>Types of work for which TWA employment is legal</v>
          </cell>
          <cell r="G14">
            <v>2003</v>
          </cell>
          <cell r="I14" t="str">
            <v>General</v>
          </cell>
          <cell r="J14">
            <v>4</v>
          </cell>
          <cell r="M14">
            <v>0</v>
          </cell>
        </row>
        <row r="15">
          <cell r="A15" t="str">
            <v>AUSTWA22003</v>
          </cell>
          <cell r="B15" t="str">
            <v>AUS</v>
          </cell>
          <cell r="C15" t="str">
            <v>Australia</v>
          </cell>
          <cell r="D15" t="str">
            <v>Item 14</v>
          </cell>
          <cell r="E15" t="str">
            <v>TWA2A, TWA2B</v>
          </cell>
          <cell r="F15" t="str">
            <v>Are there any restrictions on the number of renewals of a TWA contract?</v>
          </cell>
          <cell r="G15">
            <v>2003</v>
          </cell>
          <cell r="I15" t="str">
            <v>Contracts: No.
Assignments: No</v>
          </cell>
          <cell r="J15" t="str">
            <v>No</v>
          </cell>
          <cell r="K15" t="str">
            <v>No</v>
          </cell>
          <cell r="M15">
            <v>2</v>
          </cell>
          <cell r="N15">
            <v>2</v>
          </cell>
        </row>
        <row r="16">
          <cell r="A16" t="str">
            <v>AUSTWA32003</v>
          </cell>
          <cell r="B16" t="str">
            <v>AUS</v>
          </cell>
          <cell r="C16" t="str">
            <v>Australia</v>
          </cell>
          <cell r="D16" t="str">
            <v>Item 15</v>
          </cell>
          <cell r="E16" t="str">
            <v>TWA3A, TWA3B</v>
          </cell>
          <cell r="F16" t="str">
            <v>Maximum cumulated duration of temporary work contracts</v>
          </cell>
          <cell r="G16">
            <v>2003</v>
          </cell>
          <cell r="I16" t="str">
            <v>Contracts: No limit.
Assignements: No limit</v>
          </cell>
          <cell r="J16">
            <v>100</v>
          </cell>
          <cell r="K16">
            <v>100</v>
          </cell>
          <cell r="M16">
            <v>0</v>
          </cell>
          <cell r="N16">
            <v>0</v>
          </cell>
        </row>
        <row r="17">
          <cell r="A17" t="str">
            <v>AUSTWA42003</v>
          </cell>
          <cell r="B17" t="str">
            <v>AUS</v>
          </cell>
          <cell r="C17" t="str">
            <v>Australia</v>
          </cell>
          <cell r="D17" t="str">
            <v>Item 16</v>
          </cell>
          <cell r="E17" t="str">
            <v>TWA4</v>
          </cell>
          <cell r="F17" t="str">
            <v>Authorisation and reporting obligations</v>
          </cell>
          <cell r="G17">
            <v>2003</v>
          </cell>
        </row>
        <row r="18">
          <cell r="A18" t="str">
            <v>AUSTWA52003</v>
          </cell>
          <cell r="B18" t="str">
            <v>AUS</v>
          </cell>
          <cell r="C18" t="str">
            <v>Australia</v>
          </cell>
          <cell r="D18" t="str">
            <v>Item 17</v>
          </cell>
          <cell r="E18" t="str">
            <v>TWA5</v>
          </cell>
          <cell r="F18" t="str">
            <v>Equal treatment for TWA workers</v>
          </cell>
          <cell r="G18">
            <v>2003</v>
          </cell>
        </row>
        <row r="19">
          <cell r="A19" t="str">
            <v>AUSCD12003</v>
          </cell>
          <cell r="B19" t="str">
            <v>AUS</v>
          </cell>
          <cell r="C19" t="str">
            <v>Australia</v>
          </cell>
          <cell r="D19" t="str">
            <v>Item 18</v>
          </cell>
          <cell r="E19" t="str">
            <v>CD1</v>
          </cell>
          <cell r="F19" t="str">
            <v>Definition of collective dismissal</v>
          </cell>
          <cell r="G19">
            <v>2003</v>
          </cell>
          <cell r="I19" t="str">
            <v>Termination of 15 or more employees for reasons of an economic, technological or structural nature, or for reasons including such reasons.</v>
          </cell>
          <cell r="J19">
            <v>3</v>
          </cell>
          <cell r="M19">
            <v>4.5</v>
          </cell>
        </row>
        <row r="20">
          <cell r="A20" t="str">
            <v>AUSCD22003</v>
          </cell>
          <cell r="B20" t="str">
            <v>AUS</v>
          </cell>
          <cell r="C20" t="str">
            <v>Australia</v>
          </cell>
          <cell r="D20" t="str">
            <v>Item 19</v>
          </cell>
          <cell r="E20" t="str">
            <v>CD2</v>
          </cell>
          <cell r="F20" t="str">
            <v>Additional notification requirements in case of collective dismissals</v>
          </cell>
          <cell r="G20">
            <v>2003</v>
          </cell>
          <cell r="I20" t="str">
            <v>Notification of employee representatives: Obligation to inform and consult with employees and trade union (if requested by an affected employee), where relevant. Notification of public authorities: Notification of competent labour authorities.</v>
          </cell>
          <cell r="J20">
            <v>2</v>
          </cell>
          <cell r="M20">
            <v>6</v>
          </cell>
        </row>
        <row r="21">
          <cell r="A21" t="str">
            <v>AUSCD32003</v>
          </cell>
          <cell r="B21" t="str">
            <v>AUS</v>
          </cell>
          <cell r="C21" t="str">
            <v>Australia</v>
          </cell>
          <cell r="D21" t="str">
            <v>Item 20</v>
          </cell>
          <cell r="E21" t="str">
            <v>CD3</v>
          </cell>
          <cell r="F21" t="str">
            <v>Additional delays involved in case of collective dismissals</v>
          </cell>
          <cell r="G21">
            <v>2003</v>
          </cell>
          <cell r="I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21">
            <v>5</v>
          </cell>
          <cell r="M21">
            <v>1</v>
          </cell>
        </row>
        <row r="22">
          <cell r="A22" t="str">
            <v>AUSCD42003</v>
          </cell>
          <cell r="B22" t="str">
            <v>AUS</v>
          </cell>
          <cell r="C22" t="str">
            <v>Australia</v>
          </cell>
          <cell r="D22" t="str">
            <v>Item 21</v>
          </cell>
          <cell r="E22" t="str">
            <v>CD4</v>
          </cell>
          <cell r="F22" t="str">
            <v>Other special costs to employers in case of collective dismissals</v>
          </cell>
          <cell r="G22">
            <v>2003</v>
          </cell>
          <cell r="I22" t="str">
            <v>Type of negotiation requiredf: Consultation on alternatives to redundancy and selection standards. Selection criteria: Law requires fair basis of employee selection. Severance pay: No special regulations for collective dismissal.</v>
          </cell>
          <cell r="J22">
            <v>0</v>
          </cell>
          <cell r="M22">
            <v>0</v>
          </cell>
        </row>
        <row r="23">
          <cell r="A23" t="str">
            <v>AUTREG12003</v>
          </cell>
          <cell r="B23" t="str">
            <v>AUT</v>
          </cell>
          <cell r="C23" t="str">
            <v>Austria</v>
          </cell>
          <cell r="D23" t="str">
            <v>Item 1</v>
          </cell>
          <cell r="E23" t="str">
            <v>REG1</v>
          </cell>
          <cell r="F23" t="str">
            <v>Notification procedures</v>
          </cell>
          <cell r="G23">
            <v>2003</v>
          </cell>
          <cell r="I23" t="str">
            <v>Notification first to Works Council (if one exists), then to employee. (Works councils covered 70% of employeed in 2002 - see EIRO survey)</v>
          </cell>
          <cell r="J23">
            <v>2</v>
          </cell>
          <cell r="M23">
            <v>4</v>
          </cell>
        </row>
        <row r="24">
          <cell r="A24" t="str">
            <v>AUTREG22003</v>
          </cell>
          <cell r="B24" t="str">
            <v>AUT</v>
          </cell>
          <cell r="C24" t="str">
            <v>Austria</v>
          </cell>
          <cell r="D24" t="str">
            <v>Item 2</v>
          </cell>
          <cell r="E24" t="str">
            <v>REG2</v>
          </cell>
          <cell r="F24" t="str">
            <v>Delay before notice can start</v>
          </cell>
          <cell r="G24">
            <v>2003</v>
          </cell>
          <cell r="I24" t="str">
            <v>Maximum 5 days for Works Council to react.  Notice can then be served, usually by registered mail. - 2008 correction, no requirement for sending letter by registered mail, usually notified orally.</v>
          </cell>
          <cell r="J24">
            <v>7</v>
          </cell>
          <cell r="M24">
            <v>1</v>
          </cell>
        </row>
        <row r="25">
          <cell r="A25" t="str">
            <v>AUTREG32003</v>
          </cell>
          <cell r="B25" t="str">
            <v>AUT</v>
          </cell>
          <cell r="C25" t="str">
            <v>Austria</v>
          </cell>
          <cell r="D25" t="str">
            <v>Item 3</v>
          </cell>
          <cell r="E25" t="str">
            <v>REG3A, REG3B, REG3C</v>
          </cell>
          <cell r="F25" t="str">
            <v>Notice / tenure</v>
          </cell>
          <cell r="G25">
            <v>2003</v>
          </cell>
          <cell r="I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J25">
            <v>1</v>
          </cell>
          <cell r="K25">
            <v>1.25</v>
          </cell>
          <cell r="L25">
            <v>2.25</v>
          </cell>
          <cell r="M25">
            <v>3</v>
          </cell>
          <cell r="N25">
            <v>2</v>
          </cell>
          <cell r="O25">
            <v>1</v>
          </cell>
        </row>
        <row r="26">
          <cell r="A26" t="str">
            <v>AUTREG42003</v>
          </cell>
          <cell r="B26" t="str">
            <v>AUT</v>
          </cell>
          <cell r="C26" t="str">
            <v>Austria</v>
          </cell>
          <cell r="D26" t="str">
            <v>Item 4</v>
          </cell>
          <cell r="E26" t="str">
            <v>REG4A, REG4B, REG4C</v>
          </cell>
          <cell r="F26" t="str">
            <v>Severance pay / tenure</v>
          </cell>
          <cell r="G26">
            <v>2003</v>
          </cell>
          <cell r="I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J26">
            <v>0</v>
          </cell>
          <cell r="K26">
            <v>0</v>
          </cell>
          <cell r="L26">
            <v>0</v>
          </cell>
          <cell r="M26">
            <v>0</v>
          </cell>
          <cell r="N26">
            <v>0</v>
          </cell>
          <cell r="O26">
            <v>0</v>
          </cell>
        </row>
        <row r="27">
          <cell r="A27" t="str">
            <v>AUTREG52003</v>
          </cell>
          <cell r="B27" t="str">
            <v>AUT</v>
          </cell>
          <cell r="C27" t="str">
            <v>Austria</v>
          </cell>
          <cell r="D27" t="str">
            <v>Item 5</v>
          </cell>
          <cell r="E27" t="str">
            <v>REG5</v>
          </cell>
          <cell r="F27" t="str">
            <v>Definition of justified or unfair dismissal</v>
          </cell>
          <cell r="G27">
            <v>2003</v>
          </cell>
          <cell r="I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J27">
            <v>1</v>
          </cell>
          <cell r="M27">
            <v>2</v>
          </cell>
        </row>
        <row r="28">
          <cell r="A28" t="str">
            <v>AUTREG62003</v>
          </cell>
          <cell r="B28" t="str">
            <v>AUT</v>
          </cell>
          <cell r="C28" t="str">
            <v>Austria</v>
          </cell>
          <cell r="D28" t="str">
            <v>Item 6</v>
          </cell>
          <cell r="E28" t="str">
            <v>REG6</v>
          </cell>
          <cell r="F28" t="str">
            <v>Trial period</v>
          </cell>
          <cell r="G28">
            <v>2003</v>
          </cell>
          <cell r="I28" t="str">
            <v>1 month (all workers)</v>
          </cell>
          <cell r="J28">
            <v>1</v>
          </cell>
          <cell r="M28">
            <v>6</v>
          </cell>
        </row>
        <row r="29">
          <cell r="A29" t="str">
            <v>AUTREG72003</v>
          </cell>
          <cell r="B29" t="str">
            <v>AUT</v>
          </cell>
          <cell r="C29" t="str">
            <v>Austria</v>
          </cell>
          <cell r="D29" t="str">
            <v>Item 7</v>
          </cell>
          <cell r="E29" t="str">
            <v>REG7</v>
          </cell>
          <cell r="F29" t="str">
            <v xml:space="preserve">Compensation following unfair dismissal </v>
          </cell>
          <cell r="G29">
            <v>2003</v>
          </cell>
          <cell r="I29" t="str">
            <v>Sum equal to earnings between the dismissal and the legal settlement of the case.  Sums earned by the employee in the interim are set off against the award. Typical compensation at 20 years tenure (all workers): 6 months.</v>
          </cell>
          <cell r="J29">
            <v>6</v>
          </cell>
          <cell r="M29">
            <v>1</v>
          </cell>
        </row>
        <row r="30">
          <cell r="A30" t="str">
            <v>AUTREG82003</v>
          </cell>
          <cell r="B30" t="str">
            <v>AUT</v>
          </cell>
          <cell r="C30" t="str">
            <v>Austria</v>
          </cell>
          <cell r="D30" t="str">
            <v>Item 8</v>
          </cell>
          <cell r="E30" t="str">
            <v>REG8</v>
          </cell>
          <cell r="F30" t="str">
            <v>Possibility of reinstatement following unfair dismissal</v>
          </cell>
          <cell r="G30">
            <v>2003</v>
          </cell>
          <cell r="I30" t="str">
            <v>A reinstatement order is possible, although rarely taken up by the employee concerned. (the worker has the right to demand reinstatement or compensation in lieu - not counted in EPL3C)</v>
          </cell>
          <cell r="J30">
            <v>3</v>
          </cell>
          <cell r="M30">
            <v>6</v>
          </cell>
        </row>
        <row r="31">
          <cell r="A31" t="str">
            <v>AUTREG92003</v>
          </cell>
          <cell r="B31" t="str">
            <v>AUT</v>
          </cell>
          <cell r="C31" t="str">
            <v>Austria</v>
          </cell>
          <cell r="D31" t="str">
            <v>Item 9</v>
          </cell>
          <cell r="E31" t="str">
            <v>REG9</v>
          </cell>
          <cell r="F31" t="str">
            <v>Maximum time for claim</v>
          </cell>
          <cell r="G31">
            <v>2003</v>
          </cell>
        </row>
        <row r="32">
          <cell r="A32" t="str">
            <v>AUTFTC12003</v>
          </cell>
          <cell r="B32" t="str">
            <v>AUT</v>
          </cell>
          <cell r="C32" t="str">
            <v>Austria</v>
          </cell>
          <cell r="D32" t="str">
            <v>Item 10</v>
          </cell>
          <cell r="E32" t="str">
            <v>FTC1</v>
          </cell>
          <cell r="F32" t="str">
            <v>Valid cases for use of fixed-term contracts, other than  “objective”  or “material” situation</v>
          </cell>
          <cell r="G32">
            <v>2003</v>
          </cell>
          <cell r="I32" t="str">
            <v>No restrictions for first contract</v>
          </cell>
          <cell r="J32">
            <v>2.5</v>
          </cell>
          <cell r="M32">
            <v>1</v>
          </cell>
        </row>
        <row r="33">
          <cell r="A33" t="str">
            <v>AUTFTC22003</v>
          </cell>
          <cell r="B33" t="str">
            <v>AUT</v>
          </cell>
          <cell r="C33" t="str">
            <v>Austria</v>
          </cell>
          <cell r="D33" t="str">
            <v>Item 11</v>
          </cell>
          <cell r="E33" t="str">
            <v>FTC2</v>
          </cell>
          <cell r="F33" t="str">
            <v>Maximum number of successive fixed-term contracts</v>
          </cell>
          <cell r="G33">
            <v>2003</v>
          </cell>
          <cell r="I33" t="str">
            <v>Estimated 1.5 Successive fixed-term contracts without objective reason imply the risk of a court declaring the contract null and void.</v>
          </cell>
          <cell r="J33">
            <v>1.5</v>
          </cell>
          <cell r="M33">
            <v>5</v>
          </cell>
        </row>
        <row r="34">
          <cell r="A34" t="str">
            <v>AUTFTC32003</v>
          </cell>
          <cell r="B34" t="str">
            <v>AUT</v>
          </cell>
          <cell r="C34" t="str">
            <v>Austria</v>
          </cell>
          <cell r="D34" t="str">
            <v>Item 12</v>
          </cell>
          <cell r="E34" t="str">
            <v>FTC3</v>
          </cell>
          <cell r="F34" t="str">
            <v>Maximum cumulated duration of successive fixed-term contracts</v>
          </cell>
          <cell r="G34">
            <v>2003</v>
          </cell>
          <cell r="I34" t="str">
            <v>No limit specified.</v>
          </cell>
          <cell r="J34">
            <v>200</v>
          </cell>
          <cell r="M34">
            <v>0</v>
          </cell>
        </row>
        <row r="35">
          <cell r="A35" t="str">
            <v>AUTTWA12003</v>
          </cell>
          <cell r="B35" t="str">
            <v>AUT</v>
          </cell>
          <cell r="C35" t="str">
            <v>Austria</v>
          </cell>
          <cell r="D35" t="str">
            <v>Item 13</v>
          </cell>
          <cell r="E35" t="str">
            <v>TWA1</v>
          </cell>
          <cell r="F35" t="str">
            <v>Types of work for which TWA employment is legal</v>
          </cell>
          <cell r="G35">
            <v>2003</v>
          </cell>
          <cell r="I35" t="str">
            <v>General, if contract is indefinite but limited to "objective reasons" if it is of fixed duration</v>
          </cell>
          <cell r="J35">
            <v>3</v>
          </cell>
          <cell r="M35">
            <v>1.5</v>
          </cell>
        </row>
        <row r="36">
          <cell r="A36" t="str">
            <v>AUTTWA22003</v>
          </cell>
          <cell r="B36" t="str">
            <v>AUT</v>
          </cell>
          <cell r="C36" t="str">
            <v>Austria</v>
          </cell>
          <cell r="D36" t="str">
            <v>Item 14</v>
          </cell>
          <cell r="E36" t="str">
            <v>TWA2A, TWA2B</v>
          </cell>
          <cell r="F36" t="str">
            <v>Are there any restrictions on the number of renewals of a TWA contract?</v>
          </cell>
          <cell r="G36">
            <v>2003</v>
          </cell>
          <cell r="I36" t="str">
            <v>Contracts: No restrictions
Assignments: No restrictions</v>
          </cell>
          <cell r="J36" t="str">
            <v>No</v>
          </cell>
          <cell r="K36" t="str">
            <v>No</v>
          </cell>
          <cell r="M36">
            <v>2</v>
          </cell>
          <cell r="N36">
            <v>2</v>
          </cell>
        </row>
        <row r="37">
          <cell r="A37" t="str">
            <v>AUTTWA32003</v>
          </cell>
          <cell r="B37" t="str">
            <v>AUT</v>
          </cell>
          <cell r="C37" t="str">
            <v>Austria</v>
          </cell>
          <cell r="D37" t="str">
            <v>Item 15</v>
          </cell>
          <cell r="E37" t="str">
            <v>TWA3A, TWA3B</v>
          </cell>
          <cell r="F37" t="str">
            <v>Maximum cumulated duration of temporary work contracts</v>
          </cell>
          <cell r="G37">
            <v>2003</v>
          </cell>
          <cell r="I37" t="str">
            <v>No limit</v>
          </cell>
          <cell r="J37">
            <v>100</v>
          </cell>
          <cell r="K37">
            <v>100</v>
          </cell>
          <cell r="M37">
            <v>0</v>
          </cell>
          <cell r="N37">
            <v>0</v>
          </cell>
        </row>
        <row r="38">
          <cell r="A38" t="str">
            <v>AUTTWA42003</v>
          </cell>
          <cell r="B38" t="str">
            <v>AUT</v>
          </cell>
          <cell r="C38" t="str">
            <v>Austria</v>
          </cell>
          <cell r="D38" t="str">
            <v>Item 16</v>
          </cell>
          <cell r="E38" t="str">
            <v>TWA4</v>
          </cell>
          <cell r="F38" t="str">
            <v>Authorisation and reporting obligations</v>
          </cell>
          <cell r="G38">
            <v>2003</v>
          </cell>
        </row>
        <row r="39">
          <cell r="A39" t="str">
            <v>AUTTWA52003</v>
          </cell>
          <cell r="B39" t="str">
            <v>AUT</v>
          </cell>
          <cell r="C39" t="str">
            <v>Austria</v>
          </cell>
          <cell r="D39" t="str">
            <v>Item 17</v>
          </cell>
          <cell r="E39" t="str">
            <v>TWA5</v>
          </cell>
          <cell r="F39" t="str">
            <v>Equal treatment for TWA workers</v>
          </cell>
          <cell r="G39">
            <v>2003</v>
          </cell>
        </row>
        <row r="40">
          <cell r="A40" t="str">
            <v>AUTCD12003</v>
          </cell>
          <cell r="B40" t="str">
            <v>AUT</v>
          </cell>
          <cell r="C40" t="str">
            <v>Austria</v>
          </cell>
          <cell r="D40" t="str">
            <v>Item 18</v>
          </cell>
          <cell r="E40" t="str">
            <v>CD1</v>
          </cell>
          <cell r="F40" t="str">
            <v>Definition of collective dismissal</v>
          </cell>
          <cell r="G40">
            <v>2003</v>
          </cell>
          <cell r="I40" t="str">
            <v>Within 30 days, 5+ workers in firms 20-99; 5%+ in firms 100-599; 30+ workers in firms&gt;600; 5+ workers &gt;50 years old.</v>
          </cell>
          <cell r="J40">
            <v>4</v>
          </cell>
          <cell r="M40">
            <v>6</v>
          </cell>
        </row>
        <row r="41">
          <cell r="A41" t="str">
            <v>AUTCD22003</v>
          </cell>
          <cell r="B41" t="str">
            <v>AUT</v>
          </cell>
          <cell r="C41" t="str">
            <v>Austria</v>
          </cell>
          <cell r="D41" t="str">
            <v>Item 19</v>
          </cell>
          <cell r="E41" t="str">
            <v>CD2</v>
          </cell>
          <cell r="F41" t="str">
            <v>Additional notification requirements in case of collective dismissals</v>
          </cell>
          <cell r="G41">
            <v>2003</v>
          </cell>
          <cell r="I41" t="str">
            <v>Notification of employee representatives: General duty to inform the Works Council about changes affecting the business. Notification of public authorities: Notification of local employment office.</v>
          </cell>
          <cell r="J41">
            <v>1</v>
          </cell>
          <cell r="M41">
            <v>3</v>
          </cell>
        </row>
        <row r="42">
          <cell r="A42" t="str">
            <v>AUTCD32003</v>
          </cell>
          <cell r="B42" t="str">
            <v>AUT</v>
          </cell>
          <cell r="C42" t="str">
            <v>Austria</v>
          </cell>
          <cell r="D42" t="str">
            <v>Item 20</v>
          </cell>
          <cell r="E42" t="str">
            <v>CD3</v>
          </cell>
          <cell r="F42" t="str">
            <v>Additional delays involved in case of collective dismissals</v>
          </cell>
          <cell r="G42">
            <v>2003</v>
          </cell>
          <cell r="I42" t="str">
            <v>30 days waiting period before first notice can become effective.</v>
          </cell>
          <cell r="J42">
            <v>23</v>
          </cell>
          <cell r="M42">
            <v>1</v>
          </cell>
        </row>
        <row r="43">
          <cell r="A43" t="str">
            <v>AUTCD42003</v>
          </cell>
          <cell r="B43" t="str">
            <v>AUT</v>
          </cell>
          <cell r="C43" t="str">
            <v>Austria</v>
          </cell>
          <cell r="D43" t="str">
            <v>Item 21</v>
          </cell>
          <cell r="E43" t="str">
            <v>CD4</v>
          </cell>
          <cell r="F43" t="str">
            <v>Other special costs to employers in case of collective dismissals</v>
          </cell>
          <cell r="G43">
            <v>2003</v>
          </cell>
          <cell r="I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J43">
            <v>1</v>
          </cell>
          <cell r="M43">
            <v>3</v>
          </cell>
        </row>
        <row r="44">
          <cell r="A44" t="str">
            <v>BELREG12003</v>
          </cell>
          <cell r="B44" t="str">
            <v>BEL</v>
          </cell>
          <cell r="C44" t="str">
            <v>Belgium</v>
          </cell>
          <cell r="D44" t="str">
            <v>Item 1</v>
          </cell>
          <cell r="E44" t="str">
            <v>REG1</v>
          </cell>
          <cell r="F44" t="str">
            <v>Notification procedures</v>
          </cell>
          <cell r="G44">
            <v>2003</v>
          </cell>
          <cell r="I44" t="str">
            <v>Notification of employee by registered letter.  Oral notification possible if  employer chooses severance pay in lieu of notice.</v>
          </cell>
          <cell r="J44">
            <v>0.5</v>
          </cell>
          <cell r="M44">
            <v>1</v>
          </cell>
        </row>
        <row r="45">
          <cell r="A45" t="str">
            <v>BELREG22003</v>
          </cell>
          <cell r="B45" t="str">
            <v>BEL</v>
          </cell>
          <cell r="C45" t="str">
            <v>Belgium</v>
          </cell>
          <cell r="D45" t="str">
            <v>Item 2</v>
          </cell>
          <cell r="E45" t="str">
            <v>REG2</v>
          </cell>
          <cell r="F45" t="str">
            <v>Delay before notice can start</v>
          </cell>
          <cell r="G45">
            <v>2003</v>
          </cell>
          <cell r="I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J45">
            <v>7</v>
          </cell>
          <cell r="M45">
            <v>1</v>
          </cell>
        </row>
        <row r="46">
          <cell r="A46" t="str">
            <v>BELREG32003</v>
          </cell>
          <cell r="B46" t="str">
            <v>BEL</v>
          </cell>
          <cell r="C46" t="str">
            <v>Belgium</v>
          </cell>
          <cell r="D46" t="str">
            <v>Item 3</v>
          </cell>
          <cell r="E46" t="str">
            <v>REG3A, REG3B, REG3C</v>
          </cell>
          <cell r="F46" t="str">
            <v>Notice / tenure</v>
          </cell>
          <cell r="G46">
            <v>2003</v>
          </cell>
          <cell r="I46" t="str">
            <v>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v>
          </cell>
          <cell r="J46">
            <v>2.1</v>
          </cell>
          <cell r="K46">
            <v>2.8</v>
          </cell>
          <cell r="L46">
            <v>11</v>
          </cell>
          <cell r="M46">
            <v>6</v>
          </cell>
          <cell r="N46">
            <v>5</v>
          </cell>
          <cell r="O46">
            <v>6</v>
          </cell>
        </row>
        <row r="47">
          <cell r="A47" t="str">
            <v>BELREG42003</v>
          </cell>
          <cell r="B47" t="str">
            <v>BEL</v>
          </cell>
          <cell r="C47" t="str">
            <v>Belgium</v>
          </cell>
          <cell r="D47" t="str">
            <v>Item 4</v>
          </cell>
          <cell r="E47" t="str">
            <v>REG4A, REG4B, REG4C</v>
          </cell>
          <cell r="F47" t="str">
            <v>Severance pay / tenure</v>
          </cell>
          <cell r="G47">
            <v>2003</v>
          </cell>
          <cell r="I47" t="str">
            <v>L’ensemble des salariés: aucune.</v>
          </cell>
          <cell r="J47">
            <v>0</v>
          </cell>
          <cell r="K47">
            <v>0</v>
          </cell>
          <cell r="L47">
            <v>0</v>
          </cell>
          <cell r="M47">
            <v>0</v>
          </cell>
          <cell r="N47">
            <v>0</v>
          </cell>
          <cell r="O47">
            <v>0</v>
          </cell>
        </row>
        <row r="48">
          <cell r="A48" t="str">
            <v>BELREG52003</v>
          </cell>
          <cell r="B48" t="str">
            <v>BEL</v>
          </cell>
          <cell r="C48" t="str">
            <v>Belgium</v>
          </cell>
          <cell r="D48" t="str">
            <v>Item 5</v>
          </cell>
          <cell r="E48" t="str">
            <v>REG5</v>
          </cell>
          <cell r="F48" t="str">
            <v>Definition of justified or unfair dismissal</v>
          </cell>
          <cell r="G48">
            <v>2003</v>
          </cell>
          <cell r="I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J48">
            <v>0</v>
          </cell>
          <cell r="M48">
            <v>0</v>
          </cell>
        </row>
        <row r="49">
          <cell r="A49" t="str">
            <v>BELREG62003</v>
          </cell>
          <cell r="B49" t="str">
            <v>BEL</v>
          </cell>
          <cell r="C49" t="str">
            <v>Belgium</v>
          </cell>
          <cell r="D49" t="str">
            <v>Item 6</v>
          </cell>
          <cell r="E49" t="str">
            <v>REG6</v>
          </cell>
          <cell r="F49" t="str">
            <v>Trial period</v>
          </cell>
          <cell r="G49">
            <v>2003</v>
          </cell>
          <cell r="I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J49">
            <v>3.3</v>
          </cell>
          <cell r="M49">
            <v>4</v>
          </cell>
        </row>
        <row r="50">
          <cell r="A50" t="str">
            <v>BELREG72003</v>
          </cell>
          <cell r="B50" t="str">
            <v>BEL</v>
          </cell>
          <cell r="C50" t="str">
            <v>Belgium</v>
          </cell>
          <cell r="D50" t="str">
            <v>Item 7</v>
          </cell>
          <cell r="E50" t="str">
            <v>REG7</v>
          </cell>
          <cell r="F50" t="str">
            <v xml:space="preserve">Compensation following unfair dismissal </v>
          </cell>
          <cell r="G50">
            <v>2003</v>
          </cell>
          <cell r="I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J50">
            <v>14</v>
          </cell>
          <cell r="M50">
            <v>3</v>
          </cell>
        </row>
        <row r="51">
          <cell r="A51" t="str">
            <v>BELREG82003</v>
          </cell>
          <cell r="B51" t="str">
            <v>BEL</v>
          </cell>
          <cell r="C51" t="str">
            <v>Belgium</v>
          </cell>
          <cell r="D51" t="str">
            <v>Item 8</v>
          </cell>
          <cell r="E51" t="str">
            <v>REG8</v>
          </cell>
          <cell r="F51" t="str">
            <v>Possibility of reinstatement following unfair dismissal</v>
          </cell>
          <cell r="G51">
            <v>2003</v>
          </cell>
          <cell r="I51" t="str">
            <v>Il n’y a pas de droit à la réintégration </v>
          </cell>
          <cell r="J51">
            <v>0</v>
          </cell>
          <cell r="M51">
            <v>0</v>
          </cell>
        </row>
        <row r="52">
          <cell r="A52" t="str">
            <v>BELREG92003</v>
          </cell>
          <cell r="B52" t="str">
            <v>BEL</v>
          </cell>
          <cell r="C52" t="str">
            <v>Belgium</v>
          </cell>
          <cell r="D52" t="str">
            <v>Item 9</v>
          </cell>
          <cell r="E52" t="str">
            <v>REG9</v>
          </cell>
          <cell r="F52" t="str">
            <v>Maximum time for claim</v>
          </cell>
          <cell r="G52">
            <v>2003</v>
          </cell>
        </row>
        <row r="53">
          <cell r="A53" t="str">
            <v>BELFTC12003</v>
          </cell>
          <cell r="B53" t="str">
            <v>BEL</v>
          </cell>
          <cell r="C53" t="str">
            <v>Belgium</v>
          </cell>
          <cell r="D53" t="str">
            <v>Item 10</v>
          </cell>
          <cell r="E53" t="str">
            <v>FTC1</v>
          </cell>
          <cell r="F53" t="str">
            <v>Valid cases for use of fixed-term contracts, other than  “objective”  or “material” situation</v>
          </cell>
          <cell r="G53">
            <v>2003</v>
          </cell>
          <cell r="I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J53">
            <v>2.5</v>
          </cell>
          <cell r="M53">
            <v>1</v>
          </cell>
        </row>
        <row r="54">
          <cell r="A54" t="str">
            <v>BELFTC22003</v>
          </cell>
          <cell r="B54" t="str">
            <v>BEL</v>
          </cell>
          <cell r="C54" t="str">
            <v>Belgium</v>
          </cell>
          <cell r="D54" t="str">
            <v>Item 11</v>
          </cell>
          <cell r="E54" t="str">
            <v>FTC2</v>
          </cell>
          <cell r="F54" t="str">
            <v>Maximum number of successive fixed-term contracts</v>
          </cell>
          <cell r="G54">
            <v>2003</v>
          </cell>
          <cell r="I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J54">
            <v>4</v>
          </cell>
          <cell r="M54">
            <v>2</v>
          </cell>
        </row>
        <row r="55">
          <cell r="A55" t="str">
            <v>BELFTC32003</v>
          </cell>
          <cell r="B55" t="str">
            <v>BEL</v>
          </cell>
          <cell r="C55" t="str">
            <v>Belgium</v>
          </cell>
          <cell r="D55" t="str">
            <v>Item 12</v>
          </cell>
          <cell r="E55" t="str">
            <v>FTC3</v>
          </cell>
          <cell r="F55" t="str">
            <v>Maximum cumulated duration of successive fixed-term contracts</v>
          </cell>
          <cell r="G55">
            <v>2003</v>
          </cell>
          <cell r="I55" t="str">
            <v>Sans motif légitime :  2 ans ou  3 ans avec l’autorisation de l’Inspection du travail.
Avec motif légitime : pas de limite.</v>
          </cell>
          <cell r="J55">
            <v>30</v>
          </cell>
          <cell r="M55">
            <v>2</v>
          </cell>
        </row>
        <row r="56">
          <cell r="A56" t="str">
            <v>BELTWA12003</v>
          </cell>
          <cell r="B56" t="str">
            <v>BEL</v>
          </cell>
          <cell r="C56" t="str">
            <v>Belgium</v>
          </cell>
          <cell r="D56" t="str">
            <v>Item 13</v>
          </cell>
          <cell r="E56" t="str">
            <v>TWA1</v>
          </cell>
          <cell r="F56" t="str">
            <v>Types of work for which TWA employment is legal</v>
          </cell>
          <cell r="G56">
            <v>2003</v>
          </cell>
          <cell r="I56" t="str">
            <v>Recours aux entreprises de travail intérimaire : remplacement temporaire d’un travailleur ; surcroît temporaire de travail ; travail exceptionnel.</v>
          </cell>
          <cell r="J56">
            <v>2</v>
          </cell>
          <cell r="M56">
            <v>3</v>
          </cell>
        </row>
        <row r="57">
          <cell r="A57" t="str">
            <v>BELTWA22003</v>
          </cell>
          <cell r="B57" t="str">
            <v>BEL</v>
          </cell>
          <cell r="C57" t="str">
            <v>Belgium</v>
          </cell>
          <cell r="D57" t="str">
            <v>Item 14</v>
          </cell>
          <cell r="E57" t="str">
            <v>TWA2A, TWA2B</v>
          </cell>
          <cell r="F57" t="str">
            <v>Are there any restrictions on the number of renewals of a TWA contract?</v>
          </cell>
          <cell r="G57">
            <v>2003</v>
          </cell>
          <cell r="I57" t="str">
            <v>Contracts: Procédures d’autorisation et limitation dans le temps du recours au travail intérimaire
Missions:</v>
          </cell>
          <cell r="J57" t="str">
            <v>Yes</v>
          </cell>
          <cell r="K57" t="str">
            <v>Yes</v>
          </cell>
          <cell r="M57">
            <v>4</v>
          </cell>
          <cell r="N57">
            <v>4</v>
          </cell>
        </row>
        <row r="58">
          <cell r="A58" t="str">
            <v>BELTWA32003</v>
          </cell>
          <cell r="B58" t="str">
            <v>BEL</v>
          </cell>
          <cell r="C58" t="str">
            <v>Belgium</v>
          </cell>
          <cell r="D58" t="str">
            <v>Item 15</v>
          </cell>
          <cell r="E58" t="str">
            <v>TWA3A, TWA3B</v>
          </cell>
          <cell r="F58" t="str">
            <v>Maximum cumulated duration of temporary work contracts</v>
          </cell>
          <cell r="G58">
            <v>2003</v>
          </cell>
          <cell r="I58" t="str">
            <v>Remplacement d’un travailleur : 12 mois ou durée de la suspension du contrat du travailleur à remplacer
Surcroît temporaire de travail : 18 mois ou négociable avec la représentation syndicale
Travaux exceptionnels : 3 mois</v>
          </cell>
          <cell r="J58">
            <v>11</v>
          </cell>
          <cell r="K58">
            <v>11</v>
          </cell>
          <cell r="M58">
            <v>5</v>
          </cell>
          <cell r="N58">
            <v>5</v>
          </cell>
        </row>
        <row r="59">
          <cell r="A59" t="str">
            <v>BELTWA42003</v>
          </cell>
          <cell r="B59" t="str">
            <v>BEL</v>
          </cell>
          <cell r="C59" t="str">
            <v>Belgium</v>
          </cell>
          <cell r="D59" t="str">
            <v>Item 16</v>
          </cell>
          <cell r="E59" t="str">
            <v>TWA4</v>
          </cell>
          <cell r="F59" t="str">
            <v>Authorisation and reporting obligations</v>
          </cell>
          <cell r="G59">
            <v>2003</v>
          </cell>
        </row>
        <row r="60">
          <cell r="A60" t="str">
            <v>BELTWA52003</v>
          </cell>
          <cell r="B60" t="str">
            <v>BEL</v>
          </cell>
          <cell r="C60" t="str">
            <v>Belgium</v>
          </cell>
          <cell r="D60" t="str">
            <v>Item 17</v>
          </cell>
          <cell r="E60" t="str">
            <v>TWA5</v>
          </cell>
          <cell r="F60" t="str">
            <v>Equal treatment for TWA workers</v>
          </cell>
          <cell r="G60">
            <v>2003</v>
          </cell>
        </row>
        <row r="61">
          <cell r="A61" t="str">
            <v>BELCD12003</v>
          </cell>
          <cell r="B61" t="str">
            <v>BEL</v>
          </cell>
          <cell r="C61" t="str">
            <v>Belgium</v>
          </cell>
          <cell r="D61" t="str">
            <v>Item 18</v>
          </cell>
          <cell r="E61" t="str">
            <v>CD1</v>
          </cell>
          <cell r="F61" t="str">
            <v>Definition of collective dismissal</v>
          </cell>
          <cell r="G61">
            <v>2003</v>
          </cell>
          <cell r="I61" t="str">
            <v>Sur une période de 60 jours, &gt;10 salariés dans les entreprises de 20 à 99 salariés ; &gt;10% des salariés dans les entreprises de 100 à 300 salariés; &gt;30 dans les entreprises de plus de 300 salariés.</v>
          </cell>
          <cell r="J61">
            <v>3</v>
          </cell>
          <cell r="M61">
            <v>4.5</v>
          </cell>
        </row>
        <row r="62">
          <cell r="A62" t="str">
            <v>BELCD22003</v>
          </cell>
          <cell r="B62" t="str">
            <v>BEL</v>
          </cell>
          <cell r="C62" t="str">
            <v>Belgium</v>
          </cell>
          <cell r="D62" t="str">
            <v>Item 19</v>
          </cell>
          <cell r="E62" t="str">
            <v>CD2</v>
          </cell>
          <cell r="F62" t="str">
            <v>Additional notification requirements in case of collective dismissals</v>
          </cell>
          <cell r="G62">
            <v>2003</v>
          </cell>
          <cell r="I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J62">
            <v>2</v>
          </cell>
          <cell r="M62">
            <v>6</v>
          </cell>
        </row>
        <row r="63">
          <cell r="A63" t="str">
            <v>BELCD32003</v>
          </cell>
          <cell r="B63" t="str">
            <v>BEL</v>
          </cell>
          <cell r="C63" t="str">
            <v>Belgium</v>
          </cell>
          <cell r="D63" t="str">
            <v>Item 20</v>
          </cell>
          <cell r="E63" t="str">
            <v>CD3</v>
          </cell>
          <cell r="F63" t="str">
            <v>Additional delays involved in case of collective dismissals</v>
          </cell>
          <cell r="G63">
            <v>2003</v>
          </cell>
          <cell r="I63" t="str">
            <v>Délai de 30 jours avant la notification des licenciements qui court à partir de l’envoi du projet de licenciement au service subrégional de emploi. Ce délai peut être réduit ou prolongé à 60 jours maximum. par le directeur du service subrégional.</v>
          </cell>
          <cell r="J63">
            <v>38</v>
          </cell>
          <cell r="M63">
            <v>3</v>
          </cell>
        </row>
        <row r="64">
          <cell r="A64" t="str">
            <v>BELCD42003</v>
          </cell>
          <cell r="B64" t="str">
            <v>BEL</v>
          </cell>
          <cell r="C64" t="str">
            <v>Belgium</v>
          </cell>
          <cell r="D64" t="str">
            <v>Item 21</v>
          </cell>
          <cell r="E64" t="str">
            <v>CD4</v>
          </cell>
          <cell r="F64" t="str">
            <v>Other special costs to employers in case of collective dismissals</v>
          </cell>
          <cell r="G64">
            <v>2003</v>
          </cell>
          <cell r="I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J64">
            <v>1</v>
          </cell>
          <cell r="M64">
            <v>3</v>
          </cell>
        </row>
        <row r="65">
          <cell r="A65" t="str">
            <v>CANREG12003</v>
          </cell>
          <cell r="B65" t="str">
            <v>CAN</v>
          </cell>
          <cell r="C65" t="str">
            <v>Canada</v>
          </cell>
          <cell r="D65" t="str">
            <v>Item 1</v>
          </cell>
          <cell r="E65" t="str">
            <v>REG1</v>
          </cell>
          <cell r="F65" t="str">
            <v>Notification procedures</v>
          </cell>
          <cell r="G65">
            <v>2003</v>
          </cell>
          <cell r="I65" t="str">
            <v>Written notification to the employee or, sometimes, to the employee’s representative (union).</v>
          </cell>
          <cell r="J65">
            <v>1</v>
          </cell>
          <cell r="M65">
            <v>2</v>
          </cell>
        </row>
        <row r="66">
          <cell r="A66" t="str">
            <v>CANREG22003</v>
          </cell>
          <cell r="B66" t="str">
            <v>CAN</v>
          </cell>
          <cell r="C66" t="str">
            <v>Canada</v>
          </cell>
          <cell r="D66" t="str">
            <v>Item 2</v>
          </cell>
          <cell r="E66" t="str">
            <v>REG2</v>
          </cell>
          <cell r="F66" t="str">
            <v>Delay before notice can start</v>
          </cell>
          <cell r="G66">
            <v>2003</v>
          </cell>
          <cell r="I66" t="str">
            <v>Written or oral notification.</v>
          </cell>
          <cell r="J66">
            <v>1</v>
          </cell>
          <cell r="M66">
            <v>0</v>
          </cell>
        </row>
        <row r="67">
          <cell r="A67" t="str">
            <v>CANREG32003</v>
          </cell>
          <cell r="B67" t="str">
            <v>CAN</v>
          </cell>
          <cell r="C67" t="str">
            <v>Canada</v>
          </cell>
          <cell r="D67" t="str">
            <v>Item 3</v>
          </cell>
          <cell r="E67" t="str">
            <v>REG3A, REG3B, REG3C</v>
          </cell>
          <cell r="F67" t="str">
            <v>Notice / tenure</v>
          </cell>
          <cell r="G67">
            <v>2003</v>
          </cell>
          <cell r="I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J67">
            <v>0.25</v>
          </cell>
          <cell r="K67">
            <v>0.82299999999999995</v>
          </cell>
          <cell r="L67">
            <v>2</v>
          </cell>
          <cell r="M67">
            <v>1</v>
          </cell>
          <cell r="N67">
            <v>2</v>
          </cell>
          <cell r="O67">
            <v>1</v>
          </cell>
        </row>
        <row r="68">
          <cell r="A68" t="str">
            <v>CANREG42003</v>
          </cell>
          <cell r="B68" t="str">
            <v>CAN</v>
          </cell>
          <cell r="C68" t="str">
            <v>Canada</v>
          </cell>
          <cell r="D68" t="str">
            <v>Item 4</v>
          </cell>
          <cell r="E68" t="str">
            <v>REG4A, REG4B, REG4C</v>
          </cell>
          <cell r="F68" t="str">
            <v>Severance pay / tenure</v>
          </cell>
          <cell r="G68">
            <v>2003</v>
          </cell>
          <cell r="I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J68">
            <v>0</v>
          </cell>
          <cell r="K68">
            <v>0</v>
          </cell>
          <cell r="L68">
            <v>2.1</v>
          </cell>
          <cell r="M68">
            <v>0</v>
          </cell>
          <cell r="N68">
            <v>0</v>
          </cell>
          <cell r="O68">
            <v>1</v>
          </cell>
        </row>
        <row r="69">
          <cell r="A69" t="str">
            <v>CANREG52003</v>
          </cell>
          <cell r="B69" t="str">
            <v>CAN</v>
          </cell>
          <cell r="C69" t="str">
            <v>Canada</v>
          </cell>
          <cell r="D69" t="str">
            <v>Item 5</v>
          </cell>
          <cell r="E69" t="str">
            <v>REG5</v>
          </cell>
          <cell r="F69" t="str">
            <v>Definition of justified or unfair dismissal</v>
          </cell>
          <cell r="G69">
            <v>2003</v>
          </cell>
          <cell r="I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69">
            <v>0</v>
          </cell>
          <cell r="M69">
            <v>0</v>
          </cell>
        </row>
        <row r="70">
          <cell r="A70" t="str">
            <v>CANREG62003</v>
          </cell>
          <cell r="B70" t="str">
            <v>CAN</v>
          </cell>
          <cell r="C70" t="str">
            <v>Canada</v>
          </cell>
          <cell r="D70" t="str">
            <v>Item 6</v>
          </cell>
          <cell r="E70" t="str">
            <v>REG6</v>
          </cell>
          <cell r="F70" t="str">
            <v>Trial period</v>
          </cell>
          <cell r="G70">
            <v>2003</v>
          </cell>
          <cell r="I7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70" t="str">
            <v>..</v>
          </cell>
          <cell r="M70" t="e">
            <v>#N/A</v>
          </cell>
        </row>
        <row r="71">
          <cell r="A71" t="str">
            <v>CANREG72003</v>
          </cell>
          <cell r="B71" t="str">
            <v>CAN</v>
          </cell>
          <cell r="C71" t="str">
            <v>Canada</v>
          </cell>
          <cell r="D71" t="str">
            <v>Item 7</v>
          </cell>
          <cell r="E71" t="str">
            <v>REG7</v>
          </cell>
          <cell r="F71" t="str">
            <v xml:space="preserve">Compensation following unfair dismissal </v>
          </cell>
          <cell r="G71">
            <v>2003</v>
          </cell>
          <cell r="I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J71" t="str">
            <v>..</v>
          </cell>
          <cell r="M71" t="e">
            <v>#N/A</v>
          </cell>
        </row>
        <row r="72">
          <cell r="A72" t="str">
            <v>CANREG82003</v>
          </cell>
          <cell r="B72" t="str">
            <v>CAN</v>
          </cell>
          <cell r="C72" t="str">
            <v>Canada</v>
          </cell>
          <cell r="D72" t="str">
            <v>Item 8</v>
          </cell>
          <cell r="E72" t="str">
            <v>REG8</v>
          </cell>
          <cell r="F72" t="str">
            <v>Possibility of reinstatement following unfair dismissal</v>
          </cell>
          <cell r="G72">
            <v>2003</v>
          </cell>
          <cell r="I72" t="str">
            <v>Depending on the circumstances of a case, an employer may be ordered to reinstate an employee.</v>
          </cell>
          <cell r="J72">
            <v>1</v>
          </cell>
          <cell r="M72">
            <v>2</v>
          </cell>
        </row>
        <row r="73">
          <cell r="A73" t="str">
            <v>CANREG92003</v>
          </cell>
          <cell r="B73" t="str">
            <v>CAN</v>
          </cell>
          <cell r="C73" t="str">
            <v>Canada</v>
          </cell>
          <cell r="D73" t="str">
            <v>Item 9</v>
          </cell>
          <cell r="E73" t="str">
            <v>REG9</v>
          </cell>
          <cell r="F73" t="str">
            <v>Maximum time for claim</v>
          </cell>
          <cell r="G73">
            <v>2003</v>
          </cell>
        </row>
        <row r="74">
          <cell r="A74" t="str">
            <v>CANFTC12003</v>
          </cell>
          <cell r="B74" t="str">
            <v>CAN</v>
          </cell>
          <cell r="C74" t="str">
            <v>Canada</v>
          </cell>
          <cell r="D74" t="str">
            <v>Item 10</v>
          </cell>
          <cell r="E74" t="str">
            <v>FTC1</v>
          </cell>
          <cell r="F74" t="str">
            <v>Valid cases for use of fixed-term contracts, other than  “objective”  or “material” situation</v>
          </cell>
          <cell r="G74">
            <v>2003</v>
          </cell>
          <cell r="I74" t="str">
            <v>No restrictions</v>
          </cell>
          <cell r="J74">
            <v>3</v>
          </cell>
          <cell r="M74">
            <v>0</v>
          </cell>
        </row>
        <row r="75">
          <cell r="A75" t="str">
            <v>CANFTC22003</v>
          </cell>
          <cell r="B75" t="str">
            <v>CAN</v>
          </cell>
          <cell r="C75" t="str">
            <v>Canada</v>
          </cell>
          <cell r="D75" t="str">
            <v>Item 11</v>
          </cell>
          <cell r="E75" t="str">
            <v>FTC2</v>
          </cell>
          <cell r="F75" t="str">
            <v>Maximum number of successive fixed-term contracts</v>
          </cell>
          <cell r="G75">
            <v>2003</v>
          </cell>
          <cell r="I75" t="str">
            <v>No limit</v>
          </cell>
          <cell r="J75">
            <v>100</v>
          </cell>
          <cell r="M75">
            <v>0</v>
          </cell>
        </row>
        <row r="76">
          <cell r="A76" t="str">
            <v>CANFTC32003</v>
          </cell>
          <cell r="B76" t="str">
            <v>CAN</v>
          </cell>
          <cell r="C76" t="str">
            <v>Canada</v>
          </cell>
          <cell r="D76" t="str">
            <v>Item 12</v>
          </cell>
          <cell r="E76" t="str">
            <v>FTC3</v>
          </cell>
          <cell r="F76" t="str">
            <v>Maximum cumulated duration of successive fixed-term contracts</v>
          </cell>
          <cell r="G76">
            <v>2003</v>
          </cell>
          <cell r="I76" t="str">
            <v>No limit</v>
          </cell>
          <cell r="J76">
            <v>200</v>
          </cell>
          <cell r="M76">
            <v>0</v>
          </cell>
        </row>
        <row r="77">
          <cell r="A77" t="str">
            <v>CANTWA12003</v>
          </cell>
          <cell r="B77" t="str">
            <v>CAN</v>
          </cell>
          <cell r="C77" t="str">
            <v>Canada</v>
          </cell>
          <cell r="D77" t="str">
            <v>Item 13</v>
          </cell>
          <cell r="E77" t="str">
            <v>TWA1</v>
          </cell>
          <cell r="F77" t="str">
            <v>Types of work for which TWA employment is legal</v>
          </cell>
          <cell r="G77">
            <v>2003</v>
          </cell>
          <cell r="I77" t="str">
            <v>General</v>
          </cell>
          <cell r="J77">
            <v>4</v>
          </cell>
          <cell r="M77">
            <v>0</v>
          </cell>
        </row>
        <row r="78">
          <cell r="A78" t="str">
            <v>CANTWA22003</v>
          </cell>
          <cell r="B78" t="str">
            <v>CAN</v>
          </cell>
          <cell r="C78" t="str">
            <v>Canada</v>
          </cell>
          <cell r="D78" t="str">
            <v>Item 14</v>
          </cell>
          <cell r="E78" t="str">
            <v>TWA2A, TWA2B</v>
          </cell>
          <cell r="F78" t="str">
            <v>Are there any restrictions on the number of renewals of a TWA contract?</v>
          </cell>
          <cell r="G78">
            <v>2003</v>
          </cell>
          <cell r="I78" t="str">
            <v>No</v>
          </cell>
          <cell r="J78" t="str">
            <v>No</v>
          </cell>
          <cell r="K78" t="str">
            <v>No</v>
          </cell>
          <cell r="M78">
            <v>2</v>
          </cell>
          <cell r="N78">
            <v>2</v>
          </cell>
        </row>
        <row r="79">
          <cell r="A79" t="str">
            <v>CANTWA32003</v>
          </cell>
          <cell r="B79" t="str">
            <v>CAN</v>
          </cell>
          <cell r="C79" t="str">
            <v>Canada</v>
          </cell>
          <cell r="D79" t="str">
            <v>Item 15</v>
          </cell>
          <cell r="E79" t="str">
            <v>TWA3A, TWA3B</v>
          </cell>
          <cell r="F79" t="str">
            <v>Maximum cumulated duration of temporary work contracts</v>
          </cell>
          <cell r="G79">
            <v>2003</v>
          </cell>
          <cell r="I79" t="str">
            <v>No limit</v>
          </cell>
          <cell r="J79">
            <v>100</v>
          </cell>
          <cell r="K79">
            <v>100</v>
          </cell>
          <cell r="M79">
            <v>0</v>
          </cell>
          <cell r="N79">
            <v>0</v>
          </cell>
        </row>
        <row r="80">
          <cell r="A80" t="str">
            <v>CANTWA42003</v>
          </cell>
          <cell r="B80" t="str">
            <v>CAN</v>
          </cell>
          <cell r="C80" t="str">
            <v>Canada</v>
          </cell>
          <cell r="D80" t="str">
            <v>Item 16</v>
          </cell>
          <cell r="E80" t="str">
            <v>TWA4</v>
          </cell>
          <cell r="F80" t="str">
            <v>Authorisation and reporting obligations</v>
          </cell>
          <cell r="G80">
            <v>2003</v>
          </cell>
        </row>
        <row r="81">
          <cell r="A81" t="str">
            <v>CANTWA52003</v>
          </cell>
          <cell r="B81" t="str">
            <v>CAN</v>
          </cell>
          <cell r="C81" t="str">
            <v>Canada</v>
          </cell>
          <cell r="D81" t="str">
            <v>Item 17</v>
          </cell>
          <cell r="E81" t="str">
            <v>TWA5</v>
          </cell>
          <cell r="F81" t="str">
            <v>Equal treatment for TWA workers</v>
          </cell>
          <cell r="G81">
            <v>2003</v>
          </cell>
        </row>
        <row r="82">
          <cell r="A82" t="str">
            <v>CANCD12003</v>
          </cell>
          <cell r="B82" t="str">
            <v>CAN</v>
          </cell>
          <cell r="C82" t="str">
            <v>Canada</v>
          </cell>
          <cell r="D82" t="str">
            <v>Item 18</v>
          </cell>
          <cell r="E82" t="str">
            <v>CD1</v>
          </cell>
          <cell r="F82" t="str">
            <v>Definition of collective dismissal</v>
          </cell>
          <cell r="G82">
            <v>2003</v>
          </cell>
          <cell r="I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J82">
            <v>1</v>
          </cell>
          <cell r="M82">
            <v>1.5</v>
          </cell>
        </row>
        <row r="83">
          <cell r="A83" t="str">
            <v>CANCD22003</v>
          </cell>
          <cell r="B83" t="str">
            <v>CAN</v>
          </cell>
          <cell r="C83" t="str">
            <v>Canada</v>
          </cell>
          <cell r="D83" t="str">
            <v>Item 19</v>
          </cell>
          <cell r="E83" t="str">
            <v>CD2</v>
          </cell>
          <cell r="F83" t="str">
            <v>Additional notification requirements in case of collective dismissals</v>
          </cell>
          <cell r="G83">
            <v>2003</v>
          </cell>
          <cell r="I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83">
            <v>2</v>
          </cell>
          <cell r="M83">
            <v>6</v>
          </cell>
        </row>
        <row r="84">
          <cell r="A84" t="str">
            <v>CANCD32003</v>
          </cell>
          <cell r="B84" t="str">
            <v>CAN</v>
          </cell>
          <cell r="C84" t="str">
            <v>Canada</v>
          </cell>
          <cell r="D84" t="str">
            <v>Item 20</v>
          </cell>
          <cell r="E84" t="str">
            <v>CD3</v>
          </cell>
          <cell r="F84" t="str">
            <v>Additional delays involved in case of collective dismissals</v>
          </cell>
          <cell r="G84">
            <v>2003</v>
          </cell>
          <cell r="I84" t="str">
            <v>See above (average 10 weeks -1)</v>
          </cell>
          <cell r="J84">
            <v>33.04</v>
          </cell>
          <cell r="M84">
            <v>3</v>
          </cell>
        </row>
        <row r="85">
          <cell r="A85" t="str">
            <v>CANCD42003</v>
          </cell>
          <cell r="B85" t="str">
            <v>CAN</v>
          </cell>
          <cell r="C85" t="str">
            <v>Canada</v>
          </cell>
          <cell r="D85" t="str">
            <v>Item 21</v>
          </cell>
          <cell r="E85" t="str">
            <v>CD4</v>
          </cell>
          <cell r="F85" t="str">
            <v>Other special costs to employers in case of collective dismissals</v>
          </cell>
          <cell r="G85">
            <v>2003</v>
          </cell>
          <cell r="I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J85">
            <v>0</v>
          </cell>
          <cell r="M85">
            <v>0</v>
          </cell>
        </row>
        <row r="86">
          <cell r="A86" t="str">
            <v>CZEREG12003</v>
          </cell>
          <cell r="B86" t="str">
            <v>CZE</v>
          </cell>
          <cell r="C86" t="str">
            <v>Czech Republic</v>
          </cell>
          <cell r="D86" t="str">
            <v>Item 1</v>
          </cell>
          <cell r="E86" t="str">
            <v>REG1</v>
          </cell>
          <cell r="F86" t="str">
            <v>Notification procedures</v>
          </cell>
          <cell r="G86">
            <v>2003</v>
          </cell>
          <cell r="I86" t="str">
            <v>Personal reasons: Notification of employee and trade union body, after previous warning.
Redundancy: Notification of employee, trade union and public employment office.</v>
          </cell>
          <cell r="J86">
            <v>2</v>
          </cell>
          <cell r="M86">
            <v>4</v>
          </cell>
        </row>
        <row r="87">
          <cell r="A87" t="str">
            <v>CZEREG22003</v>
          </cell>
          <cell r="B87" t="str">
            <v>CZE</v>
          </cell>
          <cell r="C87" t="str">
            <v>Czech Republic</v>
          </cell>
          <cell r="D87" t="str">
            <v>Item 2</v>
          </cell>
          <cell r="E87" t="str">
            <v>REG2</v>
          </cell>
          <cell r="F87" t="str">
            <v>Delay before notice can start</v>
          </cell>
          <cell r="G87">
            <v>2003</v>
          </cell>
          <cell r="I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J87">
            <v>22</v>
          </cell>
          <cell r="M87">
            <v>3</v>
          </cell>
        </row>
        <row r="88">
          <cell r="A88" t="str">
            <v>CZEREG32003</v>
          </cell>
          <cell r="B88" t="str">
            <v>CZE</v>
          </cell>
          <cell r="C88" t="str">
            <v>Czech Republic</v>
          </cell>
          <cell r="D88" t="str">
            <v>Item 3</v>
          </cell>
          <cell r="E88" t="str">
            <v>REG3A, REG3B, REG3C</v>
          </cell>
          <cell r="F88" t="str">
            <v>Notice / tenure</v>
          </cell>
          <cell r="G88">
            <v>2003</v>
          </cell>
          <cell r="I88" t="str">
            <v>All workers: 2 months.
Redundancy cases: 3 months.</v>
          </cell>
          <cell r="J88">
            <v>2.5</v>
          </cell>
          <cell r="K88">
            <v>2.5</v>
          </cell>
          <cell r="L88">
            <v>2.5</v>
          </cell>
          <cell r="M88">
            <v>6</v>
          </cell>
          <cell r="N88">
            <v>5</v>
          </cell>
          <cell r="O88">
            <v>1</v>
          </cell>
        </row>
        <row r="89">
          <cell r="A89" t="str">
            <v>CZEREG42003</v>
          </cell>
          <cell r="B89" t="str">
            <v>CZE</v>
          </cell>
          <cell r="C89" t="str">
            <v>Czech Republic</v>
          </cell>
          <cell r="D89" t="str">
            <v>Item 4</v>
          </cell>
          <cell r="E89" t="str">
            <v>REG4A, REG4B, REG4C</v>
          </cell>
          <cell r="F89" t="str">
            <v>Severance pay / tenure</v>
          </cell>
          <cell r="G89">
            <v>2003</v>
          </cell>
          <cell r="I89" t="str">
            <v>All workers: None. Redundancy case: 2 months.</v>
          </cell>
          <cell r="J89">
            <v>1</v>
          </cell>
          <cell r="K89">
            <v>1</v>
          </cell>
          <cell r="L89">
            <v>1</v>
          </cell>
          <cell r="M89">
            <v>2</v>
          </cell>
          <cell r="N89">
            <v>2</v>
          </cell>
          <cell r="O89">
            <v>1</v>
          </cell>
        </row>
        <row r="90">
          <cell r="A90" t="str">
            <v>CZEREG52003</v>
          </cell>
          <cell r="B90" t="str">
            <v>CZE</v>
          </cell>
          <cell r="C90" t="str">
            <v>Czech Republic</v>
          </cell>
          <cell r="D90" t="str">
            <v>Item 5</v>
          </cell>
          <cell r="E90" t="str">
            <v>REG5</v>
          </cell>
          <cell r="F90" t="str">
            <v>Definition of justified or unfair dismissal</v>
          </cell>
          <cell r="G90">
            <v>2003</v>
          </cell>
          <cell r="I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J90">
            <v>2</v>
          </cell>
          <cell r="M90">
            <v>4</v>
          </cell>
        </row>
        <row r="91">
          <cell r="A91" t="str">
            <v>CZEREG62003</v>
          </cell>
          <cell r="B91" t="str">
            <v>CZE</v>
          </cell>
          <cell r="C91" t="str">
            <v>Czech Republic</v>
          </cell>
          <cell r="D91" t="str">
            <v>Item 6</v>
          </cell>
          <cell r="E91" t="str">
            <v>REG6</v>
          </cell>
          <cell r="F91" t="str">
            <v>Trial period</v>
          </cell>
          <cell r="G91">
            <v>2003</v>
          </cell>
          <cell r="I91" t="str">
            <v>3 months (all workers)</v>
          </cell>
          <cell r="J91">
            <v>3</v>
          </cell>
          <cell r="M91">
            <v>4</v>
          </cell>
        </row>
        <row r="92">
          <cell r="A92" t="str">
            <v>CZEREG72003</v>
          </cell>
          <cell r="B92" t="str">
            <v>CZE</v>
          </cell>
          <cell r="C92" t="str">
            <v>Czech Republic</v>
          </cell>
          <cell r="D92" t="str">
            <v>Item 7</v>
          </cell>
          <cell r="E92" t="str">
            <v>REG7</v>
          </cell>
          <cell r="F92" t="str">
            <v xml:space="preserve">Compensation following unfair dismissal </v>
          </cell>
          <cell r="G92">
            <v>2003</v>
          </cell>
          <cell r="I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J92">
            <v>8</v>
          </cell>
          <cell r="M92">
            <v>1</v>
          </cell>
        </row>
        <row r="93">
          <cell r="A93" t="str">
            <v>CZEREG82003</v>
          </cell>
          <cell r="B93" t="str">
            <v>CZE</v>
          </cell>
          <cell r="C93" t="str">
            <v>Czech Republic</v>
          </cell>
          <cell r="D93" t="str">
            <v>Item 8</v>
          </cell>
          <cell r="E93" t="str">
            <v>REG8</v>
          </cell>
          <cell r="F93" t="str">
            <v>Possibility of reinstatement following unfair dismissal</v>
          </cell>
          <cell r="G93">
            <v>2003</v>
          </cell>
          <cell r="I93" t="str">
            <v>The option of  reinstatement is always made available to the employee (reinstatement is made available to the employee).</v>
          </cell>
          <cell r="J93">
            <v>3</v>
          </cell>
          <cell r="M93">
            <v>6</v>
          </cell>
        </row>
        <row r="94">
          <cell r="A94" t="str">
            <v>CZEREG92003</v>
          </cell>
          <cell r="B94" t="str">
            <v>CZE</v>
          </cell>
          <cell r="C94" t="str">
            <v>Czech Republic</v>
          </cell>
          <cell r="D94" t="str">
            <v>Item 9</v>
          </cell>
          <cell r="E94" t="str">
            <v>REG9</v>
          </cell>
          <cell r="F94" t="str">
            <v>Maximum time for claim</v>
          </cell>
          <cell r="G94">
            <v>2003</v>
          </cell>
        </row>
        <row r="95">
          <cell r="A95" t="str">
            <v>CZEFTC12003</v>
          </cell>
          <cell r="B95" t="str">
            <v>CZE</v>
          </cell>
          <cell r="C95" t="str">
            <v>Czech Republic</v>
          </cell>
          <cell r="D95" t="str">
            <v>Item 10</v>
          </cell>
          <cell r="E95" t="str">
            <v>FTC1</v>
          </cell>
          <cell r="F95" t="str">
            <v>Valid cases for use of fixed-term contracts, other than  “objective”  or “material” situation</v>
          </cell>
          <cell r="G95">
            <v>2003</v>
          </cell>
          <cell r="I95" t="str">
            <v>Generally permitted, with restrictions for certain categories of employees, such as the disabled, those under 18 and recent graduates of apprenticeship and higher education.</v>
          </cell>
          <cell r="J95">
            <v>2.5</v>
          </cell>
          <cell r="M95">
            <v>1</v>
          </cell>
        </row>
        <row r="96">
          <cell r="A96" t="str">
            <v>CZEFTC22003</v>
          </cell>
          <cell r="B96" t="str">
            <v>CZE</v>
          </cell>
          <cell r="C96" t="str">
            <v>Czech Republic</v>
          </cell>
          <cell r="D96" t="str">
            <v>Item 11</v>
          </cell>
          <cell r="E96" t="str">
            <v>FTC2</v>
          </cell>
          <cell r="F96" t="str">
            <v>Maximum number of successive fixed-term contracts</v>
          </cell>
          <cell r="G96">
            <v>2003</v>
          </cell>
          <cell r="I96" t="str">
            <v>No legal limit</v>
          </cell>
          <cell r="J96">
            <v>100</v>
          </cell>
          <cell r="M96">
            <v>0</v>
          </cell>
        </row>
        <row r="97">
          <cell r="A97" t="str">
            <v>CZEFTC32003</v>
          </cell>
          <cell r="B97" t="str">
            <v>CZE</v>
          </cell>
          <cell r="C97" t="str">
            <v>Czech Republic</v>
          </cell>
          <cell r="D97" t="str">
            <v>Item 12</v>
          </cell>
          <cell r="E97" t="str">
            <v>FTC3</v>
          </cell>
          <cell r="F97" t="str">
            <v>Maximum cumulated duration of successive fixed-term contracts</v>
          </cell>
          <cell r="G97">
            <v>2003</v>
          </cell>
          <cell r="I97" t="str">
            <v>No limit specified</v>
          </cell>
          <cell r="J97">
            <v>200</v>
          </cell>
          <cell r="M97">
            <v>0</v>
          </cell>
        </row>
        <row r="98">
          <cell r="A98" t="str">
            <v>CZETWA12003</v>
          </cell>
          <cell r="B98" t="str">
            <v>CZE</v>
          </cell>
          <cell r="C98" t="str">
            <v>Czech Republic</v>
          </cell>
          <cell r="D98" t="str">
            <v>Item 13</v>
          </cell>
          <cell r="E98" t="str">
            <v>TWA1</v>
          </cell>
          <cell r="F98" t="str">
            <v>Types of work for which TWA employment is legal</v>
          </cell>
          <cell r="G98">
            <v>2003</v>
          </cell>
          <cell r="I98" t="str">
            <v xml:space="preserve">General </v>
          </cell>
          <cell r="J98">
            <v>4</v>
          </cell>
          <cell r="M98">
            <v>0</v>
          </cell>
        </row>
        <row r="99">
          <cell r="A99" t="str">
            <v>CZETWA22003</v>
          </cell>
          <cell r="B99" t="str">
            <v>CZE</v>
          </cell>
          <cell r="C99" t="str">
            <v>Czech Republic</v>
          </cell>
          <cell r="D99" t="str">
            <v>Item 14</v>
          </cell>
          <cell r="E99" t="str">
            <v>TWA2A, TWA2B</v>
          </cell>
          <cell r="F99" t="str">
            <v>Are there any restrictions on the number of renewals of a TWA contract?</v>
          </cell>
          <cell r="G99">
            <v>2003</v>
          </cell>
          <cell r="I99" t="str">
            <v>No</v>
          </cell>
          <cell r="J99" t="str">
            <v>No</v>
          </cell>
          <cell r="K99" t="str">
            <v>No</v>
          </cell>
          <cell r="M99">
            <v>2</v>
          </cell>
          <cell r="N99">
            <v>2</v>
          </cell>
        </row>
        <row r="100">
          <cell r="A100" t="str">
            <v>CZETWA32003</v>
          </cell>
          <cell r="B100" t="str">
            <v>CZE</v>
          </cell>
          <cell r="C100" t="str">
            <v>Czech Republic</v>
          </cell>
          <cell r="D100" t="str">
            <v>Item 15</v>
          </cell>
          <cell r="E100" t="str">
            <v>TWA3A, TWA3B</v>
          </cell>
          <cell r="F100" t="str">
            <v>Maximum cumulated duration of temporary work contracts</v>
          </cell>
          <cell r="G100">
            <v>2003</v>
          </cell>
          <cell r="I100" t="str">
            <v> Not governed by the law at present.</v>
          </cell>
          <cell r="J100">
            <v>100</v>
          </cell>
          <cell r="K100">
            <v>100</v>
          </cell>
          <cell r="M100">
            <v>0</v>
          </cell>
          <cell r="N100">
            <v>0</v>
          </cell>
        </row>
        <row r="101">
          <cell r="A101" t="str">
            <v>CZETWA42003</v>
          </cell>
          <cell r="B101" t="str">
            <v>CZE</v>
          </cell>
          <cell r="C101" t="str">
            <v>Czech Republic</v>
          </cell>
          <cell r="D101" t="str">
            <v>Item 16</v>
          </cell>
          <cell r="E101" t="str">
            <v>TWA4</v>
          </cell>
          <cell r="F101" t="str">
            <v>Authorisation and reporting obligations</v>
          </cell>
          <cell r="G101">
            <v>2003</v>
          </cell>
        </row>
        <row r="102">
          <cell r="A102" t="str">
            <v>CZETWA52003</v>
          </cell>
          <cell r="B102" t="str">
            <v>CZE</v>
          </cell>
          <cell r="C102" t="str">
            <v>Czech Republic</v>
          </cell>
          <cell r="D102" t="str">
            <v>Item 17</v>
          </cell>
          <cell r="E102" t="str">
            <v>TWA5</v>
          </cell>
          <cell r="F102" t="str">
            <v>Equal treatment for TWA workers</v>
          </cell>
          <cell r="G102">
            <v>2003</v>
          </cell>
        </row>
        <row r="103">
          <cell r="A103" t="str">
            <v>CZECD12003</v>
          </cell>
          <cell r="B103" t="str">
            <v>CZE</v>
          </cell>
          <cell r="C103" t="str">
            <v>Czech Republic</v>
          </cell>
          <cell r="D103" t="str">
            <v>Item 18</v>
          </cell>
          <cell r="E103" t="str">
            <v>CD1</v>
          </cell>
          <cell r="F103" t="str">
            <v>Definition of collective dismissal</v>
          </cell>
          <cell r="G103">
            <v>2003</v>
          </cell>
          <cell r="I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J103">
            <v>3</v>
          </cell>
          <cell r="M103">
            <v>4.5</v>
          </cell>
        </row>
        <row r="104">
          <cell r="A104" t="str">
            <v>CZECD22003</v>
          </cell>
          <cell r="B104" t="str">
            <v>CZE</v>
          </cell>
          <cell r="C104" t="str">
            <v>Czech Republic</v>
          </cell>
          <cell r="D104" t="str">
            <v>Item 19</v>
          </cell>
          <cell r="E104" t="str">
            <v>CD2</v>
          </cell>
          <cell r="F104" t="str">
            <v>Additional notification requirements in case of collective dismissals</v>
          </cell>
          <cell r="G104">
            <v>2003</v>
          </cell>
          <cell r="I104" t="str">
            <v>Notification of employee representatives: Duty to inform competent trade union body. Notification of public authorities: Notification of district labour office.</v>
          </cell>
          <cell r="J104">
            <v>1</v>
          </cell>
          <cell r="M104">
            <v>3</v>
          </cell>
        </row>
        <row r="105">
          <cell r="A105" t="str">
            <v>CZECD32003</v>
          </cell>
          <cell r="B105" t="str">
            <v>CZE</v>
          </cell>
          <cell r="C105" t="str">
            <v>Czech Republic</v>
          </cell>
          <cell r="D105" t="str">
            <v>Item 20</v>
          </cell>
          <cell r="E105" t="str">
            <v>CD3</v>
          </cell>
          <cell r="F105" t="str">
            <v>Additional delays involved in case of collective dismissals</v>
          </cell>
          <cell r="G105">
            <v>2003</v>
          </cell>
          <cell r="I105" t="str">
            <v>Information to trade union and PES office 30 days before implementation. (30 days -22days in case of individual red.)</v>
          </cell>
          <cell r="J105">
            <v>8</v>
          </cell>
          <cell r="M105">
            <v>1</v>
          </cell>
        </row>
        <row r="106">
          <cell r="A106" t="str">
            <v>CZECD42003</v>
          </cell>
          <cell r="B106" t="str">
            <v>CZE</v>
          </cell>
          <cell r="C106" t="str">
            <v>Czech Republic</v>
          </cell>
          <cell r="D106" t="str">
            <v>Item 21</v>
          </cell>
          <cell r="E106" t="str">
            <v>CD4</v>
          </cell>
          <cell r="F106" t="str">
            <v>Other special costs to employers in case of collective dismissals</v>
          </cell>
          <cell r="G106">
            <v>2003</v>
          </cell>
          <cell r="I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J106">
            <v>0</v>
          </cell>
          <cell r="M106">
            <v>0</v>
          </cell>
        </row>
        <row r="107">
          <cell r="A107" t="str">
            <v>DNKREG12003</v>
          </cell>
          <cell r="B107" t="str">
            <v>DNK</v>
          </cell>
          <cell r="C107" t="str">
            <v>Denmark</v>
          </cell>
          <cell r="D107" t="str">
            <v>Item 1</v>
          </cell>
          <cell r="E107" t="str">
            <v>REG1</v>
          </cell>
          <cell r="F107" t="str">
            <v>Notification procedures</v>
          </cell>
          <cell r="G107">
            <v>2003</v>
          </cell>
          <cell r="I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J107">
            <v>1</v>
          </cell>
          <cell r="M107">
            <v>2</v>
          </cell>
        </row>
        <row r="108">
          <cell r="A108" t="str">
            <v>DNKREG22003</v>
          </cell>
          <cell r="B108" t="str">
            <v>DNK</v>
          </cell>
          <cell r="C108" t="str">
            <v>Denmark</v>
          </cell>
          <cell r="D108" t="str">
            <v>Item 2</v>
          </cell>
          <cell r="E108" t="str">
            <v>REG2</v>
          </cell>
          <cell r="F108" t="str">
            <v>Delay before notice can start</v>
          </cell>
          <cell r="G108">
            <v>2003</v>
          </cell>
          <cell r="I108" t="str">
            <v>For white collar workers, letter sent by mail or handed out directly.</v>
          </cell>
          <cell r="J108">
            <v>8.5</v>
          </cell>
          <cell r="M108">
            <v>1</v>
          </cell>
        </row>
        <row r="109">
          <cell r="A109" t="str">
            <v>DNKREG32003</v>
          </cell>
          <cell r="B109" t="str">
            <v>DNK</v>
          </cell>
          <cell r="C109" t="str">
            <v>Denmark</v>
          </cell>
          <cell r="D109" t="str">
            <v>Item 3</v>
          </cell>
          <cell r="E109" t="str">
            <v>REG3A, REG3B, REG3C</v>
          </cell>
          <cell r="F109" t="str">
            <v>Notice / tenure</v>
          </cell>
          <cell r="G109">
            <v>2003</v>
          </cell>
          <cell r="I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J109">
            <v>1.8</v>
          </cell>
          <cell r="K109">
            <v>3</v>
          </cell>
          <cell r="L109">
            <v>4.25</v>
          </cell>
          <cell r="M109">
            <v>5</v>
          </cell>
          <cell r="N109">
            <v>5</v>
          </cell>
          <cell r="O109">
            <v>2</v>
          </cell>
        </row>
        <row r="110">
          <cell r="A110" t="str">
            <v>DNKREG42003</v>
          </cell>
          <cell r="B110" t="str">
            <v>DNK</v>
          </cell>
          <cell r="C110" t="str">
            <v>Denmark</v>
          </cell>
          <cell r="D110" t="str">
            <v>Item 4</v>
          </cell>
          <cell r="E110" t="str">
            <v>REG4A, REG4B, REG4C</v>
          </cell>
          <cell r="F110" t="str">
            <v>Severance pay / tenure</v>
          </cell>
          <cell r="G110">
            <v>2003</v>
          </cell>
          <cell r="I110" t="str">
            <v>Blue collar: None (based on collective agreements). White collar: 1m&gt;12y, 2m&gt;15y, 3m&gt;18y.
White collar: 9 months tenure: 0, 4 years tenure: 0, 20 years tenure: 3 months.</v>
          </cell>
          <cell r="J110">
            <v>0</v>
          </cell>
          <cell r="K110">
            <v>0</v>
          </cell>
          <cell r="L110">
            <v>1.5</v>
          </cell>
          <cell r="M110">
            <v>0</v>
          </cell>
          <cell r="N110">
            <v>0</v>
          </cell>
          <cell r="O110">
            <v>1</v>
          </cell>
        </row>
        <row r="111">
          <cell r="A111" t="str">
            <v>DNKREG52003</v>
          </cell>
          <cell r="B111" t="str">
            <v>DNK</v>
          </cell>
          <cell r="C111" t="str">
            <v>Denmark</v>
          </cell>
          <cell r="D111" t="str">
            <v>Item 5</v>
          </cell>
          <cell r="E111" t="str">
            <v>REG5</v>
          </cell>
          <cell r="F111" t="str">
            <v>Definition of justified or unfair dismissal</v>
          </cell>
          <cell r="G111">
            <v>2003</v>
          </cell>
          <cell r="I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J111">
            <v>0</v>
          </cell>
          <cell r="M111">
            <v>0</v>
          </cell>
        </row>
        <row r="112">
          <cell r="A112" t="str">
            <v>DNKREG62003</v>
          </cell>
          <cell r="B112" t="str">
            <v>DNK</v>
          </cell>
          <cell r="C112" t="str">
            <v>Denmark</v>
          </cell>
          <cell r="D112" t="str">
            <v>Item 6</v>
          </cell>
          <cell r="E112" t="str">
            <v>REG6</v>
          </cell>
          <cell r="F112" t="str">
            <v>Trial period</v>
          </cell>
          <cell r="G112">
            <v>2003</v>
          </cell>
          <cell r="I112" t="str">
            <v>Blue collar: 9 months (based on collective agreements). White collar: 12 months.</v>
          </cell>
          <cell r="J112">
            <v>10.5</v>
          </cell>
          <cell r="M112">
            <v>2</v>
          </cell>
        </row>
        <row r="113">
          <cell r="A113" t="str">
            <v>DNKREG72003</v>
          </cell>
          <cell r="B113" t="str">
            <v>DNK</v>
          </cell>
          <cell r="C113" t="str">
            <v>Denmark</v>
          </cell>
          <cell r="D113" t="str">
            <v>Item 7</v>
          </cell>
          <cell r="E113" t="str">
            <v>REG7</v>
          </cell>
          <cell r="F113" t="str">
            <v>Compensation following unfair dismissal</v>
          </cell>
          <cell r="G113">
            <v>2003</v>
          </cell>
          <cell r="I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J113">
            <v>9</v>
          </cell>
          <cell r="M113">
            <v>2</v>
          </cell>
        </row>
        <row r="114">
          <cell r="A114" t="str">
            <v>DNKREG82003</v>
          </cell>
          <cell r="B114" t="str">
            <v>DNK</v>
          </cell>
          <cell r="C114" t="str">
            <v>Denmark</v>
          </cell>
          <cell r="D114" t="str">
            <v>Item 8</v>
          </cell>
          <cell r="E114" t="str">
            <v>REG8</v>
          </cell>
          <cell r="F114" t="str">
            <v>Possibility of reinstatement following unfair dismissal</v>
          </cell>
          <cell r="G114">
            <v>2003</v>
          </cell>
          <cell r="I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J114">
            <v>1</v>
          </cell>
          <cell r="M114">
            <v>2</v>
          </cell>
        </row>
        <row r="115">
          <cell r="A115" t="str">
            <v>DNKREG92003</v>
          </cell>
          <cell r="B115" t="str">
            <v>DNK</v>
          </cell>
          <cell r="C115" t="str">
            <v>Denmark</v>
          </cell>
          <cell r="D115" t="str">
            <v>Item 9</v>
          </cell>
          <cell r="E115" t="str">
            <v>REG9</v>
          </cell>
          <cell r="F115" t="str">
            <v>Maximum time for claim</v>
          </cell>
          <cell r="G115">
            <v>2003</v>
          </cell>
          <cell r="I115" t="str">
            <v>-</v>
          </cell>
        </row>
        <row r="116">
          <cell r="A116" t="str">
            <v>DNKFTC12003</v>
          </cell>
          <cell r="B116" t="str">
            <v>DNK</v>
          </cell>
          <cell r="C116" t="str">
            <v>Denmark</v>
          </cell>
          <cell r="D116" t="str">
            <v>Item 10</v>
          </cell>
          <cell r="E116" t="str">
            <v>FTC1</v>
          </cell>
          <cell r="F116" t="str">
            <v>Valid cases for use of fixed-term contracts, other than  “objective”  or “material” situation</v>
          </cell>
          <cell r="G116">
            <v>2003</v>
          </cell>
          <cell r="I116" t="str">
            <v>Fixed-term contracts allowed for specified periods of time and/or for specific tasks. Widely used, particularly in professional services and construction. But renewal of fixed term contracts must be based on objective reasons.</v>
          </cell>
          <cell r="J116">
            <v>2.5</v>
          </cell>
          <cell r="M116">
            <v>1</v>
          </cell>
        </row>
        <row r="117">
          <cell r="A117" t="str">
            <v>DNKFTC22003</v>
          </cell>
          <cell r="B117" t="str">
            <v>DNK</v>
          </cell>
          <cell r="C117" t="str">
            <v>Denmark</v>
          </cell>
          <cell r="D117" t="str">
            <v>Item 11</v>
          </cell>
          <cell r="E117" t="str">
            <v>FTC2</v>
          </cell>
          <cell r="F117" t="str">
            <v>Maximum number of successive fixed-term contracts</v>
          </cell>
          <cell r="G117">
            <v>2003</v>
          </cell>
          <cell r="I117" t="str">
            <v xml:space="preserve">Estimated 1.5 Generally, there is no legal limit for the maximum number of successive fixed-term contracts, but renewal of fixed-term contracts must be based on objective reasons. </v>
          </cell>
          <cell r="J117">
            <v>1.5</v>
          </cell>
          <cell r="M117">
            <v>5</v>
          </cell>
        </row>
        <row r="118">
          <cell r="A118" t="str">
            <v>DNKFTC32003</v>
          </cell>
          <cell r="B118" t="str">
            <v>DNK</v>
          </cell>
          <cell r="C118" t="str">
            <v>Denmark</v>
          </cell>
          <cell r="D118" t="str">
            <v>Item 12</v>
          </cell>
          <cell r="E118" t="str">
            <v>FTC3</v>
          </cell>
          <cell r="F118" t="str">
            <v>Maximum cumulated duration of successive fixed-term contracts</v>
          </cell>
          <cell r="G118">
            <v>2003</v>
          </cell>
          <cell r="I118" t="str">
            <v xml:space="preserve">No limit specified. The Danish Confederation of Trade Unions states that court rulings suggest that 2-3 years temporary employment entail notification procedures. </v>
          </cell>
          <cell r="J118">
            <v>30</v>
          </cell>
          <cell r="M118">
            <v>2</v>
          </cell>
        </row>
        <row r="119">
          <cell r="A119" t="str">
            <v>DNKTWA12003</v>
          </cell>
          <cell r="B119" t="str">
            <v>DNK</v>
          </cell>
          <cell r="C119" t="str">
            <v>Denmark</v>
          </cell>
          <cell r="D119" t="str">
            <v>Item 13</v>
          </cell>
          <cell r="E119" t="str">
            <v>TWA1</v>
          </cell>
          <cell r="F119" t="str">
            <v>Types of work for which TWA employment is legal</v>
          </cell>
          <cell r="G119">
            <v>2003</v>
          </cell>
          <cell r="I119" t="str">
            <v>General</v>
          </cell>
          <cell r="J119">
            <v>4</v>
          </cell>
          <cell r="M119">
            <v>0</v>
          </cell>
        </row>
        <row r="120">
          <cell r="A120" t="str">
            <v>DNKTWA22003</v>
          </cell>
          <cell r="B120" t="str">
            <v>DNK</v>
          </cell>
          <cell r="C120" t="str">
            <v>Denmark</v>
          </cell>
          <cell r="D120" t="str">
            <v>Item 14</v>
          </cell>
          <cell r="E120" t="str">
            <v>TWA2A, TWA2B</v>
          </cell>
          <cell r="F120" t="str">
            <v>Are there any restrictions on the number of renewals of a TWA contract?</v>
          </cell>
          <cell r="G120">
            <v>2003</v>
          </cell>
          <cell r="I120" t="str">
            <v>No but the Danish Confederation of Trade Unions states that court rulings suggest that 4-5 renewals entail notification procedures. </v>
          </cell>
          <cell r="J120" t="str">
            <v>No</v>
          </cell>
          <cell r="K120" t="str">
            <v>No</v>
          </cell>
          <cell r="M120">
            <v>2</v>
          </cell>
          <cell r="N120">
            <v>2</v>
          </cell>
        </row>
        <row r="121">
          <cell r="A121" t="str">
            <v>DNKTWA32003</v>
          </cell>
          <cell r="B121" t="str">
            <v>DNK</v>
          </cell>
          <cell r="C121" t="str">
            <v>Denmark</v>
          </cell>
          <cell r="D121" t="str">
            <v>Item 15</v>
          </cell>
          <cell r="E121" t="str">
            <v>TWA3A, TWA3B</v>
          </cell>
          <cell r="F121" t="str">
            <v>Maximum cumulated duration of temporary work contracts</v>
          </cell>
          <cell r="G121">
            <v>2003</v>
          </cell>
          <cell r="I121" t="str">
            <v>The Danish Confederation of Trade Unions states that there is no limit, if employment pauses in between.</v>
          </cell>
          <cell r="J121">
            <v>100</v>
          </cell>
          <cell r="K121">
            <v>100</v>
          </cell>
          <cell r="M121">
            <v>0</v>
          </cell>
          <cell r="N121">
            <v>0</v>
          </cell>
        </row>
        <row r="122">
          <cell r="A122" t="str">
            <v>DNKTWA42003</v>
          </cell>
          <cell r="B122" t="str">
            <v>DNK</v>
          </cell>
          <cell r="C122" t="str">
            <v>Denmark</v>
          </cell>
          <cell r="D122" t="str">
            <v>Item 16</v>
          </cell>
          <cell r="E122" t="str">
            <v>TWA4</v>
          </cell>
          <cell r="F122" t="str">
            <v>Authorisation and reporting obligations</v>
          </cell>
          <cell r="G122">
            <v>2003</v>
          </cell>
          <cell r="I122" t="str">
            <v>-</v>
          </cell>
        </row>
        <row r="123">
          <cell r="A123" t="str">
            <v>DNKTWA52003</v>
          </cell>
          <cell r="B123" t="str">
            <v>DNK</v>
          </cell>
          <cell r="C123" t="str">
            <v>Denmark</v>
          </cell>
          <cell r="D123" t="str">
            <v>Item 17</v>
          </cell>
          <cell r="E123" t="str">
            <v>TWA5</v>
          </cell>
          <cell r="F123" t="str">
            <v>Equal treatment for TWA workers</v>
          </cell>
          <cell r="G123">
            <v>2003</v>
          </cell>
          <cell r="I123" t="str">
            <v>-</v>
          </cell>
        </row>
        <row r="124">
          <cell r="A124" t="str">
            <v>DNKCD12003</v>
          </cell>
          <cell r="B124" t="str">
            <v>DNK</v>
          </cell>
          <cell r="C124" t="str">
            <v>Denmark</v>
          </cell>
          <cell r="D124" t="str">
            <v>Item 18</v>
          </cell>
          <cell r="E124" t="str">
            <v>CD1</v>
          </cell>
          <cell r="F124" t="str">
            <v>Definition of collective dismissal</v>
          </cell>
          <cell r="G124">
            <v>2003</v>
          </cell>
          <cell r="I124" t="str">
            <v>Within 30 days, &gt;9 workers in firms 21-99 employees; &gt;9% in firms 100-299; &gt;29 workers in firms 300+ employees.</v>
          </cell>
          <cell r="J124">
            <v>3</v>
          </cell>
          <cell r="M124">
            <v>4.5</v>
          </cell>
        </row>
        <row r="125">
          <cell r="A125" t="str">
            <v>DNKCD22003</v>
          </cell>
          <cell r="B125" t="str">
            <v>DNK</v>
          </cell>
          <cell r="C125" t="str">
            <v>Denmark</v>
          </cell>
          <cell r="D125" t="str">
            <v>Item 19</v>
          </cell>
          <cell r="E125" t="str">
            <v>CD2</v>
          </cell>
          <cell r="F125" t="str">
            <v>Additional notification requirements in case of collective dismissals</v>
          </cell>
          <cell r="G125">
            <v>2003</v>
          </cell>
          <cell r="I125" t="str">
            <v>Notification of employee representatives: Inform and consult with Works Council or trade union delegation. Notification of public authorities: Notification of public employment service.</v>
          </cell>
          <cell r="J125">
            <v>2</v>
          </cell>
          <cell r="M125">
            <v>6</v>
          </cell>
        </row>
        <row r="126">
          <cell r="A126" t="str">
            <v>DNKCD32003</v>
          </cell>
          <cell r="B126" t="str">
            <v>DNK</v>
          </cell>
          <cell r="C126" t="str">
            <v>Denmark</v>
          </cell>
          <cell r="D126" t="str">
            <v>Item 20</v>
          </cell>
          <cell r="E126" t="str">
            <v>CD3</v>
          </cell>
          <cell r="F126" t="str">
            <v>Additional delays involved in case of collective dismissals</v>
          </cell>
          <cell r="G126">
            <v>2003</v>
          </cell>
          <cell r="I126" t="str">
            <v>30 days delay after notice to PES; longer in firms &gt;100 workers that seek to dismiss over half of staff.</v>
          </cell>
          <cell r="J126">
            <v>29</v>
          </cell>
          <cell r="M126">
            <v>2</v>
          </cell>
        </row>
        <row r="127">
          <cell r="A127" t="str">
            <v>DNKCD42003</v>
          </cell>
          <cell r="B127" t="str">
            <v>DNK</v>
          </cell>
          <cell r="C127" t="str">
            <v>Denmark</v>
          </cell>
          <cell r="D127" t="str">
            <v>Item 21</v>
          </cell>
          <cell r="E127" t="str">
            <v>CD4</v>
          </cell>
          <cell r="F127" t="str">
            <v>Other special costs to employers in case of collective dismissals</v>
          </cell>
          <cell r="G127">
            <v>2003</v>
          </cell>
          <cell r="I127" t="str">
            <v>Type of negotiation requiredf: National agreement obliges companies to organise transfer and/or retraining whenever possible. Selection criteria: No criteria laid down by law. Severance pay: No special regulations for collective dismissal.</v>
          </cell>
          <cell r="J127">
            <v>1</v>
          </cell>
          <cell r="M127">
            <v>3</v>
          </cell>
        </row>
        <row r="128">
          <cell r="A128" t="str">
            <v>FINREG12003</v>
          </cell>
          <cell r="B128" t="str">
            <v>FIN</v>
          </cell>
          <cell r="C128" t="str">
            <v>Finland</v>
          </cell>
          <cell r="D128" t="str">
            <v>Item 1</v>
          </cell>
          <cell r="E128" t="str">
            <v>REG1</v>
          </cell>
          <cell r="F128" t="str">
            <v>Notification procedures</v>
          </cell>
          <cell r="G128">
            <v>2003</v>
          </cell>
          <cell r="I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J128">
            <v>1.75</v>
          </cell>
          <cell r="M128">
            <v>3.5</v>
          </cell>
        </row>
        <row r="129">
          <cell r="A129" t="str">
            <v>FINREG22003</v>
          </cell>
          <cell r="B129" t="str">
            <v>FIN</v>
          </cell>
          <cell r="C129" t="str">
            <v>Finland</v>
          </cell>
          <cell r="D129" t="str">
            <v>Item 2</v>
          </cell>
          <cell r="E129" t="str">
            <v>REG2</v>
          </cell>
          <cell r="F129" t="str">
            <v>Delay before notice can start</v>
          </cell>
          <cell r="G129">
            <v>2003</v>
          </cell>
          <cell r="I129" t="str">
            <v>Personal reasons: Advance discussion, then notice orally or in writing.
Lack of work: Invitation to consultation; 5-day delay; consultation for 7 days; then notice in writing.
Calculation: personal reasons, 7 i.e. (6+1); lack of work, 15 i.e. (1+5+7+2); all, 11 i.e. (7+15)/2</v>
          </cell>
          <cell r="J129">
            <v>11</v>
          </cell>
          <cell r="M129">
            <v>2</v>
          </cell>
          <cell r="P129" t="str">
            <v>to check</v>
          </cell>
        </row>
        <row r="130">
          <cell r="A130" t="str">
            <v>FINREG32003</v>
          </cell>
          <cell r="B130" t="str">
            <v>FIN</v>
          </cell>
          <cell r="C130" t="str">
            <v>Finland</v>
          </cell>
          <cell r="D130" t="str">
            <v>Item 3</v>
          </cell>
          <cell r="E130" t="str">
            <v>REG3A, REG3B, REG3C</v>
          </cell>
          <cell r="F130" t="str">
            <v>Notice / tenure</v>
          </cell>
          <cell r="G130">
            <v>2003</v>
          </cell>
          <cell r="I130" t="str">
            <v>All workers: 14d&lt;=1y, 1m&lt;=4y, 2m&lt;=8y, 4m&lt;=12y, 6m&gt;12y.
9 months tenure: 14 days, 4 years tenure: 1 months, 20 years tenure: 6 months.</v>
          </cell>
          <cell r="J130">
            <v>0.5</v>
          </cell>
          <cell r="K130">
            <v>1</v>
          </cell>
          <cell r="L130">
            <v>6</v>
          </cell>
          <cell r="M130">
            <v>2</v>
          </cell>
          <cell r="N130">
            <v>2</v>
          </cell>
          <cell r="O130">
            <v>3</v>
          </cell>
        </row>
        <row r="131">
          <cell r="A131" t="str">
            <v>FINREG42003</v>
          </cell>
          <cell r="B131" t="str">
            <v>FIN</v>
          </cell>
          <cell r="C131" t="str">
            <v>Finland</v>
          </cell>
          <cell r="D131" t="str">
            <v>Item 4</v>
          </cell>
          <cell r="E131" t="str">
            <v>REG4A, REG4B, REG4C</v>
          </cell>
          <cell r="F131" t="str">
            <v>Severance pay / tenure</v>
          </cell>
          <cell r="G131">
            <v>2003</v>
          </cell>
          <cell r="I131" t="str">
            <v>All workers: None.</v>
          </cell>
          <cell r="J131">
            <v>0</v>
          </cell>
          <cell r="K131">
            <v>0</v>
          </cell>
          <cell r="L131">
            <v>0</v>
          </cell>
          <cell r="M131">
            <v>0</v>
          </cell>
          <cell r="N131">
            <v>0</v>
          </cell>
          <cell r="O131">
            <v>0</v>
          </cell>
        </row>
        <row r="132">
          <cell r="A132" t="str">
            <v>FINREG52003</v>
          </cell>
          <cell r="B132" t="str">
            <v>FIN</v>
          </cell>
          <cell r="C132" t="str">
            <v>Finland</v>
          </cell>
          <cell r="D132" t="str">
            <v>Item 5</v>
          </cell>
          <cell r="E132" t="str">
            <v>REG5</v>
          </cell>
          <cell r="F132" t="str">
            <v>Definition of justified or unfair dismissal</v>
          </cell>
          <cell r="G132">
            <v>2003</v>
          </cell>
          <cell r="I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J132">
            <v>2</v>
          </cell>
          <cell r="M132">
            <v>4</v>
          </cell>
        </row>
        <row r="133">
          <cell r="A133" t="str">
            <v>FINREG62003</v>
          </cell>
          <cell r="B133" t="str">
            <v>FIN</v>
          </cell>
          <cell r="C133" t="str">
            <v>Finland</v>
          </cell>
          <cell r="D133" t="str">
            <v>Item 6</v>
          </cell>
          <cell r="E133" t="str">
            <v>REG6</v>
          </cell>
          <cell r="F133" t="str">
            <v>Trial period</v>
          </cell>
          <cell r="G133">
            <v>2003</v>
          </cell>
          <cell r="I133" t="str">
            <v>4 months (all workers)</v>
          </cell>
          <cell r="J133">
            <v>4</v>
          </cell>
          <cell r="M133">
            <v>4</v>
          </cell>
        </row>
        <row r="134">
          <cell r="A134" t="str">
            <v>FINREG72003</v>
          </cell>
          <cell r="B134" t="str">
            <v>FIN</v>
          </cell>
          <cell r="C134" t="str">
            <v>Finland</v>
          </cell>
          <cell r="D134" t="str">
            <v>Item 7</v>
          </cell>
          <cell r="E134" t="str">
            <v>REG7</v>
          </cell>
          <cell r="F134" t="str">
            <v xml:space="preserve">Compensation following unfair dismissal </v>
          </cell>
          <cell r="G134">
            <v>2003</v>
          </cell>
          <cell r="I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134">
            <v>14</v>
          </cell>
          <cell r="M134">
            <v>3</v>
          </cell>
        </row>
        <row r="135">
          <cell r="A135" t="str">
            <v>FINREG82003</v>
          </cell>
          <cell r="B135" t="str">
            <v>FIN</v>
          </cell>
          <cell r="C135" t="str">
            <v>Finland</v>
          </cell>
          <cell r="D135" t="str">
            <v>Item 8</v>
          </cell>
          <cell r="E135" t="str">
            <v>REG8</v>
          </cell>
          <cell r="F135" t="str">
            <v>Possibility of reinstatement following unfair dismissal</v>
          </cell>
          <cell r="G135">
            <v>2003</v>
          </cell>
          <cell r="I135" t="str">
            <v>No reinstatement.</v>
          </cell>
          <cell r="J135">
            <v>0</v>
          </cell>
          <cell r="M135">
            <v>0</v>
          </cell>
        </row>
        <row r="136">
          <cell r="A136" t="str">
            <v>FINREG92003</v>
          </cell>
          <cell r="B136" t="str">
            <v>FIN</v>
          </cell>
          <cell r="C136" t="str">
            <v>Finland</v>
          </cell>
          <cell r="D136" t="str">
            <v>Item 9</v>
          </cell>
          <cell r="E136" t="str">
            <v>REG9</v>
          </cell>
          <cell r="F136" t="str">
            <v>Maximum time for claim</v>
          </cell>
          <cell r="G136">
            <v>2003</v>
          </cell>
          <cell r="I136" t="str">
            <v>-</v>
          </cell>
        </row>
        <row r="137">
          <cell r="A137" t="str">
            <v>FINFTC12003</v>
          </cell>
          <cell r="B137" t="str">
            <v>FIN</v>
          </cell>
          <cell r="C137" t="str">
            <v>Finland</v>
          </cell>
          <cell r="D137" t="str">
            <v>Item 10</v>
          </cell>
          <cell r="E137" t="str">
            <v>FTC1</v>
          </cell>
          <cell r="F137" t="str">
            <v>Valid cases for use of fixed-term contracts, other than  “objective”  or “material” situation</v>
          </cell>
          <cell r="G137">
            <v>2003</v>
          </cell>
          <cell r="I137" t="str">
            <v>Permitted for temporary replacements, traineeship, and special business needs (unstable nature of  service activity, etc.).</v>
          </cell>
          <cell r="J137">
            <v>1</v>
          </cell>
          <cell r="M137">
            <v>4</v>
          </cell>
        </row>
        <row r="138">
          <cell r="A138" t="str">
            <v>FINFTC22003</v>
          </cell>
          <cell r="B138" t="str">
            <v>FIN</v>
          </cell>
          <cell r="C138" t="str">
            <v>Finland</v>
          </cell>
          <cell r="D138" t="str">
            <v>Item 11</v>
          </cell>
          <cell r="E138" t="str">
            <v>FTC2</v>
          </cell>
          <cell r="F138" t="str">
            <v>Maximum number of successive fixed-term contracts</v>
          </cell>
          <cell r="G138">
            <v>2003</v>
          </cell>
          <cell r="I138" t="str">
            <v>Estimated number: 1.5
In case of successive contracts, justification of limitation of contract subject to court examination.</v>
          </cell>
          <cell r="J138">
            <v>1.5</v>
          </cell>
          <cell r="M138">
            <v>5</v>
          </cell>
        </row>
        <row r="139">
          <cell r="A139" t="str">
            <v>FINFTC32003</v>
          </cell>
          <cell r="B139" t="str">
            <v>FIN</v>
          </cell>
          <cell r="C139" t="str">
            <v>Finland</v>
          </cell>
          <cell r="D139" t="str">
            <v>Item 12</v>
          </cell>
          <cell r="E139" t="str">
            <v>FTC3</v>
          </cell>
          <cell r="F139" t="str">
            <v>Maximum cumulated duration of successive fixed-term contracts</v>
          </cell>
          <cell r="G139">
            <v>2003</v>
          </cell>
          <cell r="I139" t="str">
            <v>No limit</v>
          </cell>
          <cell r="J139">
            <v>200</v>
          </cell>
          <cell r="M139">
            <v>0</v>
          </cell>
        </row>
        <row r="140">
          <cell r="A140" t="str">
            <v>FINTWA12003</v>
          </cell>
          <cell r="B140" t="str">
            <v>FIN</v>
          </cell>
          <cell r="C140" t="str">
            <v>Finland</v>
          </cell>
          <cell r="D140" t="str">
            <v>Item 13</v>
          </cell>
          <cell r="E140" t="str">
            <v>TWA1</v>
          </cell>
          <cell r="F140" t="str">
            <v>Types of work for which TWA employment is legal</v>
          </cell>
          <cell r="G140">
            <v>2003</v>
          </cell>
          <cell r="I140" t="str">
            <v>General</v>
          </cell>
          <cell r="J140">
            <v>4</v>
          </cell>
          <cell r="M140">
            <v>0</v>
          </cell>
        </row>
        <row r="141">
          <cell r="A141" t="str">
            <v>FINTWA22003</v>
          </cell>
          <cell r="B141" t="str">
            <v>FIN</v>
          </cell>
          <cell r="C141" t="str">
            <v>Finland</v>
          </cell>
          <cell r="D141" t="str">
            <v>Item 14</v>
          </cell>
          <cell r="E141" t="str">
            <v>TWA2A, TWA2B</v>
          </cell>
          <cell r="F141" t="str">
            <v>Are there any restrictions on the number of renewals of a TWA contract?</v>
          </cell>
          <cell r="G141">
            <v>2003</v>
          </cell>
          <cell r="I141" t="str">
            <v>No</v>
          </cell>
          <cell r="J141" t="str">
            <v>No</v>
          </cell>
          <cell r="K141" t="str">
            <v>No</v>
          </cell>
          <cell r="M141">
            <v>2</v>
          </cell>
          <cell r="N141">
            <v>2</v>
          </cell>
        </row>
        <row r="142">
          <cell r="A142" t="str">
            <v>FINTWA32003</v>
          </cell>
          <cell r="B142" t="str">
            <v>FIN</v>
          </cell>
          <cell r="C142" t="str">
            <v>Finland</v>
          </cell>
          <cell r="D142" t="str">
            <v>Item 15</v>
          </cell>
          <cell r="E142" t="str">
            <v>TWA3A, TWA3B</v>
          </cell>
          <cell r="F142" t="str">
            <v>Maximum cumulated duration of temporary work contracts</v>
          </cell>
          <cell r="G142">
            <v>2003</v>
          </cell>
          <cell r="I142" t="str">
            <v>No limit</v>
          </cell>
          <cell r="J142">
            <v>100</v>
          </cell>
          <cell r="K142">
            <v>100</v>
          </cell>
          <cell r="M142">
            <v>0</v>
          </cell>
          <cell r="N142">
            <v>0</v>
          </cell>
        </row>
        <row r="143">
          <cell r="A143" t="str">
            <v>FINTWA42003</v>
          </cell>
          <cell r="B143" t="str">
            <v>FIN</v>
          </cell>
          <cell r="C143" t="str">
            <v>Finland</v>
          </cell>
          <cell r="D143" t="str">
            <v>Item 16</v>
          </cell>
          <cell r="E143" t="str">
            <v>TWA4</v>
          </cell>
          <cell r="F143" t="str">
            <v>Authorisation and reporting obligations</v>
          </cell>
          <cell r="G143">
            <v>2003</v>
          </cell>
          <cell r="I143" t="str">
            <v>-</v>
          </cell>
        </row>
        <row r="144">
          <cell r="A144" t="str">
            <v>FINTWA52003</v>
          </cell>
          <cell r="B144" t="str">
            <v>FIN</v>
          </cell>
          <cell r="C144" t="str">
            <v>Finland</v>
          </cell>
          <cell r="D144" t="str">
            <v>Item 17</v>
          </cell>
          <cell r="E144" t="str">
            <v>TWA5</v>
          </cell>
          <cell r="F144" t="str">
            <v>Equal treatment for TWA workers</v>
          </cell>
          <cell r="G144">
            <v>2003</v>
          </cell>
          <cell r="I144" t="str">
            <v>-</v>
          </cell>
        </row>
        <row r="145">
          <cell r="A145" t="str">
            <v>FINCD12003</v>
          </cell>
          <cell r="B145" t="str">
            <v>FIN</v>
          </cell>
          <cell r="C145" t="str">
            <v>Finland</v>
          </cell>
          <cell r="D145" t="str">
            <v>Item 18</v>
          </cell>
          <cell r="E145" t="str">
            <v>CD1</v>
          </cell>
          <cell r="F145" t="str">
            <v>Definition of collective dismissal</v>
          </cell>
          <cell r="G145">
            <v>2003</v>
          </cell>
          <cell r="I145" t="str">
            <v>&gt;9 workers in firms &gt;20 employees, in case of dismissal for financial or production-related reasons.</v>
          </cell>
          <cell r="J145">
            <v>3</v>
          </cell>
          <cell r="M145">
            <v>4.5</v>
          </cell>
        </row>
        <row r="146">
          <cell r="A146" t="str">
            <v>FINCD22003</v>
          </cell>
          <cell r="B146" t="str">
            <v>FIN</v>
          </cell>
          <cell r="C146" t="str">
            <v>Finland</v>
          </cell>
          <cell r="D146" t="str">
            <v>Item 19</v>
          </cell>
          <cell r="E146" t="str">
            <v>CD2</v>
          </cell>
          <cell r="F146" t="str">
            <v>Additional notification requirements in case of collective dismissals</v>
          </cell>
          <cell r="G146">
            <v>2003</v>
          </cell>
          <cell r="I146" t="str">
            <v>Notification of employee representatives: Consultation with trade union or personnel representatives.
Notification of public authorities: Notification of local employment office.</v>
          </cell>
          <cell r="J146">
            <v>1</v>
          </cell>
          <cell r="M146">
            <v>3</v>
          </cell>
        </row>
        <row r="147">
          <cell r="A147" t="str">
            <v>FINCD32003</v>
          </cell>
          <cell r="B147" t="str">
            <v>FIN</v>
          </cell>
          <cell r="C147" t="str">
            <v>Finland</v>
          </cell>
          <cell r="D147" t="str">
            <v>Item 20</v>
          </cell>
          <cell r="E147" t="str">
            <v>CD3</v>
          </cell>
          <cell r="F147" t="str">
            <v>Additional delays involved in case of collective dismissals</v>
          </cell>
          <cell r="G147">
            <v>2003</v>
          </cell>
          <cell r="I147" t="str">
            <v>Consultation for at least 42 days, plus 5 days advance notice of the need for consultation.
Calculation: 42+5-15 for individual redundancies</v>
          </cell>
          <cell r="J147">
            <v>32</v>
          </cell>
          <cell r="M147">
            <v>3</v>
          </cell>
        </row>
        <row r="148">
          <cell r="A148" t="str">
            <v>FINCD42003</v>
          </cell>
          <cell r="B148" t="str">
            <v>FIN</v>
          </cell>
          <cell r="C148" t="str">
            <v>Finland</v>
          </cell>
          <cell r="D148" t="str">
            <v>Item 21</v>
          </cell>
          <cell r="E148" t="str">
            <v>CD4</v>
          </cell>
          <cell r="F148" t="str">
            <v>Other special costs to employers in case of collective dismissals</v>
          </cell>
          <cell r="G148">
            <v>2003</v>
          </cell>
          <cell r="I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148">
            <v>0</v>
          </cell>
          <cell r="M148">
            <v>0</v>
          </cell>
        </row>
        <row r="149">
          <cell r="A149" t="str">
            <v>FRAREG12003</v>
          </cell>
          <cell r="B149" t="str">
            <v>FRA</v>
          </cell>
          <cell r="C149" t="str">
            <v>France</v>
          </cell>
          <cell r="D149" t="str">
            <v>Item 1</v>
          </cell>
          <cell r="E149" t="str">
            <v>REG1</v>
          </cell>
          <cell r="F149" t="str">
            <v>Notification procedures</v>
          </cell>
          <cell r="G149">
            <v>2003</v>
          </cell>
          <cell r="I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J149">
            <v>1.5</v>
          </cell>
          <cell r="M149">
            <v>3</v>
          </cell>
        </row>
        <row r="150">
          <cell r="A150" t="str">
            <v>FRAREG22003</v>
          </cell>
          <cell r="B150" t="str">
            <v>FRA</v>
          </cell>
          <cell r="C150" t="str">
            <v>France</v>
          </cell>
          <cell r="D150" t="str">
            <v>Item 2</v>
          </cell>
          <cell r="E150" t="str">
            <v>REG2</v>
          </cell>
          <cell r="F150" t="str">
            <v>Delay before notice can start</v>
          </cell>
          <cell r="G150">
            <v>2003</v>
          </cell>
          <cell r="I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J150">
            <v>14</v>
          </cell>
          <cell r="M150">
            <v>2</v>
          </cell>
        </row>
        <row r="151">
          <cell r="A151" t="str">
            <v>FRAREG32003</v>
          </cell>
          <cell r="B151" t="str">
            <v>FRA</v>
          </cell>
          <cell r="C151" t="str">
            <v>France</v>
          </cell>
          <cell r="D151" t="str">
            <v>Item 3</v>
          </cell>
          <cell r="E151" t="str">
            <v>REG3A, REG3B, REG3C</v>
          </cell>
          <cell r="F151" t="str">
            <v>Notice / tenure</v>
          </cell>
          <cell r="G151">
            <v>2003</v>
          </cell>
          <cell r="I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51">
            <v>1</v>
          </cell>
          <cell r="K151">
            <v>2</v>
          </cell>
          <cell r="L151">
            <v>2</v>
          </cell>
          <cell r="M151">
            <v>3</v>
          </cell>
          <cell r="N151">
            <v>4</v>
          </cell>
          <cell r="O151">
            <v>1</v>
          </cell>
        </row>
        <row r="152">
          <cell r="A152" t="str">
            <v>FRAREG42003</v>
          </cell>
          <cell r="B152" t="str">
            <v>FRA</v>
          </cell>
          <cell r="C152" t="str">
            <v>France</v>
          </cell>
          <cell r="D152" t="str">
            <v>Item 4</v>
          </cell>
          <cell r="E152" t="str">
            <v>REG4A, REG4B, REG4C</v>
          </cell>
          <cell r="F152" t="str">
            <v>Severance pay / tenure</v>
          </cell>
          <cell r="G152">
            <v>2003</v>
          </cell>
          <cell r="I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J152">
            <v>0</v>
          </cell>
          <cell r="K152">
            <v>0.6</v>
          </cell>
          <cell r="L152">
            <v>4</v>
          </cell>
          <cell r="M152">
            <v>0</v>
          </cell>
          <cell r="N152">
            <v>2</v>
          </cell>
          <cell r="O152">
            <v>2</v>
          </cell>
        </row>
        <row r="153">
          <cell r="A153" t="str">
            <v>FRAREG52003</v>
          </cell>
          <cell r="B153" t="str">
            <v>FRA</v>
          </cell>
          <cell r="C153" t="str">
            <v>France</v>
          </cell>
          <cell r="D153" t="str">
            <v>Item 5</v>
          </cell>
          <cell r="E153" t="str">
            <v>REG5</v>
          </cell>
          <cell r="F153" t="str">
            <v>Definition of justified or unfair dismissal</v>
          </cell>
          <cell r="G153">
            <v>2003</v>
          </cell>
          <cell r="I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J153">
            <v>2</v>
          </cell>
          <cell r="M153">
            <v>4</v>
          </cell>
        </row>
        <row r="154">
          <cell r="A154" t="str">
            <v>FRAREG62003</v>
          </cell>
          <cell r="B154" t="str">
            <v>FRA</v>
          </cell>
          <cell r="C154" t="str">
            <v>France</v>
          </cell>
          <cell r="D154" t="str">
            <v>Item 6</v>
          </cell>
          <cell r="E154" t="str">
            <v>REG6</v>
          </cell>
          <cell r="F154" t="str">
            <v>Trial period</v>
          </cell>
          <cell r="G154">
            <v>2003</v>
          </cell>
          <cell r="I154" t="str">
            <v>Clause facultative, pas de durée légale de période d’essai. En pratique, 1 à 2 semaines pour les ouvriers, 1 mois pour les employés, 3 mois pour les cadres.</v>
          </cell>
          <cell r="J154">
            <v>1.5</v>
          </cell>
          <cell r="M154">
            <v>5</v>
          </cell>
        </row>
        <row r="155">
          <cell r="A155" t="str">
            <v>FRAREG72003</v>
          </cell>
          <cell r="B155" t="str">
            <v>FRA</v>
          </cell>
          <cell r="C155" t="str">
            <v>France</v>
          </cell>
          <cell r="D155" t="str">
            <v>Item 7</v>
          </cell>
          <cell r="E155" t="str">
            <v>REG7</v>
          </cell>
          <cell r="F155" t="str">
            <v xml:space="preserve">Compensation following unfair dismissal </v>
          </cell>
          <cell r="G155">
            <v>2003</v>
          </cell>
          <cell r="I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J155">
            <v>16</v>
          </cell>
          <cell r="M155">
            <v>3</v>
          </cell>
        </row>
        <row r="156">
          <cell r="A156" t="str">
            <v>FRAREG82003</v>
          </cell>
          <cell r="B156" t="str">
            <v>FRA</v>
          </cell>
          <cell r="C156" t="str">
            <v>France</v>
          </cell>
          <cell r="D156" t="str">
            <v>Item 8</v>
          </cell>
          <cell r="E156" t="str">
            <v>REG8</v>
          </cell>
          <cell r="F156" t="str">
            <v>Possibility of reinstatement following unfair dismissal</v>
          </cell>
          <cell r="G156">
            <v>2003</v>
          </cell>
          <cell r="I156" t="str">
            <v>The option of  reinstatement is only available to the employee in case of null dismissal (discrimination cases...).</v>
          </cell>
          <cell r="J156">
            <v>0</v>
          </cell>
          <cell r="M156">
            <v>0</v>
          </cell>
        </row>
        <row r="157">
          <cell r="A157" t="str">
            <v>FRAREG92003</v>
          </cell>
          <cell r="B157" t="str">
            <v>FRA</v>
          </cell>
          <cell r="C157" t="str">
            <v>France</v>
          </cell>
          <cell r="D157" t="str">
            <v>Item 9</v>
          </cell>
          <cell r="E157" t="str">
            <v>REG9</v>
          </cell>
          <cell r="F157" t="str">
            <v>Maximum time for claim</v>
          </cell>
          <cell r="G157">
            <v>2003</v>
          </cell>
        </row>
        <row r="158">
          <cell r="A158" t="str">
            <v>FRAFTC12003</v>
          </cell>
          <cell r="B158" t="str">
            <v>FRA</v>
          </cell>
          <cell r="C158" t="str">
            <v>France</v>
          </cell>
          <cell r="D158" t="str">
            <v>Item 10</v>
          </cell>
          <cell r="E158" t="str">
            <v>FTC1</v>
          </cell>
          <cell r="F158" t="str">
            <v>Valid cases for use of fixed-term contracts, other than  “objective”  or “material” situation</v>
          </cell>
          <cell r="G158">
            <v>2003</v>
          </cell>
          <cell r="I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J158">
            <v>1</v>
          </cell>
          <cell r="M158">
            <v>4</v>
          </cell>
        </row>
        <row r="159">
          <cell r="A159" t="str">
            <v>FRAFTC22003</v>
          </cell>
          <cell r="B159" t="str">
            <v>FRA</v>
          </cell>
          <cell r="C159" t="str">
            <v>France</v>
          </cell>
          <cell r="D159" t="str">
            <v>Item 11</v>
          </cell>
          <cell r="E159" t="str">
            <v>FTC2</v>
          </cell>
          <cell r="F159" t="str">
            <v>Maximum number of successive fixed-term contracts</v>
          </cell>
          <cell r="G159">
            <v>2003</v>
          </cell>
          <cell r="I159" t="str">
            <v>Nombre estimé : 2
Pas de limite précisée, mais un nouveau CDD sur le même poste ne peut débuter qu’après un délai correspondant à un tiers de la durée du contrat initial.</v>
          </cell>
          <cell r="J159">
            <v>2</v>
          </cell>
          <cell r="M159">
            <v>4</v>
          </cell>
        </row>
        <row r="160">
          <cell r="A160" t="str">
            <v>FRAFTC32003</v>
          </cell>
          <cell r="B160" t="str">
            <v>FRA</v>
          </cell>
          <cell r="C160" t="str">
            <v>France</v>
          </cell>
          <cell r="D160" t="str">
            <v>Item 12</v>
          </cell>
          <cell r="E160" t="str">
            <v>FTC3</v>
          </cell>
          <cell r="F160" t="str">
            <v>Maximum cumulated duration of successive fixed-term contracts</v>
          </cell>
          <cell r="G160">
            <v>2003</v>
          </cell>
          <cell r="I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60">
            <v>18</v>
          </cell>
          <cell r="M160">
            <v>4</v>
          </cell>
        </row>
        <row r="161">
          <cell r="A161" t="str">
            <v>FRATWA12003</v>
          </cell>
          <cell r="B161" t="str">
            <v>FRA</v>
          </cell>
          <cell r="C161" t="str">
            <v>France</v>
          </cell>
          <cell r="D161" t="str">
            <v>Item 13</v>
          </cell>
          <cell r="E161" t="str">
            <v>TWA1</v>
          </cell>
          <cell r="F161" t="str">
            <v>Types of work for which TWA employment is legal</v>
          </cell>
          <cell r="G161">
            <v>2003</v>
          </cell>
          <cell r="I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J161">
            <v>2</v>
          </cell>
          <cell r="M161">
            <v>3</v>
          </cell>
        </row>
        <row r="162">
          <cell r="A162" t="str">
            <v>FRATWA22003</v>
          </cell>
          <cell r="B162" t="str">
            <v>FRA</v>
          </cell>
          <cell r="C162" t="str">
            <v>France</v>
          </cell>
          <cell r="D162" t="str">
            <v>Item 14</v>
          </cell>
          <cell r="E162" t="str">
            <v>TWA2A, TWA2B</v>
          </cell>
          <cell r="F162" t="str">
            <v>Are there any restrictions on the number of renewals of a TWA contract?</v>
          </cell>
          <cell r="G162">
            <v>2003</v>
          </cell>
          <cell r="I162" t="str">
            <v>Oui. Un nouveau contrat sur le même poste ne peut débuter qu’après un délai correspondant à un tiers de la durée du contrat initial.</v>
          </cell>
          <cell r="J162" t="str">
            <v>Yes</v>
          </cell>
          <cell r="K162" t="str">
            <v>Yes</v>
          </cell>
          <cell r="M162">
            <v>4</v>
          </cell>
          <cell r="N162">
            <v>4</v>
          </cell>
        </row>
        <row r="163">
          <cell r="A163" t="str">
            <v>FRATWA32003</v>
          </cell>
          <cell r="B163" t="str">
            <v>FRA</v>
          </cell>
          <cell r="C163" t="str">
            <v>France</v>
          </cell>
          <cell r="D163" t="str">
            <v>Item 15</v>
          </cell>
          <cell r="E163" t="str">
            <v>TWA3A, TWA3B</v>
          </cell>
          <cell r="F163" t="str">
            <v>Maximum cumulated duration of temporary work contracts</v>
          </cell>
          <cell r="G163">
            <v>2003</v>
          </cell>
          <cell r="I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J163">
            <v>18</v>
          </cell>
          <cell r="K163">
            <v>18</v>
          </cell>
          <cell r="M163">
            <v>3</v>
          </cell>
          <cell r="N163">
            <v>3</v>
          </cell>
        </row>
        <row r="164">
          <cell r="A164" t="str">
            <v>FRATWA42003</v>
          </cell>
          <cell r="B164" t="str">
            <v>FRA</v>
          </cell>
          <cell r="C164" t="str">
            <v>France</v>
          </cell>
          <cell r="D164" t="str">
            <v>Item 16</v>
          </cell>
          <cell r="E164" t="str">
            <v>TWA4</v>
          </cell>
          <cell r="F164" t="str">
            <v>Authorisation and reporting obligations</v>
          </cell>
          <cell r="G164">
            <v>2003</v>
          </cell>
        </row>
        <row r="165">
          <cell r="A165" t="str">
            <v>FRATWA52003</v>
          </cell>
          <cell r="B165" t="str">
            <v>FRA</v>
          </cell>
          <cell r="C165" t="str">
            <v>France</v>
          </cell>
          <cell r="D165" t="str">
            <v>Item 17</v>
          </cell>
          <cell r="E165" t="str">
            <v>TWA5</v>
          </cell>
          <cell r="F165" t="str">
            <v>Equal treatment for TWA workers</v>
          </cell>
          <cell r="G165">
            <v>2003</v>
          </cell>
        </row>
        <row r="166">
          <cell r="A166" t="str">
            <v>FRACD12003</v>
          </cell>
          <cell r="B166" t="str">
            <v>FRA</v>
          </cell>
          <cell r="C166" t="str">
            <v>France</v>
          </cell>
          <cell r="D166" t="str">
            <v>Item 18</v>
          </cell>
          <cell r="E166" t="str">
            <v>CD1</v>
          </cell>
          <cell r="F166" t="str">
            <v>Definition of collective dismissal</v>
          </cell>
          <cell r="G166">
            <v>2003</v>
          </cell>
          <cell r="I166" t="str">
            <v>Le code du travail français ne donne pas de définition du licenciement collectif mais à partir 10 licenciements ou plus dans une période de 30 jours, les obligations à respecter sont significativement plus importantes.</v>
          </cell>
          <cell r="J166">
            <v>3</v>
          </cell>
          <cell r="M166">
            <v>4.5</v>
          </cell>
        </row>
        <row r="167">
          <cell r="A167" t="str">
            <v>FRACD22003</v>
          </cell>
          <cell r="B167" t="str">
            <v>FRA</v>
          </cell>
          <cell r="C167" t="str">
            <v>France</v>
          </cell>
          <cell r="D167" t="str">
            <v>Item 19</v>
          </cell>
          <cell r="E167" t="str">
            <v>CD2</v>
          </cell>
          <cell r="F167" t="str">
            <v>Additional notification requirements in case of collective dismissals</v>
          </cell>
          <cell r="G167">
            <v>2003</v>
          </cell>
          <cell r="I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J167">
            <v>0</v>
          </cell>
          <cell r="M167">
            <v>0</v>
          </cell>
        </row>
        <row r="168">
          <cell r="A168" t="str">
            <v>FRACD32003</v>
          </cell>
          <cell r="B168" t="str">
            <v>FRA</v>
          </cell>
          <cell r="C168" t="str">
            <v>France</v>
          </cell>
          <cell r="D168" t="str">
            <v>Item 20</v>
          </cell>
          <cell r="E168" t="str">
            <v>CD3</v>
          </cell>
          <cell r="F168" t="str">
            <v>Additional delays involved in case of collective dismissals</v>
          </cell>
          <cell r="G168">
            <v>2003</v>
          </cell>
          <cell r="I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J168">
            <v>20</v>
          </cell>
          <cell r="M168">
            <v>1</v>
          </cell>
        </row>
        <row r="169">
          <cell r="A169" t="str">
            <v>FRACD42003</v>
          </cell>
          <cell r="B169" t="str">
            <v>FRA</v>
          </cell>
          <cell r="C169" t="str">
            <v>France</v>
          </cell>
          <cell r="D169" t="str">
            <v>Item 21</v>
          </cell>
          <cell r="E169" t="str">
            <v>CD4</v>
          </cell>
          <cell r="F169" t="str">
            <v>Other special costs to employers in case of collective dismissals</v>
          </cell>
          <cell r="G169">
            <v>2003</v>
          </cell>
          <cell r="I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J169">
            <v>1</v>
          </cell>
          <cell r="M169">
            <v>3</v>
          </cell>
        </row>
        <row r="170">
          <cell r="A170" t="str">
            <v>DEUREG12003</v>
          </cell>
          <cell r="B170" t="str">
            <v>DEU</v>
          </cell>
          <cell r="C170" t="str">
            <v>Germany</v>
          </cell>
          <cell r="D170" t="str">
            <v>Item 1</v>
          </cell>
          <cell r="E170" t="str">
            <v>REG1</v>
          </cell>
          <cell r="F170" t="str">
            <v>Notification procedures</v>
          </cell>
          <cell r="G170">
            <v>2003</v>
          </cell>
          <cell r="I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J170">
            <v>2.5</v>
          </cell>
          <cell r="M170">
            <v>5</v>
          </cell>
        </row>
        <row r="171">
          <cell r="A171" t="str">
            <v>DEUREG22003</v>
          </cell>
          <cell r="B171" t="str">
            <v>DEU</v>
          </cell>
          <cell r="C171" t="str">
            <v>Germany</v>
          </cell>
          <cell r="D171" t="str">
            <v>Item 2</v>
          </cell>
          <cell r="E171" t="str">
            <v>REG2</v>
          </cell>
          <cell r="F171" t="str">
            <v>Delay before notice can start</v>
          </cell>
          <cell r="G171">
            <v>2003</v>
          </cell>
          <cell r="I171" t="str">
            <v>After notification, maximum 7 days for Works Council to object to dismissal.  Notice can then be served, specifying the 1st or 15th of the month. Calculation: 15 (1+7+7)</v>
          </cell>
          <cell r="J171">
            <v>15</v>
          </cell>
          <cell r="M171">
            <v>2</v>
          </cell>
        </row>
        <row r="172">
          <cell r="A172" t="str">
            <v>DEUREG32003</v>
          </cell>
          <cell r="B172" t="str">
            <v>DEU</v>
          </cell>
          <cell r="C172" t="str">
            <v>Germany</v>
          </cell>
          <cell r="D172" t="str">
            <v>Item 3</v>
          </cell>
          <cell r="E172" t="str">
            <v>REG3A, REG3B, REG3C</v>
          </cell>
          <cell r="F172" t="str">
            <v>Notice / tenure</v>
          </cell>
          <cell r="G172">
            <v>2003</v>
          </cell>
          <cell r="I172" t="str">
            <v>All workers: 2w in trial period, 4w&lt;2y, 1m&lt;5y, 2m&lt;8y, 3m&lt;10y, 4m&lt;12y, 5m&lt;15y, 6m&lt;20y, 7m&gt;20y. (Notice periods &gt;4w only apply to workers above 25 years of age.)
9 months tenure: 4 weeks, 4 years tenure: 1 month, 20 years tenure: 7 months.</v>
          </cell>
          <cell r="J172">
            <v>1</v>
          </cell>
          <cell r="K172">
            <v>1</v>
          </cell>
          <cell r="L172">
            <v>7</v>
          </cell>
          <cell r="M172">
            <v>3</v>
          </cell>
          <cell r="N172">
            <v>2</v>
          </cell>
          <cell r="O172">
            <v>4</v>
          </cell>
        </row>
        <row r="173">
          <cell r="A173" t="str">
            <v>DEUREG42003</v>
          </cell>
          <cell r="B173" t="str">
            <v>DEU</v>
          </cell>
          <cell r="C173" t="str">
            <v>Germany</v>
          </cell>
          <cell r="D173" t="str">
            <v>Item 4</v>
          </cell>
          <cell r="E173" t="str">
            <v>REG4A, REG4B, REG4C</v>
          </cell>
          <cell r="F173" t="str">
            <v>Severance pay / tenure</v>
          </cell>
          <cell r="G173">
            <v>2003</v>
          </cell>
          <cell r="I173" t="str">
            <v>All workers: No legal entitlement, but can be included in collective and individual agreements and social compensation plans.</v>
          </cell>
          <cell r="J173">
            <v>0</v>
          </cell>
          <cell r="K173">
            <v>0</v>
          </cell>
          <cell r="L173">
            <v>0</v>
          </cell>
          <cell r="M173">
            <v>0</v>
          </cell>
          <cell r="N173">
            <v>0</v>
          </cell>
          <cell r="O173">
            <v>0</v>
          </cell>
        </row>
        <row r="174">
          <cell r="A174" t="str">
            <v>DEUREG52003</v>
          </cell>
          <cell r="B174" t="str">
            <v>DEU</v>
          </cell>
          <cell r="C174" t="str">
            <v>Germany</v>
          </cell>
          <cell r="D174" t="str">
            <v>Item 5</v>
          </cell>
          <cell r="E174" t="str">
            <v>REG5</v>
          </cell>
          <cell r="F174" t="str">
            <v>Definition of justified or unfair dismissal</v>
          </cell>
          <cell r="G174">
            <v>2003</v>
          </cell>
          <cell r="I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J174">
            <v>2</v>
          </cell>
          <cell r="M174">
            <v>4</v>
          </cell>
        </row>
        <row r="175">
          <cell r="A175" t="str">
            <v>DEUREG62003</v>
          </cell>
          <cell r="B175" t="str">
            <v>DEU</v>
          </cell>
          <cell r="C175" t="str">
            <v>Germany</v>
          </cell>
          <cell r="D175" t="str">
            <v>Item 6</v>
          </cell>
          <cell r="E175" t="str">
            <v>REG6</v>
          </cell>
          <cell r="F175" t="str">
            <v>Trial period</v>
          </cell>
          <cell r="G175">
            <v>2003</v>
          </cell>
          <cell r="I175" t="str">
            <v>6 months (all workers)</v>
          </cell>
          <cell r="J175">
            <v>6</v>
          </cell>
          <cell r="M175">
            <v>3</v>
          </cell>
        </row>
        <row r="176">
          <cell r="A176" t="str">
            <v>DEUREG72003</v>
          </cell>
          <cell r="B176" t="str">
            <v>DEU</v>
          </cell>
          <cell r="C176" t="str">
            <v>Germany</v>
          </cell>
          <cell r="D176" t="str">
            <v>Item 7</v>
          </cell>
          <cell r="E176" t="str">
            <v>REG7</v>
          </cell>
          <cell r="F176" t="str">
            <v xml:space="preserve">Compensation following unfair dismissal </v>
          </cell>
          <cell r="G176">
            <v>2003</v>
          </cell>
          <cell r="I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J176">
            <v>18</v>
          </cell>
          <cell r="M176">
            <v>3</v>
          </cell>
        </row>
        <row r="177">
          <cell r="A177" t="str">
            <v>DEUREG82003</v>
          </cell>
          <cell r="B177" t="str">
            <v>DEU</v>
          </cell>
          <cell r="C177" t="str">
            <v>Germany</v>
          </cell>
          <cell r="D177" t="str">
            <v>Item 8</v>
          </cell>
          <cell r="E177" t="str">
            <v>REG8</v>
          </cell>
          <cell r="F177" t="str">
            <v>Possibility of reinstatement following unfair dismissal</v>
          </cell>
          <cell r="G177">
            <v>2003</v>
          </cell>
          <cell r="I17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77">
            <v>1.5</v>
          </cell>
          <cell r="M177">
            <v>3</v>
          </cell>
        </row>
        <row r="178">
          <cell r="A178" t="str">
            <v>DEUREG92003</v>
          </cell>
          <cell r="B178" t="str">
            <v>DEU</v>
          </cell>
          <cell r="C178" t="str">
            <v>Germany</v>
          </cell>
          <cell r="D178" t="str">
            <v>Item 9</v>
          </cell>
          <cell r="E178" t="str">
            <v>REG9</v>
          </cell>
          <cell r="F178" t="str">
            <v>Maximum time for claim</v>
          </cell>
          <cell r="G178">
            <v>2003</v>
          </cell>
          <cell r="I178" t="str">
            <v>-</v>
          </cell>
        </row>
        <row r="179">
          <cell r="A179" t="str">
            <v>DEUFTC12003</v>
          </cell>
          <cell r="B179" t="str">
            <v>DEU</v>
          </cell>
          <cell r="C179" t="str">
            <v>Germany</v>
          </cell>
          <cell r="D179" t="str">
            <v>Item 10</v>
          </cell>
          <cell r="E179" t="str">
            <v>FTC1</v>
          </cell>
          <cell r="F179" t="str">
            <v>Valid cases for use of fixed-term contracts, other than  “objective”  or “material” situation</v>
          </cell>
          <cell r="G179">
            <v>2003</v>
          </cell>
          <cell r="I179" t="str">
            <v xml:space="preserve">Fixed-term contracts without specifying an objective reason are possible up to 2 years. Exception: with employees over 52 years of age fixed-term contracts are possible without any restrictions.  </v>
          </cell>
          <cell r="J179">
            <v>3</v>
          </cell>
          <cell r="M179">
            <v>0</v>
          </cell>
        </row>
        <row r="180">
          <cell r="A180" t="str">
            <v>DEUFTC22003</v>
          </cell>
          <cell r="B180" t="str">
            <v>DEU</v>
          </cell>
          <cell r="C180" t="str">
            <v>Germany</v>
          </cell>
          <cell r="D180" t="str">
            <v>Item 11</v>
          </cell>
          <cell r="E180" t="str">
            <v>FTC2</v>
          </cell>
          <cell r="F180" t="str">
            <v>Maximum number of successive fixed-term contracts</v>
          </cell>
          <cell r="G180">
            <v>2003</v>
          </cell>
          <cell r="I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J180">
            <v>4</v>
          </cell>
          <cell r="M180">
            <v>2</v>
          </cell>
        </row>
        <row r="181">
          <cell r="A181" t="str">
            <v>DEUFTC32003</v>
          </cell>
          <cell r="B181" t="str">
            <v>DEU</v>
          </cell>
          <cell r="C181" t="str">
            <v>Germany</v>
          </cell>
          <cell r="D181" t="str">
            <v>Item 12</v>
          </cell>
          <cell r="E181" t="str">
            <v>FTC3</v>
          </cell>
          <cell r="F181" t="str">
            <v>Maximum cumulated duration of successive fixed-term contracts</v>
          </cell>
          <cell r="G181">
            <v>2003</v>
          </cell>
          <cell r="I181" t="str">
            <v>24 months (No legal limit in case of objective reason)</v>
          </cell>
          <cell r="J181">
            <v>24</v>
          </cell>
          <cell r="M181">
            <v>3</v>
          </cell>
        </row>
        <row r="182">
          <cell r="A182" t="str">
            <v>DEUTWA12003</v>
          </cell>
          <cell r="B182" t="str">
            <v>DEU</v>
          </cell>
          <cell r="C182" t="str">
            <v>Germany</v>
          </cell>
          <cell r="D182" t="str">
            <v>Item 13</v>
          </cell>
          <cell r="E182" t="str">
            <v>TWA1</v>
          </cell>
          <cell r="F182" t="str">
            <v>Types of work for which TWA employment is legal</v>
          </cell>
          <cell r="G182">
            <v>2003</v>
          </cell>
          <cell r="I182" t="str">
            <v xml:space="preserve">General, with exception of construction industry </v>
          </cell>
          <cell r="J182">
            <v>3</v>
          </cell>
          <cell r="M182">
            <v>1.5</v>
          </cell>
        </row>
        <row r="183">
          <cell r="A183" t="str">
            <v>DEUTWA22003</v>
          </cell>
          <cell r="B183" t="str">
            <v>DEU</v>
          </cell>
          <cell r="C183" t="str">
            <v>Germany</v>
          </cell>
          <cell r="D183" t="str">
            <v>Item 14</v>
          </cell>
          <cell r="E183" t="str">
            <v>TWA2A, TWA2B</v>
          </cell>
          <cell r="F183" t="str">
            <v>Are there any restrictions on the number of renewals of a TWA contract?</v>
          </cell>
          <cell r="G183">
            <v>2003</v>
          </cell>
          <cell r="I183" t="str">
            <v>Yes (see fixed term contracts - item 10)</v>
          </cell>
          <cell r="J183" t="str">
            <v>Yes</v>
          </cell>
          <cell r="K183" t="str">
            <v>Yes</v>
          </cell>
          <cell r="M183">
            <v>4</v>
          </cell>
          <cell r="N183">
            <v>4</v>
          </cell>
        </row>
        <row r="184">
          <cell r="A184" t="str">
            <v>DEUTWA32003</v>
          </cell>
          <cell r="B184" t="str">
            <v>DEU</v>
          </cell>
          <cell r="C184" t="str">
            <v>Germany</v>
          </cell>
          <cell r="D184" t="str">
            <v>Item 15</v>
          </cell>
          <cell r="E184" t="str">
            <v>TWA3A, TWA3B</v>
          </cell>
          <cell r="F184" t="str">
            <v>Maximum cumulated duration of temporary work contracts</v>
          </cell>
          <cell r="G184">
            <v>2003</v>
          </cell>
          <cell r="I184" t="str">
            <v>24 months - from 1.1.2004 no limit (used no limit)</v>
          </cell>
          <cell r="J184">
            <v>100</v>
          </cell>
          <cell r="K184">
            <v>100</v>
          </cell>
          <cell r="M184">
            <v>0</v>
          </cell>
          <cell r="N184">
            <v>0</v>
          </cell>
        </row>
        <row r="185">
          <cell r="A185" t="str">
            <v>DEUTWA42003</v>
          </cell>
          <cell r="B185" t="str">
            <v>DEU</v>
          </cell>
          <cell r="C185" t="str">
            <v>Germany</v>
          </cell>
          <cell r="D185" t="str">
            <v>Item 16</v>
          </cell>
          <cell r="E185" t="str">
            <v>TWA4</v>
          </cell>
          <cell r="F185" t="str">
            <v>Authorisation and reporting obligations</v>
          </cell>
          <cell r="G185">
            <v>2003</v>
          </cell>
          <cell r="I185" t="str">
            <v>-</v>
          </cell>
        </row>
        <row r="186">
          <cell r="A186" t="str">
            <v>DEUTWA52003</v>
          </cell>
          <cell r="B186" t="str">
            <v>DEU</v>
          </cell>
          <cell r="C186" t="str">
            <v>Germany</v>
          </cell>
          <cell r="D186" t="str">
            <v>Item 17</v>
          </cell>
          <cell r="E186" t="str">
            <v>TWA5</v>
          </cell>
          <cell r="F186" t="str">
            <v>Equal treatment for TWA workers</v>
          </cell>
          <cell r="G186">
            <v>2003</v>
          </cell>
          <cell r="I186" t="str">
            <v>-</v>
          </cell>
        </row>
        <row r="187">
          <cell r="A187" t="str">
            <v>DEUCD12003</v>
          </cell>
          <cell r="B187" t="str">
            <v>DEU</v>
          </cell>
          <cell r="C187" t="str">
            <v>Germany</v>
          </cell>
          <cell r="D187" t="str">
            <v>Item 18</v>
          </cell>
          <cell r="E187" t="str">
            <v>CD1</v>
          </cell>
          <cell r="F187" t="str">
            <v>Definition of collective dismissal</v>
          </cell>
          <cell r="G187">
            <v>2003</v>
          </cell>
          <cell r="I187" t="str">
            <v>Within 30 days, &gt;5 workers in firms 21-59 employees; 10% or &gt; 25 workers in firms 60-499; &gt;30 workers in firms &gt; 500 employees.</v>
          </cell>
          <cell r="J187">
            <v>4</v>
          </cell>
          <cell r="M187">
            <v>6</v>
          </cell>
        </row>
        <row r="188">
          <cell r="A188" t="str">
            <v>DEUCD22003</v>
          </cell>
          <cell r="B188" t="str">
            <v>DEU</v>
          </cell>
          <cell r="C188" t="str">
            <v>Germany</v>
          </cell>
          <cell r="D188" t="str">
            <v>Item 19</v>
          </cell>
          <cell r="E188" t="str">
            <v>CD2</v>
          </cell>
          <cell r="F188" t="str">
            <v>Additional notification requirements in case of collective dismissals</v>
          </cell>
          <cell r="G188">
            <v>2003</v>
          </cell>
          <cell r="I188" t="str">
            <v>Notification of employee representatives: Consultation with Works Council. Notification of public authorities: Notification of local employment office.</v>
          </cell>
          <cell r="J188">
            <v>1</v>
          </cell>
          <cell r="M188">
            <v>3</v>
          </cell>
        </row>
        <row r="189">
          <cell r="A189" t="str">
            <v>DEUCD32003</v>
          </cell>
          <cell r="B189" t="str">
            <v>DEU</v>
          </cell>
          <cell r="C189" t="str">
            <v>Germany</v>
          </cell>
          <cell r="D189" t="str">
            <v>Item 20</v>
          </cell>
          <cell r="E189" t="str">
            <v>CD3</v>
          </cell>
          <cell r="F189" t="str">
            <v>Additional delays involved in case of collective dismissals</v>
          </cell>
          <cell r="G189">
            <v>2003</v>
          </cell>
          <cell r="I189" t="str">
            <v>1 month delay after notice to PES, can be extended to two months.</v>
          </cell>
          <cell r="J189">
            <v>30</v>
          </cell>
          <cell r="M189">
            <v>3</v>
          </cell>
        </row>
        <row r="190">
          <cell r="A190" t="str">
            <v>DEUCD42003</v>
          </cell>
          <cell r="B190" t="str">
            <v>DEU</v>
          </cell>
          <cell r="C190" t="str">
            <v>Germany</v>
          </cell>
          <cell r="D190" t="str">
            <v>Item 21</v>
          </cell>
          <cell r="E190" t="str">
            <v>CD4</v>
          </cell>
          <cell r="F190" t="str">
            <v>Other special costs to employers in case of collective dismissals</v>
          </cell>
          <cell r="G190">
            <v>2003</v>
          </cell>
          <cell r="I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J190">
            <v>1</v>
          </cell>
          <cell r="M190">
            <v>3</v>
          </cell>
        </row>
        <row r="191">
          <cell r="A191" t="str">
            <v>GRCREG12003</v>
          </cell>
          <cell r="B191" t="str">
            <v>GRC</v>
          </cell>
          <cell r="C191" t="str">
            <v>Greece</v>
          </cell>
          <cell r="D191" t="str">
            <v>Item 1</v>
          </cell>
          <cell r="E191" t="str">
            <v>REG1</v>
          </cell>
          <cell r="F191" t="str">
            <v>Notification procedures</v>
          </cell>
          <cell r="G191">
            <v>2003</v>
          </cell>
          <cell r="I191" t="str">
            <v>Written notice to employee, plus additional notification to OAED local office (public employment service).  Previous warning in case of dismissal for poor performance may be advisable.</v>
          </cell>
          <cell r="J191">
            <v>2</v>
          </cell>
          <cell r="M191">
            <v>4</v>
          </cell>
        </row>
        <row r="192">
          <cell r="A192" t="str">
            <v>GRCREG22003</v>
          </cell>
          <cell r="B192" t="str">
            <v>GRC</v>
          </cell>
          <cell r="C192" t="str">
            <v>Greece</v>
          </cell>
          <cell r="D192" t="str">
            <v>Item 2</v>
          </cell>
          <cell r="E192" t="str">
            <v>REG2</v>
          </cell>
          <cell r="F192" t="str">
            <v>Delay before notice can start</v>
          </cell>
          <cell r="G192">
            <v>2003</v>
          </cell>
          <cell r="I192" t="str">
            <v>Letter sent by mail or handed directly to employee.</v>
          </cell>
          <cell r="J192">
            <v>1</v>
          </cell>
          <cell r="M192">
            <v>0</v>
          </cell>
        </row>
        <row r="193">
          <cell r="A193" t="str">
            <v>GRCREG32003</v>
          </cell>
          <cell r="B193" t="str">
            <v>GRC</v>
          </cell>
          <cell r="C193" t="str">
            <v>Greece</v>
          </cell>
          <cell r="D193" t="str">
            <v>Item 3</v>
          </cell>
          <cell r="E193" t="str">
            <v>REG3A, REG3B, REG3C</v>
          </cell>
          <cell r="F193" t="str">
            <v>Notice / tenure</v>
          </cell>
          <cell r="G193">
            <v>2003</v>
          </cell>
          <cell r="I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J193">
            <v>0.5</v>
          </cell>
          <cell r="K193">
            <v>1.5</v>
          </cell>
          <cell r="L193">
            <v>8</v>
          </cell>
          <cell r="M193">
            <v>2</v>
          </cell>
          <cell r="N193">
            <v>3</v>
          </cell>
          <cell r="O193">
            <v>4</v>
          </cell>
        </row>
        <row r="194">
          <cell r="A194" t="str">
            <v>GRCREG42003</v>
          </cell>
          <cell r="B194" t="str">
            <v>GRC</v>
          </cell>
          <cell r="C194" t="str">
            <v>Greece</v>
          </cell>
          <cell r="D194" t="str">
            <v>Item 4</v>
          </cell>
          <cell r="E194" t="str">
            <v>REG4A, REG4B, REG4C</v>
          </cell>
          <cell r="F194" t="str">
            <v>Severance pay / tenure</v>
          </cell>
          <cell r="G194">
            <v>2003</v>
          </cell>
          <cell r="I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J194">
            <v>0.3</v>
          </cell>
          <cell r="K194">
            <v>1</v>
          </cell>
          <cell r="L194">
            <v>5.9</v>
          </cell>
          <cell r="M194">
            <v>1</v>
          </cell>
          <cell r="N194">
            <v>2</v>
          </cell>
          <cell r="O194">
            <v>2</v>
          </cell>
        </row>
        <row r="195">
          <cell r="A195" t="str">
            <v>GRCREG52003</v>
          </cell>
          <cell r="B195" t="str">
            <v>GRC</v>
          </cell>
          <cell r="C195" t="str">
            <v>Greece</v>
          </cell>
          <cell r="D195" t="str">
            <v>Item 5</v>
          </cell>
          <cell r="E195" t="str">
            <v>REG5</v>
          </cell>
          <cell r="F195" t="str">
            <v>Definition of justified or unfair dismissal</v>
          </cell>
          <cell r="G195">
            <v>2003</v>
          </cell>
          <cell r="I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J195">
            <v>0.5</v>
          </cell>
          <cell r="M195">
            <v>1</v>
          </cell>
        </row>
        <row r="196">
          <cell r="A196" t="str">
            <v>GRCREG62003</v>
          </cell>
          <cell r="B196" t="str">
            <v>GRC</v>
          </cell>
          <cell r="C196" t="str">
            <v>Greece</v>
          </cell>
          <cell r="D196" t="str">
            <v>Item 6</v>
          </cell>
          <cell r="E196" t="str">
            <v>REG6</v>
          </cell>
          <cell r="F196" t="str">
            <v>Trial period</v>
          </cell>
          <cell r="G196">
            <v>2003</v>
          </cell>
          <cell r="I196" t="str">
            <v xml:space="preserve"> 2 months </v>
          </cell>
          <cell r="J196">
            <v>2</v>
          </cell>
          <cell r="M196">
            <v>5</v>
          </cell>
        </row>
        <row r="197">
          <cell r="A197" t="str">
            <v>GRCREG72003</v>
          </cell>
          <cell r="B197" t="str">
            <v>GRC</v>
          </cell>
          <cell r="C197" t="str">
            <v>Greece</v>
          </cell>
          <cell r="D197" t="str">
            <v>Item 7</v>
          </cell>
          <cell r="E197" t="str">
            <v>REG7</v>
          </cell>
          <cell r="F197" t="str">
            <v xml:space="preserve">Compensation following unfair dismissal </v>
          </cell>
          <cell r="G197">
            <v>2003</v>
          </cell>
          <cell r="I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J197">
            <v>6</v>
          </cell>
          <cell r="M197">
            <v>1</v>
          </cell>
        </row>
        <row r="198">
          <cell r="A198" t="str">
            <v>GRCREG82003</v>
          </cell>
          <cell r="B198" t="str">
            <v>GRC</v>
          </cell>
          <cell r="C198" t="str">
            <v>Greece</v>
          </cell>
          <cell r="D198" t="str">
            <v>Item 8</v>
          </cell>
          <cell r="E198" t="str">
            <v>REG8</v>
          </cell>
          <cell r="F198" t="str">
            <v>Possibility of reinstatement following unfair dismissal</v>
          </cell>
          <cell r="G198">
            <v>2003</v>
          </cell>
          <cell r="I198" t="str">
            <v>Frequent reinstatement orders, accompanied by indemnity for the period of time between notice of termination and court ruling.  No reinstatement, if severance pay has been requested.</v>
          </cell>
          <cell r="J198">
            <v>2</v>
          </cell>
          <cell r="M198">
            <v>4</v>
          </cell>
        </row>
        <row r="199">
          <cell r="A199" t="str">
            <v>GRCREG92003</v>
          </cell>
          <cell r="B199" t="str">
            <v>GRC</v>
          </cell>
          <cell r="C199" t="str">
            <v>Greece</v>
          </cell>
          <cell r="D199" t="str">
            <v>Item 9</v>
          </cell>
          <cell r="E199" t="str">
            <v>REG9</v>
          </cell>
          <cell r="F199" t="str">
            <v>Maximum time for claim</v>
          </cell>
          <cell r="G199">
            <v>2003</v>
          </cell>
        </row>
        <row r="200">
          <cell r="A200" t="str">
            <v>GRCFTC12003</v>
          </cell>
          <cell r="B200" t="str">
            <v>GRC</v>
          </cell>
          <cell r="C200" t="str">
            <v>Greece</v>
          </cell>
          <cell r="D200" t="str">
            <v>Item 10</v>
          </cell>
          <cell r="E200" t="str">
            <v>FTC1</v>
          </cell>
          <cell r="F200" t="str">
            <v>Valid cases for use of fixed-term contracts, other than  “objective”  or “material” situation</v>
          </cell>
          <cell r="G200">
            <v>2003</v>
          </cell>
          <cell r="I200" t="str">
            <v>Objective situations only (mainly seasonal work and special projects), with the exception of the public service.</v>
          </cell>
          <cell r="J200">
            <v>0</v>
          </cell>
          <cell r="M200">
            <v>6</v>
          </cell>
        </row>
        <row r="201">
          <cell r="A201" t="str">
            <v>GRCFTC22003</v>
          </cell>
          <cell r="B201" t="str">
            <v>GRC</v>
          </cell>
          <cell r="C201" t="str">
            <v>Greece</v>
          </cell>
          <cell r="D201" t="str">
            <v>Item 11</v>
          </cell>
          <cell r="E201" t="str">
            <v>FTC2</v>
          </cell>
          <cell r="F201" t="str">
            <v>Maximum number of successive fixed-term contracts</v>
          </cell>
          <cell r="G201">
            <v>2003</v>
          </cell>
          <cell r="I201" t="str">
            <v>3 Article 5 para 3 of the PD 81/2003 stipulates that after 3 renewals the contract is assumed to cover a constant need for the entreprise and consequently it is converted into a working relationship of an indefinite term.</v>
          </cell>
          <cell r="J201">
            <v>4</v>
          </cell>
          <cell r="M201">
            <v>2</v>
          </cell>
        </row>
        <row r="202">
          <cell r="A202" t="str">
            <v>GRCFTC32003</v>
          </cell>
          <cell r="B202" t="str">
            <v>GRC</v>
          </cell>
          <cell r="C202" t="str">
            <v>Greece</v>
          </cell>
          <cell r="D202" t="str">
            <v>Item 12</v>
          </cell>
          <cell r="E202" t="str">
            <v>FTC3</v>
          </cell>
          <cell r="F202" t="str">
            <v>Maximum cumulated duration of successive fixed-term contracts</v>
          </cell>
          <cell r="G202">
            <v>2003</v>
          </cell>
          <cell r="I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J202">
            <v>24</v>
          </cell>
          <cell r="M202">
            <v>3</v>
          </cell>
        </row>
        <row r="203">
          <cell r="A203" t="str">
            <v>GRCTWA12003</v>
          </cell>
          <cell r="B203" t="str">
            <v>GRC</v>
          </cell>
          <cell r="C203" t="str">
            <v>Greece</v>
          </cell>
          <cell r="D203" t="str">
            <v>Item 13</v>
          </cell>
          <cell r="E203" t="str">
            <v>TWA1</v>
          </cell>
          <cell r="F203" t="str">
            <v>Types of work for which TWA employment is legal</v>
          </cell>
          <cell r="G203">
            <v>2003</v>
          </cell>
          <cell r="I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J203">
            <v>4</v>
          </cell>
          <cell r="M203">
            <v>0</v>
          </cell>
        </row>
        <row r="204">
          <cell r="A204" t="str">
            <v>GRCTWA22003</v>
          </cell>
          <cell r="B204" t="str">
            <v>GRC</v>
          </cell>
          <cell r="C204" t="str">
            <v>Greece</v>
          </cell>
          <cell r="D204" t="str">
            <v>Item 14</v>
          </cell>
          <cell r="E204" t="str">
            <v>TWA2A, TWA2B</v>
          </cell>
          <cell r="F204" t="str">
            <v>Are there any restrictions on the number of renewals of a TWA contract?</v>
          </cell>
          <cell r="G204">
            <v>2003</v>
          </cell>
          <cell r="I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J204" t="str">
            <v>Yes</v>
          </cell>
          <cell r="K204" t="str">
            <v>Yes</v>
          </cell>
          <cell r="M204">
            <v>4</v>
          </cell>
          <cell r="N204">
            <v>4</v>
          </cell>
        </row>
        <row r="205">
          <cell r="A205" t="str">
            <v>GRCTWA32003</v>
          </cell>
          <cell r="B205" t="str">
            <v>GRC</v>
          </cell>
          <cell r="C205" t="str">
            <v>Greece</v>
          </cell>
          <cell r="D205" t="str">
            <v>Item 15</v>
          </cell>
          <cell r="E205" t="str">
            <v>TWA3A, TWA3B</v>
          </cell>
          <cell r="F205" t="str">
            <v>Maximum cumulated duration of temporary work contracts</v>
          </cell>
          <cell r="G205">
            <v>2003</v>
          </cell>
          <cell r="I205" t="str">
            <v>16 months</v>
          </cell>
          <cell r="J205">
            <v>16</v>
          </cell>
          <cell r="K205">
            <v>16</v>
          </cell>
          <cell r="M205">
            <v>4</v>
          </cell>
          <cell r="N205">
            <v>4</v>
          </cell>
        </row>
        <row r="206">
          <cell r="A206" t="str">
            <v>GRCTWA42003</v>
          </cell>
          <cell r="B206" t="str">
            <v>GRC</v>
          </cell>
          <cell r="C206" t="str">
            <v>Greece</v>
          </cell>
          <cell r="D206" t="str">
            <v>Item 16</v>
          </cell>
          <cell r="E206" t="str">
            <v>TWA4</v>
          </cell>
          <cell r="F206" t="str">
            <v>Authorisation and reporting obligations</v>
          </cell>
          <cell r="G206">
            <v>2003</v>
          </cell>
        </row>
        <row r="207">
          <cell r="A207" t="str">
            <v>GRCTWA52003</v>
          </cell>
          <cell r="B207" t="str">
            <v>GRC</v>
          </cell>
          <cell r="C207" t="str">
            <v>Greece</v>
          </cell>
          <cell r="D207" t="str">
            <v>Item 17</v>
          </cell>
          <cell r="E207" t="str">
            <v>TWA5</v>
          </cell>
          <cell r="F207" t="str">
            <v>Equal treatment for TWA workers</v>
          </cell>
          <cell r="G207">
            <v>2003</v>
          </cell>
        </row>
        <row r="208">
          <cell r="A208" t="str">
            <v>GRCCD12003</v>
          </cell>
          <cell r="B208" t="str">
            <v>GRC</v>
          </cell>
          <cell r="C208" t="str">
            <v>Greece</v>
          </cell>
          <cell r="D208" t="str">
            <v>Item 18</v>
          </cell>
          <cell r="E208" t="str">
            <v>CD1</v>
          </cell>
          <cell r="F208" t="str">
            <v>Definition of collective dismissal</v>
          </cell>
          <cell r="G208">
            <v>2003</v>
          </cell>
          <cell r="I208" t="str">
            <v>Within a month, &gt;5 workers in firms 20-200 employees; &gt;2% or &gt;30 workers in firms &gt;=200 employees (at the beginning of the month).</v>
          </cell>
          <cell r="J208">
            <v>4</v>
          </cell>
          <cell r="M208">
            <v>6</v>
          </cell>
        </row>
        <row r="209">
          <cell r="A209" t="str">
            <v>GRCCD22003</v>
          </cell>
          <cell r="B209" t="str">
            <v>GRC</v>
          </cell>
          <cell r="C209" t="str">
            <v>Greece</v>
          </cell>
          <cell r="D209" t="str">
            <v>Item 19</v>
          </cell>
          <cell r="E209" t="str">
            <v>CD2</v>
          </cell>
          <cell r="F209" t="str">
            <v>Additional notification requirements in case of collective dismissals</v>
          </cell>
          <cell r="G209">
            <v>2003</v>
          </cell>
          <cell r="I209" t="str">
            <v>Notification of employee representatives: Notification of reasons to employee representatives. Notification of public authorities: Notification to Prefect and Labour Inspection, with request for approval.</v>
          </cell>
          <cell r="J209">
            <v>1</v>
          </cell>
          <cell r="M209">
            <v>3</v>
          </cell>
        </row>
        <row r="210">
          <cell r="A210" t="str">
            <v>GRCCD32003</v>
          </cell>
          <cell r="B210" t="str">
            <v>GRC</v>
          </cell>
          <cell r="C210" t="str">
            <v>Greece</v>
          </cell>
          <cell r="D210" t="str">
            <v>Item 20</v>
          </cell>
          <cell r="E210" t="str">
            <v>CD3</v>
          </cell>
          <cell r="F210" t="str">
            <v>Additional delays involved in case of collective dismissals</v>
          </cell>
          <cell r="G210">
            <v>2003</v>
          </cell>
          <cell r="I210" t="str">
            <v>If social partners agree and Ministry approves, notice can be given after 10 days.  Ministry can extend time for negotiation by another 20 days.</v>
          </cell>
          <cell r="J210">
            <v>19</v>
          </cell>
          <cell r="M210">
            <v>1</v>
          </cell>
        </row>
        <row r="211">
          <cell r="A211" t="str">
            <v>GRCCD42003</v>
          </cell>
          <cell r="B211" t="str">
            <v>GRC</v>
          </cell>
          <cell r="C211" t="str">
            <v>Greece</v>
          </cell>
          <cell r="D211" t="str">
            <v>Item 21</v>
          </cell>
          <cell r="E211" t="str">
            <v>CD4</v>
          </cell>
          <cell r="F211" t="str">
            <v>Other special costs to employers in case of collective dismissals</v>
          </cell>
          <cell r="G211">
            <v>2003</v>
          </cell>
          <cell r="I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211">
            <v>1</v>
          </cell>
          <cell r="M211">
            <v>3</v>
          </cell>
        </row>
        <row r="212">
          <cell r="A212" t="str">
            <v>HUNREG12003</v>
          </cell>
          <cell r="B212" t="str">
            <v>HUN</v>
          </cell>
          <cell r="C212" t="str">
            <v>Hungary</v>
          </cell>
          <cell r="D212" t="str">
            <v>Item 1</v>
          </cell>
          <cell r="E212" t="str">
            <v>REG1</v>
          </cell>
          <cell r="F212" t="str">
            <v>Notification procedures</v>
          </cell>
          <cell r="G212">
            <v>2003</v>
          </cell>
          <cell r="I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J212">
            <v>1</v>
          </cell>
          <cell r="M212">
            <v>2</v>
          </cell>
        </row>
        <row r="213">
          <cell r="A213" t="str">
            <v>HUNREG22003</v>
          </cell>
          <cell r="B213" t="str">
            <v>HUN</v>
          </cell>
          <cell r="C213" t="str">
            <v>Hungary</v>
          </cell>
          <cell r="D213" t="str">
            <v>Item 2</v>
          </cell>
          <cell r="E213" t="str">
            <v>REG2</v>
          </cell>
          <cell r="F213" t="str">
            <v>Delay before notice can start</v>
          </cell>
          <cell r="G213">
            <v>2003</v>
          </cell>
          <cell r="I213" t="str">
            <v>Advance discussion, then letter sent by mail or handed directly to employee.</v>
          </cell>
          <cell r="J213">
            <v>7</v>
          </cell>
          <cell r="M213">
            <v>1</v>
          </cell>
        </row>
        <row r="214">
          <cell r="A214" t="str">
            <v>HUNREG32003</v>
          </cell>
          <cell r="B214" t="str">
            <v>HUN</v>
          </cell>
          <cell r="C214" t="str">
            <v>Hungary</v>
          </cell>
          <cell r="D214" t="str">
            <v>Item 3</v>
          </cell>
          <cell r="E214" t="str">
            <v>REG3A, REG3B, REG3C</v>
          </cell>
          <cell r="F214" t="str">
            <v>Notice / tenure</v>
          </cell>
          <cell r="G214">
            <v>2003</v>
          </cell>
          <cell r="I214" t="str">
            <v>All workers: 30d&lt;3y, 35d&lt;5y, going up to 90d&gt;20y.
9 months tenure: 30 days, 4 years tenure: 35 days, 20 years tenure: 90 days.</v>
          </cell>
          <cell r="J214">
            <v>1</v>
          </cell>
          <cell r="K214">
            <v>1.2</v>
          </cell>
          <cell r="L214">
            <v>3</v>
          </cell>
          <cell r="M214">
            <v>3</v>
          </cell>
          <cell r="N214">
            <v>2</v>
          </cell>
          <cell r="O214">
            <v>2</v>
          </cell>
        </row>
        <row r="215">
          <cell r="A215" t="str">
            <v>HUNREG42003</v>
          </cell>
          <cell r="B215" t="str">
            <v>HUN</v>
          </cell>
          <cell r="C215" t="str">
            <v>Hungary</v>
          </cell>
          <cell r="D215" t="str">
            <v>Item 4</v>
          </cell>
          <cell r="E215" t="str">
            <v>REG4A, REG4B, REG4C</v>
          </cell>
          <cell r="F215" t="str">
            <v>Severance pay / tenure</v>
          </cell>
          <cell r="G215">
            <v>2003</v>
          </cell>
          <cell r="I215" t="str">
            <v>All workers: 0&lt;3y, 1m&lt;5y, 2m&lt;10y, going up to 5m&gt;20y and 6m&gt;25y.
9 months tenure: 0, 4 years tenure: 1 month, 20 years tenure: 5 months.</v>
          </cell>
          <cell r="J215">
            <v>0</v>
          </cell>
          <cell r="K215">
            <v>1</v>
          </cell>
          <cell r="L215">
            <v>5</v>
          </cell>
          <cell r="M215">
            <v>0</v>
          </cell>
          <cell r="N215">
            <v>2</v>
          </cell>
          <cell r="O215">
            <v>2</v>
          </cell>
        </row>
        <row r="216">
          <cell r="A216" t="str">
            <v>HUNREG52003</v>
          </cell>
          <cell r="B216" t="str">
            <v>HUN</v>
          </cell>
          <cell r="C216" t="str">
            <v>Hungary</v>
          </cell>
          <cell r="D216" t="str">
            <v>Item 5</v>
          </cell>
          <cell r="E216" t="str">
            <v>REG5</v>
          </cell>
          <cell r="F216" t="str">
            <v>Definition of justified or unfair dismissal</v>
          </cell>
          <cell r="G216">
            <v>2003</v>
          </cell>
          <cell r="I216" t="str">
            <v>Fair: Dismissals are justified for non-performance or business needs.
Unfair: Dismissals without notice and workers on sick leave, maternity leave and child care leave.</v>
          </cell>
          <cell r="J216">
            <v>0</v>
          </cell>
          <cell r="M216">
            <v>0</v>
          </cell>
        </row>
        <row r="217">
          <cell r="A217" t="str">
            <v>HUNREG62003</v>
          </cell>
          <cell r="B217" t="str">
            <v>HUN</v>
          </cell>
          <cell r="C217" t="str">
            <v>Hungary</v>
          </cell>
          <cell r="D217" t="str">
            <v>Item 6</v>
          </cell>
          <cell r="E217" t="str">
            <v>REG6</v>
          </cell>
          <cell r="F217" t="str">
            <v>Trial period</v>
          </cell>
          <cell r="G217">
            <v>2003</v>
          </cell>
          <cell r="I217" t="str">
            <v>maximum 3 months</v>
          </cell>
          <cell r="J217">
            <v>3</v>
          </cell>
          <cell r="M217">
            <v>4</v>
          </cell>
        </row>
        <row r="218">
          <cell r="A218" t="str">
            <v>HUNREG72003</v>
          </cell>
          <cell r="B218" t="str">
            <v>HUN</v>
          </cell>
          <cell r="C218" t="str">
            <v>Hungary</v>
          </cell>
          <cell r="D218" t="str">
            <v>Item 7</v>
          </cell>
          <cell r="E218" t="str">
            <v>REG7</v>
          </cell>
          <cell r="F218" t="str">
            <v xml:space="preserve">Compensation following unfair dismissal </v>
          </cell>
          <cell r="G218">
            <v>2003</v>
          </cell>
          <cell r="I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J218">
            <v>10</v>
          </cell>
          <cell r="M218">
            <v>2</v>
          </cell>
        </row>
        <row r="219">
          <cell r="A219" t="str">
            <v>HUNREG82003</v>
          </cell>
          <cell r="B219" t="str">
            <v>HUN</v>
          </cell>
          <cell r="C219" t="str">
            <v>Hungary</v>
          </cell>
          <cell r="D219" t="str">
            <v>Item 8</v>
          </cell>
          <cell r="E219" t="str">
            <v>REG8</v>
          </cell>
          <cell r="F219" t="str">
            <v>Possibility of reinstatement following unfair dismissal</v>
          </cell>
          <cell r="G219">
            <v>2003</v>
          </cell>
          <cell r="I219" t="str">
            <v>Reinstatement orders fairly frequent.</v>
          </cell>
          <cell r="J219">
            <v>2</v>
          </cell>
          <cell r="M219">
            <v>4</v>
          </cell>
        </row>
        <row r="220">
          <cell r="A220" t="str">
            <v>HUNREG92003</v>
          </cell>
          <cell r="B220" t="str">
            <v>HUN</v>
          </cell>
          <cell r="C220" t="str">
            <v>Hungary</v>
          </cell>
          <cell r="D220" t="str">
            <v>Item 9</v>
          </cell>
          <cell r="E220" t="str">
            <v>REG9</v>
          </cell>
          <cell r="F220" t="str">
            <v>Maximum time for claim</v>
          </cell>
          <cell r="G220">
            <v>2003</v>
          </cell>
        </row>
        <row r="221">
          <cell r="A221" t="str">
            <v>HUNFTC12003</v>
          </cell>
          <cell r="B221" t="str">
            <v>HUN</v>
          </cell>
          <cell r="C221" t="str">
            <v>Hungary</v>
          </cell>
          <cell r="D221" t="str">
            <v>Item 10</v>
          </cell>
          <cell r="E221" t="str">
            <v>FTC1</v>
          </cell>
          <cell r="F221" t="str">
            <v>Valid cases for use of fixed-term contracts, other than  “objective”  or “material” situation</v>
          </cell>
          <cell r="G221">
            <v>2003</v>
          </cell>
          <cell r="I221" t="str">
            <v>No restrictions for the first contract, except for public service (objective reasons only).</v>
          </cell>
          <cell r="J221">
            <v>2.5</v>
          </cell>
          <cell r="M221">
            <v>1</v>
          </cell>
        </row>
        <row r="222">
          <cell r="A222" t="str">
            <v>HUNFTC22003</v>
          </cell>
          <cell r="B222" t="str">
            <v>HUN</v>
          </cell>
          <cell r="C222" t="str">
            <v>Hungary</v>
          </cell>
          <cell r="D222" t="str">
            <v>Item 11</v>
          </cell>
          <cell r="E222" t="str">
            <v>FTC2</v>
          </cell>
          <cell r="F222" t="str">
            <v>Maximum number of successive fixed-term contracts</v>
          </cell>
          <cell r="G222">
            <v>2003</v>
          </cell>
          <cell r="I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J222">
            <v>2.5</v>
          </cell>
          <cell r="M222">
            <v>4</v>
          </cell>
        </row>
        <row r="223">
          <cell r="A223" t="str">
            <v>HUNFTC32003</v>
          </cell>
          <cell r="B223" t="str">
            <v>HUN</v>
          </cell>
          <cell r="C223" t="str">
            <v>Hungary</v>
          </cell>
          <cell r="D223" t="str">
            <v>Item 12</v>
          </cell>
          <cell r="E223" t="str">
            <v>FTC3</v>
          </cell>
          <cell r="F223" t="str">
            <v>Maximum cumulated duration of successive fixed-term contracts</v>
          </cell>
          <cell r="G223">
            <v>2003</v>
          </cell>
          <cell r="I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223">
            <v>60</v>
          </cell>
          <cell r="M223">
            <v>1</v>
          </cell>
        </row>
        <row r="224">
          <cell r="A224" t="str">
            <v>HUNTWA12003</v>
          </cell>
          <cell r="B224" t="str">
            <v>HUN</v>
          </cell>
          <cell r="C224" t="str">
            <v>Hungary</v>
          </cell>
          <cell r="D224" t="str">
            <v>Item 13</v>
          </cell>
          <cell r="E224" t="str">
            <v>TWA1</v>
          </cell>
          <cell r="F224" t="str">
            <v>Types of work for which TWA employment is legal</v>
          </cell>
          <cell r="G224">
            <v>2003</v>
          </cell>
          <cell r="I224" t="str">
            <v>General</v>
          </cell>
          <cell r="J224">
            <v>4</v>
          </cell>
          <cell r="M224">
            <v>0</v>
          </cell>
        </row>
        <row r="225">
          <cell r="A225" t="str">
            <v>HUNTWA22003</v>
          </cell>
          <cell r="B225" t="str">
            <v>HUN</v>
          </cell>
          <cell r="C225" t="str">
            <v>Hungary</v>
          </cell>
          <cell r="D225" t="str">
            <v>Item 14</v>
          </cell>
          <cell r="E225" t="str">
            <v>TWA2A, TWA2B</v>
          </cell>
          <cell r="F225" t="str">
            <v>Are there any restrictions on the number of renewals of a TWA contract?</v>
          </cell>
          <cell r="G225">
            <v>2003</v>
          </cell>
          <cell r="I225" t="str">
            <v>No</v>
          </cell>
          <cell r="J225" t="str">
            <v>No</v>
          </cell>
          <cell r="K225" t="str">
            <v>No</v>
          </cell>
          <cell r="M225">
            <v>2</v>
          </cell>
          <cell r="N225">
            <v>2</v>
          </cell>
        </row>
        <row r="226">
          <cell r="A226" t="str">
            <v>HUNTWA32003</v>
          </cell>
          <cell r="B226" t="str">
            <v>HUN</v>
          </cell>
          <cell r="C226" t="str">
            <v>Hungary</v>
          </cell>
          <cell r="D226" t="str">
            <v>Item 15</v>
          </cell>
          <cell r="E226" t="str">
            <v>TWA3A, TWA3B</v>
          </cell>
          <cell r="F226" t="str">
            <v>Maximum cumulated duration of temporary work contracts</v>
          </cell>
          <cell r="G226">
            <v>2003</v>
          </cell>
          <cell r="I226" t="str">
            <v>No limit</v>
          </cell>
          <cell r="J226">
            <v>100</v>
          </cell>
          <cell r="K226">
            <v>100</v>
          </cell>
          <cell r="M226">
            <v>0</v>
          </cell>
          <cell r="N226">
            <v>0</v>
          </cell>
        </row>
        <row r="227">
          <cell r="A227" t="str">
            <v>HUNTWA42003</v>
          </cell>
          <cell r="B227" t="str">
            <v>HUN</v>
          </cell>
          <cell r="C227" t="str">
            <v>Hungary</v>
          </cell>
          <cell r="D227" t="str">
            <v>Item 16</v>
          </cell>
          <cell r="E227" t="str">
            <v>TWA4</v>
          </cell>
          <cell r="F227" t="str">
            <v>Authorisation and reporting obligations</v>
          </cell>
          <cell r="G227">
            <v>2003</v>
          </cell>
        </row>
        <row r="228">
          <cell r="A228" t="str">
            <v>HUNTWA52003</v>
          </cell>
          <cell r="B228" t="str">
            <v>HUN</v>
          </cell>
          <cell r="C228" t="str">
            <v>Hungary</v>
          </cell>
          <cell r="D228" t="str">
            <v>Item 17</v>
          </cell>
          <cell r="E228" t="str">
            <v>TWA5</v>
          </cell>
          <cell r="F228" t="str">
            <v>Equal treatment for TWA workers</v>
          </cell>
          <cell r="G228">
            <v>2003</v>
          </cell>
        </row>
        <row r="229">
          <cell r="A229" t="str">
            <v>HUNCD12003</v>
          </cell>
          <cell r="B229" t="str">
            <v>HUN</v>
          </cell>
          <cell r="C229" t="str">
            <v>Hungary</v>
          </cell>
          <cell r="D229" t="str">
            <v>Item 18</v>
          </cell>
          <cell r="E229" t="str">
            <v>CD1</v>
          </cell>
          <cell r="F229" t="str">
            <v>Definition of collective dismissal</v>
          </cell>
          <cell r="G229">
            <v>2003</v>
          </cell>
          <cell r="I229" t="str">
            <v>10+ workers in firms 20-299 employees; &gt;10% in firms 100-299; 30+ workers in firms 300+ employees.</v>
          </cell>
          <cell r="J229">
            <v>3</v>
          </cell>
          <cell r="M229">
            <v>4.5</v>
          </cell>
        </row>
        <row r="230">
          <cell r="A230" t="str">
            <v>HUNCD22003</v>
          </cell>
          <cell r="B230" t="str">
            <v>HUN</v>
          </cell>
          <cell r="C230" t="str">
            <v>Hungary</v>
          </cell>
          <cell r="D230" t="str">
            <v>Item 19</v>
          </cell>
          <cell r="E230" t="str">
            <v>CD2</v>
          </cell>
          <cell r="F230" t="str">
            <v>Additional notification requirements in case of collective dismissals</v>
          </cell>
          <cell r="G230">
            <v>2003</v>
          </cell>
          <cell r="I230" t="str">
            <v>Notification of employee representatives: Committee to be set up, including Works Council or trade union representatives  to consult on procedures and benefits.
Notification of public authorities: Notification of local employment office.</v>
          </cell>
          <cell r="J230">
            <v>2</v>
          </cell>
          <cell r="M230">
            <v>6</v>
          </cell>
        </row>
        <row r="231">
          <cell r="A231" t="str">
            <v>HUNCD32003</v>
          </cell>
          <cell r="B231" t="str">
            <v>HUN</v>
          </cell>
          <cell r="C231" t="str">
            <v>Hungary</v>
          </cell>
          <cell r="D231" t="str">
            <v>Item 20</v>
          </cell>
          <cell r="E231" t="str">
            <v>CD3</v>
          </cell>
          <cell r="F231" t="str">
            <v>Additional delays involved in case of collective dismissals</v>
          </cell>
          <cell r="G231">
            <v>2003</v>
          </cell>
          <cell r="I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J231">
            <v>23</v>
          </cell>
          <cell r="M231">
            <v>1</v>
          </cell>
        </row>
        <row r="232">
          <cell r="A232" t="str">
            <v>HUNCD42003</v>
          </cell>
          <cell r="B232" t="str">
            <v>HUN</v>
          </cell>
          <cell r="C232" t="str">
            <v>Hungary</v>
          </cell>
          <cell r="D232" t="str">
            <v>Item 21</v>
          </cell>
          <cell r="E232" t="str">
            <v>CD4</v>
          </cell>
          <cell r="F232" t="str">
            <v>Other special costs to employers in case of collective dismissals</v>
          </cell>
          <cell r="G232">
            <v>2003</v>
          </cell>
          <cell r="I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J232">
            <v>0</v>
          </cell>
          <cell r="M232">
            <v>0</v>
          </cell>
        </row>
        <row r="233">
          <cell r="A233" t="str">
            <v>IRLREG12003</v>
          </cell>
          <cell r="B233" t="str">
            <v>IRL</v>
          </cell>
          <cell r="C233" t="str">
            <v>Ireland</v>
          </cell>
          <cell r="D233" t="str">
            <v>Item 1</v>
          </cell>
          <cell r="E233" t="str">
            <v>REG1</v>
          </cell>
          <cell r="F233" t="str">
            <v>Notification procedures</v>
          </cell>
          <cell r="G233">
            <v>2003</v>
          </cell>
          <cell r="I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J233">
            <v>1.5</v>
          </cell>
          <cell r="M233">
            <v>3</v>
          </cell>
        </row>
        <row r="234">
          <cell r="A234" t="str">
            <v>IRLREG22003</v>
          </cell>
          <cell r="B234" t="str">
            <v>IRL</v>
          </cell>
          <cell r="C234" t="str">
            <v>Ireland</v>
          </cell>
          <cell r="D234" t="str">
            <v>Item 2</v>
          </cell>
          <cell r="E234" t="str">
            <v>REG2</v>
          </cell>
          <cell r="F234" t="str">
            <v>Delay before notice can start</v>
          </cell>
          <cell r="G234">
            <v>2003</v>
          </cell>
          <cell r="I234" t="str">
            <v>None specified in legislation. Notice may be oral or written as long as it is certain. In case of individual termination, advisable to serve notice in writing after warnings specifying what aspect of behaviour is sub-standard.</v>
          </cell>
          <cell r="J234">
            <v>4.5</v>
          </cell>
          <cell r="M234">
            <v>1</v>
          </cell>
        </row>
        <row r="235">
          <cell r="A235" t="str">
            <v>IRLREG32003</v>
          </cell>
          <cell r="B235" t="str">
            <v>IRL</v>
          </cell>
          <cell r="C235" t="str">
            <v>Ireland</v>
          </cell>
          <cell r="D235" t="str">
            <v>Item 3</v>
          </cell>
          <cell r="E235" t="str">
            <v>REG3A, REG3B, REG3C</v>
          </cell>
          <cell r="F235" t="str">
            <v>Notice / tenure</v>
          </cell>
          <cell r="G235">
            <v>2003</v>
          </cell>
          <cell r="I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J235">
            <v>0.375</v>
          </cell>
          <cell r="K235">
            <v>0.5</v>
          </cell>
          <cell r="L235">
            <v>2</v>
          </cell>
          <cell r="M235">
            <v>1</v>
          </cell>
          <cell r="N235">
            <v>1</v>
          </cell>
          <cell r="O235">
            <v>1</v>
          </cell>
        </row>
        <row r="236">
          <cell r="A236" t="str">
            <v>IRLREG42003</v>
          </cell>
          <cell r="B236" t="str">
            <v>IRL</v>
          </cell>
          <cell r="C236" t="str">
            <v>Ireland</v>
          </cell>
          <cell r="D236" t="str">
            <v>Item 4</v>
          </cell>
          <cell r="E236" t="str">
            <v>REG4A, REG4B, REG4C</v>
          </cell>
          <cell r="F236" t="str">
            <v>Severance pay / tenure</v>
          </cell>
          <cell r="G236">
            <v>2003</v>
          </cell>
          <cell r="I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J236">
            <v>0</v>
          </cell>
          <cell r="K236">
            <v>0.45</v>
          </cell>
          <cell r="L236">
            <v>2.0499999999999998</v>
          </cell>
          <cell r="M236">
            <v>0</v>
          </cell>
          <cell r="N236">
            <v>1</v>
          </cell>
          <cell r="O236">
            <v>1</v>
          </cell>
        </row>
        <row r="237">
          <cell r="A237" t="str">
            <v>IRLREG52003</v>
          </cell>
          <cell r="B237" t="str">
            <v>IRL</v>
          </cell>
          <cell r="C237" t="str">
            <v>Ireland</v>
          </cell>
          <cell r="D237" t="str">
            <v>Item 5</v>
          </cell>
          <cell r="E237" t="str">
            <v>REG5</v>
          </cell>
          <cell r="F237" t="str">
            <v>Definition of justified or unfair dismissal</v>
          </cell>
          <cell r="G237">
            <v>2003</v>
          </cell>
          <cell r="I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J237">
            <v>0</v>
          </cell>
          <cell r="M237">
            <v>0</v>
          </cell>
        </row>
        <row r="238">
          <cell r="A238" t="str">
            <v>IRLREG62003</v>
          </cell>
          <cell r="B238" t="str">
            <v>IRL</v>
          </cell>
          <cell r="C238" t="str">
            <v>Ireland</v>
          </cell>
          <cell r="D238" t="str">
            <v>Item 6</v>
          </cell>
          <cell r="E238" t="str">
            <v>REG6</v>
          </cell>
          <cell r="F238" t="str">
            <v>Trial period</v>
          </cell>
          <cell r="G238">
            <v>2003</v>
          </cell>
          <cell r="I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38">
            <v>12</v>
          </cell>
          <cell r="M238">
            <v>2</v>
          </cell>
        </row>
        <row r="239">
          <cell r="A239" t="str">
            <v>IRLREG72003</v>
          </cell>
          <cell r="B239" t="str">
            <v>IRL</v>
          </cell>
          <cell r="C239" t="str">
            <v>Ireland</v>
          </cell>
          <cell r="D239" t="str">
            <v>Item 7</v>
          </cell>
          <cell r="E239" t="str">
            <v>REG7</v>
          </cell>
          <cell r="F239" t="str">
            <v xml:space="preserve">Compensation following unfair dismissal </v>
          </cell>
          <cell r="G239">
            <v>2003</v>
          </cell>
          <cell r="I239" t="str">
            <v>Maximum compensation equals 104 weeks’ pay.  Compensation awards based on financial loss.  Minimum 4 weeks’  award where no loss established.  (Average Employment Appeals Tribunal award in 2001 = €5,286.23;  2002 - €5,317.19.)</v>
          </cell>
          <cell r="J239">
            <v>24</v>
          </cell>
          <cell r="M239">
            <v>4</v>
          </cell>
        </row>
        <row r="240">
          <cell r="A240" t="str">
            <v>IRLREG82003</v>
          </cell>
          <cell r="B240" t="str">
            <v>IRL</v>
          </cell>
          <cell r="C240" t="str">
            <v>Ireland</v>
          </cell>
          <cell r="D240" t="str">
            <v>Item 8</v>
          </cell>
          <cell r="E240" t="str">
            <v>REG8</v>
          </cell>
          <cell r="F240" t="str">
            <v>Possibility of reinstatement following unfair dismissal</v>
          </cell>
          <cell r="G240">
            <v>2003</v>
          </cell>
          <cell r="I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J240">
            <v>1</v>
          </cell>
          <cell r="M240">
            <v>2</v>
          </cell>
        </row>
        <row r="241">
          <cell r="A241" t="str">
            <v>IRLREG92003</v>
          </cell>
          <cell r="B241" t="str">
            <v>IRL</v>
          </cell>
          <cell r="C241" t="str">
            <v>Ireland</v>
          </cell>
          <cell r="D241" t="str">
            <v>Item 9</v>
          </cell>
          <cell r="E241" t="str">
            <v>REG9</v>
          </cell>
          <cell r="F241" t="str">
            <v>Maximum time for claim</v>
          </cell>
          <cell r="G241">
            <v>2003</v>
          </cell>
        </row>
        <row r="242">
          <cell r="A242" t="str">
            <v>IRLFTC12003</v>
          </cell>
          <cell r="B242" t="str">
            <v>IRL</v>
          </cell>
          <cell r="C242" t="str">
            <v>Ireland</v>
          </cell>
          <cell r="D242" t="str">
            <v>Item 10</v>
          </cell>
          <cell r="E242" t="str">
            <v>FTC1</v>
          </cell>
          <cell r="F242" t="str">
            <v>Valid cases for use of fixed-term contracts, other than  “objective”  or “material” situation</v>
          </cell>
          <cell r="G242">
            <v>2003</v>
          </cell>
          <cell r="I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J242">
            <v>2.5</v>
          </cell>
          <cell r="M242">
            <v>1</v>
          </cell>
        </row>
        <row r="243">
          <cell r="A243" t="str">
            <v>IRLFTC22003</v>
          </cell>
          <cell r="B243" t="str">
            <v>IRL</v>
          </cell>
          <cell r="C243" t="str">
            <v>Ireland</v>
          </cell>
          <cell r="D243" t="str">
            <v>Item 11</v>
          </cell>
          <cell r="E243" t="str">
            <v>FTC2</v>
          </cell>
          <cell r="F243" t="str">
            <v>Maximum number of successive fixed-term contracts</v>
          </cell>
          <cell r="G243">
            <v>2003</v>
          </cell>
          <cell r="I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J243">
            <v>100</v>
          </cell>
          <cell r="M243">
            <v>0</v>
          </cell>
        </row>
        <row r="244">
          <cell r="A244" t="str">
            <v>IRLFTC32003</v>
          </cell>
          <cell r="B244" t="str">
            <v>IRL</v>
          </cell>
          <cell r="C244" t="str">
            <v>Ireland</v>
          </cell>
          <cell r="D244" t="str">
            <v>Item 12</v>
          </cell>
          <cell r="E244" t="str">
            <v>FTC3</v>
          </cell>
          <cell r="F244" t="str">
            <v>Maximum cumulated duration of successive fixed-term contracts</v>
          </cell>
          <cell r="G244">
            <v>2003</v>
          </cell>
          <cell r="I244" t="str">
            <v> The maximum cumulated duration of successive fixed-term contracts under the Protection of Employees (Fixed-Term Work) Act 2002 is 4 years.</v>
          </cell>
          <cell r="J244">
            <v>48</v>
          </cell>
          <cell r="M244">
            <v>1</v>
          </cell>
        </row>
        <row r="245">
          <cell r="A245" t="str">
            <v>IRLTWA12003</v>
          </cell>
          <cell r="B245" t="str">
            <v>IRL</v>
          </cell>
          <cell r="C245" t="str">
            <v>Ireland</v>
          </cell>
          <cell r="D245" t="str">
            <v>Item 13</v>
          </cell>
          <cell r="E245" t="str">
            <v>TWA1</v>
          </cell>
          <cell r="F245" t="str">
            <v>Types of work for which TWA employment is legal</v>
          </cell>
          <cell r="G245">
            <v>2003</v>
          </cell>
          <cell r="I245" t="str">
            <v>All employments.</v>
          </cell>
          <cell r="J245">
            <v>4</v>
          </cell>
          <cell r="M245">
            <v>0</v>
          </cell>
        </row>
        <row r="246">
          <cell r="A246" t="str">
            <v>IRLTWA22003</v>
          </cell>
          <cell r="B246" t="str">
            <v>IRL</v>
          </cell>
          <cell r="C246" t="str">
            <v>Ireland</v>
          </cell>
          <cell r="D246" t="str">
            <v>Item 14</v>
          </cell>
          <cell r="E246" t="str">
            <v>TWA2A, TWA2B</v>
          </cell>
          <cell r="F246" t="str">
            <v>Are there any restrictions on the number of renewals of a TWA contract?</v>
          </cell>
          <cell r="G246">
            <v>2003</v>
          </cell>
          <cell r="I246" t="str">
            <v>No. The Protection of Employees (Fixed-Term Work) Act 2003 does not apply to agency workers placed by a temporary work agency at the disposition of a user enterprise.</v>
          </cell>
          <cell r="J246" t="str">
            <v>No</v>
          </cell>
          <cell r="K246" t="str">
            <v>No</v>
          </cell>
          <cell r="M246">
            <v>2</v>
          </cell>
          <cell r="N246">
            <v>2</v>
          </cell>
        </row>
        <row r="247">
          <cell r="A247" t="str">
            <v>IRLTWA32003</v>
          </cell>
          <cell r="B247" t="str">
            <v>IRL</v>
          </cell>
          <cell r="C247" t="str">
            <v>Ireland</v>
          </cell>
          <cell r="D247" t="str">
            <v>Item 15</v>
          </cell>
          <cell r="E247" t="str">
            <v>TWA3A, TWA3B</v>
          </cell>
          <cell r="F247" t="str">
            <v>Maximum cumulated duration of temporary work contracts</v>
          </cell>
          <cell r="G247">
            <v>2003</v>
          </cell>
          <cell r="I247" t="str">
            <v>No limit. The Protection of Employees (Fixed-Term Work) Act 2003 does not apply to agency workers placed by a temporary work agency at the disposition of a user enterprise.</v>
          </cell>
          <cell r="J247">
            <v>100</v>
          </cell>
          <cell r="K247">
            <v>100</v>
          </cell>
          <cell r="M247">
            <v>0</v>
          </cell>
          <cell r="N247">
            <v>0</v>
          </cell>
        </row>
        <row r="248">
          <cell r="A248" t="str">
            <v>IRLTWA42003</v>
          </cell>
          <cell r="B248" t="str">
            <v>IRL</v>
          </cell>
          <cell r="C248" t="str">
            <v>Ireland</v>
          </cell>
          <cell r="D248" t="str">
            <v>Item 16</v>
          </cell>
          <cell r="E248" t="str">
            <v>TWA4</v>
          </cell>
          <cell r="F248" t="str">
            <v>Authorisation and reporting obligations</v>
          </cell>
          <cell r="G248">
            <v>2003</v>
          </cell>
        </row>
        <row r="249">
          <cell r="A249" t="str">
            <v>IRLTWA52003</v>
          </cell>
          <cell r="B249" t="str">
            <v>IRL</v>
          </cell>
          <cell r="C249" t="str">
            <v>Ireland</v>
          </cell>
          <cell r="D249" t="str">
            <v>Item 17</v>
          </cell>
          <cell r="E249" t="str">
            <v>TWA5</v>
          </cell>
          <cell r="F249" t="str">
            <v>Equal treatment for TWA workers</v>
          </cell>
          <cell r="G249">
            <v>2003</v>
          </cell>
        </row>
        <row r="250">
          <cell r="A250" t="str">
            <v>IRLCD12003</v>
          </cell>
          <cell r="B250" t="str">
            <v>IRL</v>
          </cell>
          <cell r="C250" t="str">
            <v>Ireland</v>
          </cell>
          <cell r="D250" t="str">
            <v>Item 18</v>
          </cell>
          <cell r="E250" t="str">
            <v>CD1</v>
          </cell>
          <cell r="F250" t="str">
            <v>Definition of collective dismissal</v>
          </cell>
          <cell r="G250">
            <v>2003</v>
          </cell>
          <cell r="I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J250">
            <v>3</v>
          </cell>
          <cell r="M250">
            <v>4.5</v>
          </cell>
        </row>
        <row r="251">
          <cell r="A251" t="str">
            <v>IRLCD22003</v>
          </cell>
          <cell r="B251" t="str">
            <v>IRL</v>
          </cell>
          <cell r="C251" t="str">
            <v>Ireland</v>
          </cell>
          <cell r="D251" t="str">
            <v>Item 19</v>
          </cell>
          <cell r="E251" t="str">
            <v>CD2</v>
          </cell>
          <cell r="F251" t="str">
            <v>Additional notification requirements in case of collective dismissals</v>
          </cell>
          <cell r="G251">
            <v>2003</v>
          </cell>
          <cell r="I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51">
            <v>1</v>
          </cell>
          <cell r="M251">
            <v>3</v>
          </cell>
        </row>
        <row r="252">
          <cell r="A252" t="str">
            <v>IRLCD32003</v>
          </cell>
          <cell r="B252" t="str">
            <v>IRL</v>
          </cell>
          <cell r="C252" t="str">
            <v>Ireland</v>
          </cell>
          <cell r="D252" t="str">
            <v>Item 20</v>
          </cell>
          <cell r="E252" t="str">
            <v>CD3</v>
          </cell>
          <cell r="F252" t="str">
            <v>Additional delays involved in case of collective dismissals</v>
          </cell>
          <cell r="G252">
            <v>2003</v>
          </cell>
          <cell r="I252" t="str">
            <v>Information to trade union and Ministry 30 days before implementation. (30 - 1 for individual redundancies)</v>
          </cell>
          <cell r="J252">
            <v>29</v>
          </cell>
          <cell r="M252">
            <v>2</v>
          </cell>
        </row>
        <row r="253">
          <cell r="A253" t="str">
            <v>IRLCD42003</v>
          </cell>
          <cell r="B253" t="str">
            <v>IRL</v>
          </cell>
          <cell r="C253" t="str">
            <v>Ireland</v>
          </cell>
          <cell r="D253" t="str">
            <v>Item 21</v>
          </cell>
          <cell r="E253" t="str">
            <v>CD4</v>
          </cell>
          <cell r="F253" t="str">
            <v>Other special costs to employers in case of collective dismissals</v>
          </cell>
          <cell r="G253">
            <v>2003</v>
          </cell>
          <cell r="I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3">
            <v>0</v>
          </cell>
          <cell r="M253">
            <v>0</v>
          </cell>
        </row>
        <row r="254">
          <cell r="A254" t="str">
            <v>ITAREG12003</v>
          </cell>
          <cell r="B254" t="str">
            <v>ITA</v>
          </cell>
          <cell r="C254" t="str">
            <v>Italy</v>
          </cell>
          <cell r="D254" t="str">
            <v>Item 1</v>
          </cell>
          <cell r="E254" t="str">
            <v>REG1</v>
          </cell>
          <cell r="F254" t="str">
            <v>Notification procedures</v>
          </cell>
          <cell r="G254">
            <v>2003</v>
          </cell>
          <cell r="I254" t="str">
            <v>Written notice to employee who can require communication of detailed reasons and can request conciliation by the provincial employment office or through conciliation committees set up under collective agreements.</v>
          </cell>
          <cell r="J254">
            <v>1.5</v>
          </cell>
          <cell r="M254">
            <v>3</v>
          </cell>
        </row>
        <row r="255">
          <cell r="A255" t="str">
            <v>ITAREG22003</v>
          </cell>
          <cell r="B255" t="str">
            <v>ITA</v>
          </cell>
          <cell r="C255" t="str">
            <v>Italy</v>
          </cell>
          <cell r="D255" t="str">
            <v>Item 2</v>
          </cell>
          <cell r="E255" t="str">
            <v>REG2</v>
          </cell>
          <cell r="F255" t="str">
            <v>Delay before notice can start</v>
          </cell>
          <cell r="G255">
            <v>2003</v>
          </cell>
          <cell r="I255" t="str">
            <v>Letter sent by mail or handed directly to employee.</v>
          </cell>
          <cell r="J255">
            <v>1</v>
          </cell>
          <cell r="M255">
            <v>0</v>
          </cell>
        </row>
        <row r="256">
          <cell r="A256" t="str">
            <v>ITAREG32003</v>
          </cell>
          <cell r="B256" t="str">
            <v>ITA</v>
          </cell>
          <cell r="C256" t="str">
            <v>Italy</v>
          </cell>
          <cell r="D256" t="str">
            <v>Item 3</v>
          </cell>
          <cell r="E256" t="str">
            <v>REG3A, REG3B, REG3C</v>
          </cell>
          <cell r="F256" t="str">
            <v>Notice / tenure</v>
          </cell>
          <cell r="G256">
            <v>2003</v>
          </cell>
          <cell r="I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J256">
            <v>0.3</v>
          </cell>
          <cell r="K256">
            <v>1.1000000000000001</v>
          </cell>
          <cell r="L256">
            <v>2.2000000000000002</v>
          </cell>
          <cell r="M256">
            <v>1</v>
          </cell>
          <cell r="N256">
            <v>2</v>
          </cell>
          <cell r="O256">
            <v>1</v>
          </cell>
        </row>
        <row r="257">
          <cell r="A257" t="str">
            <v>ITAREG42003</v>
          </cell>
          <cell r="B257" t="str">
            <v>ITA</v>
          </cell>
          <cell r="C257" t="str">
            <v>Italy</v>
          </cell>
          <cell r="D257" t="str">
            <v>Item 4</v>
          </cell>
          <cell r="E257" t="str">
            <v>REG4A, REG4B, REG4C</v>
          </cell>
          <cell r="F257" t="str">
            <v>Severance pay / tenure</v>
          </cell>
          <cell r="G257">
            <v>2003</v>
          </cell>
          <cell r="I257" t="str">
            <v>All workers: none.</v>
          </cell>
          <cell r="J257">
            <v>0</v>
          </cell>
          <cell r="K257">
            <v>0</v>
          </cell>
          <cell r="L257">
            <v>0</v>
          </cell>
          <cell r="M257">
            <v>0</v>
          </cell>
          <cell r="N257">
            <v>0</v>
          </cell>
          <cell r="O257">
            <v>0</v>
          </cell>
        </row>
        <row r="258">
          <cell r="A258" t="str">
            <v>ITAREG52003</v>
          </cell>
          <cell r="B258" t="str">
            <v>ITA</v>
          </cell>
          <cell r="C258" t="str">
            <v>Italy</v>
          </cell>
          <cell r="D258" t="str">
            <v>Item 5</v>
          </cell>
          <cell r="E258" t="str">
            <v>REG5</v>
          </cell>
          <cell r="F258" t="str">
            <v>Definition of justified or unfair dismissal</v>
          </cell>
          <cell r="G258">
            <v>2003</v>
          </cell>
          <cell r="I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J258">
            <v>0</v>
          </cell>
          <cell r="M258">
            <v>0</v>
          </cell>
        </row>
        <row r="259">
          <cell r="A259" t="str">
            <v>ITAREG62003</v>
          </cell>
          <cell r="B259" t="str">
            <v>ITA</v>
          </cell>
          <cell r="C259" t="str">
            <v>Italy</v>
          </cell>
          <cell r="D259" t="str">
            <v>Item 6</v>
          </cell>
          <cell r="E259" t="str">
            <v>REG6</v>
          </cell>
          <cell r="F259" t="str">
            <v>Trial period</v>
          </cell>
          <cell r="G259">
            <v>2003</v>
          </cell>
          <cell r="I259" t="str">
            <v>Blue collar: 1-2 weeks (the trial periods cited are those common in collective agreements which are enforceable). White collar: 3-8 weeks.</v>
          </cell>
          <cell r="J259">
            <v>0.8</v>
          </cell>
          <cell r="M259">
            <v>6</v>
          </cell>
        </row>
        <row r="260">
          <cell r="A260" t="str">
            <v>ITAREG72003</v>
          </cell>
          <cell r="B260" t="str">
            <v>ITA</v>
          </cell>
          <cell r="C260" t="str">
            <v>Italy</v>
          </cell>
          <cell r="D260" t="str">
            <v>Item 7</v>
          </cell>
          <cell r="E260" t="str">
            <v>REG7</v>
          </cell>
          <cell r="F260" t="str">
            <v xml:space="preserve">Compensation following unfair dismissal </v>
          </cell>
          <cell r="G260">
            <v>2003</v>
          </cell>
          <cell r="I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J260">
            <v>15</v>
          </cell>
          <cell r="M260">
            <v>3</v>
          </cell>
        </row>
        <row r="261">
          <cell r="A261" t="str">
            <v>ITAREG82003</v>
          </cell>
          <cell r="B261" t="str">
            <v>ITA</v>
          </cell>
          <cell r="C261" t="str">
            <v>Italy</v>
          </cell>
          <cell r="D261" t="str">
            <v>Item 8</v>
          </cell>
          <cell r="E261" t="str">
            <v>REG8</v>
          </cell>
          <cell r="F261" t="str">
            <v>Possibility of reinstatement following unfair dismissal</v>
          </cell>
          <cell r="G261">
            <v>2003</v>
          </cell>
          <cell r="I261" t="str">
            <v>The option of  reinstatement is fairly often made avalaible to the employee.</v>
          </cell>
          <cell r="J261">
            <v>2</v>
          </cell>
          <cell r="M261">
            <v>4</v>
          </cell>
        </row>
        <row r="262">
          <cell r="A262" t="str">
            <v>ITAREG92003</v>
          </cell>
          <cell r="B262" t="str">
            <v>ITA</v>
          </cell>
          <cell r="C262" t="str">
            <v>Italy</v>
          </cell>
          <cell r="D262" t="str">
            <v>Item 9</v>
          </cell>
          <cell r="E262" t="str">
            <v>REG9</v>
          </cell>
          <cell r="F262" t="str">
            <v>Maximum time for claim</v>
          </cell>
          <cell r="G262">
            <v>2003</v>
          </cell>
        </row>
        <row r="263">
          <cell r="A263" t="str">
            <v>ITAFTC12003</v>
          </cell>
          <cell r="B263" t="str">
            <v>ITA</v>
          </cell>
          <cell r="C263" t="str">
            <v>Italy</v>
          </cell>
          <cell r="D263" t="str">
            <v>Item 10</v>
          </cell>
          <cell r="E263" t="str">
            <v>FTC1</v>
          </cell>
          <cell r="F263" t="str">
            <v>Valid cases for use of fixed-term contracts, other than  “objective”  or “material” situation</v>
          </cell>
          <cell r="G263">
            <v>2003</v>
          </cell>
          <cell r="I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J263">
            <v>2</v>
          </cell>
          <cell r="M263">
            <v>2</v>
          </cell>
        </row>
        <row r="264">
          <cell r="A264" t="str">
            <v>ITAFTC22003</v>
          </cell>
          <cell r="B264" t="str">
            <v>ITA</v>
          </cell>
          <cell r="C264" t="str">
            <v>Italy</v>
          </cell>
          <cell r="D264" t="str">
            <v>Item 11</v>
          </cell>
          <cell r="E264" t="str">
            <v>FTC2</v>
          </cell>
          <cell r="F264" t="str">
            <v>Maximum number of successive fixed-term contracts</v>
          </cell>
          <cell r="G264">
            <v>2003</v>
          </cell>
          <cell r="I264" t="str">
            <v>1 One renewal is possible provided that the duration initially agreed is less than three years.</v>
          </cell>
          <cell r="J264">
            <v>2</v>
          </cell>
          <cell r="M264">
            <v>4</v>
          </cell>
        </row>
        <row r="265">
          <cell r="A265" t="str">
            <v>ITAFTC32003</v>
          </cell>
          <cell r="B265" t="str">
            <v>ITA</v>
          </cell>
          <cell r="C265" t="str">
            <v>Italy</v>
          </cell>
          <cell r="D265" t="str">
            <v>Item 12</v>
          </cell>
          <cell r="E265" t="str">
            <v>FTC3</v>
          </cell>
          <cell r="F265" t="str">
            <v>Maximum cumulated duration of successive fixed-term contracts</v>
          </cell>
          <cell r="G265">
            <v>2003</v>
          </cell>
          <cell r="I265" t="str">
            <v xml:space="preserve">No maximum duration except for managers (5 years). When the contract is subject to a renewal the total duration cannot exceed three years. </v>
          </cell>
          <cell r="J265">
            <v>200</v>
          </cell>
          <cell r="M265">
            <v>0</v>
          </cell>
        </row>
        <row r="266">
          <cell r="A266" t="str">
            <v>ITATWA12003</v>
          </cell>
          <cell r="B266" t="str">
            <v>ITA</v>
          </cell>
          <cell r="C266" t="str">
            <v>Italy</v>
          </cell>
          <cell r="D266" t="str">
            <v>Item 13</v>
          </cell>
          <cell r="E266" t="str">
            <v>TWA1</v>
          </cell>
          <cell r="F266" t="str">
            <v>Types of work for which TWA employment is legal</v>
          </cell>
          <cell r="G266">
            <v>2003</v>
          </cell>
          <cell r="I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J266">
            <v>3</v>
          </cell>
          <cell r="M266">
            <v>1.5</v>
          </cell>
        </row>
        <row r="267">
          <cell r="A267" t="str">
            <v>ITATWA22003</v>
          </cell>
          <cell r="B267" t="str">
            <v>ITA</v>
          </cell>
          <cell r="C267" t="str">
            <v>Italy</v>
          </cell>
          <cell r="D267" t="str">
            <v>Item 14</v>
          </cell>
          <cell r="E267" t="str">
            <v>TWA2A, TWA2B</v>
          </cell>
          <cell r="F267" t="str">
            <v>Are there any restrictions on the number of renewals of a TWA contract?</v>
          </cell>
          <cell r="G267">
            <v>2003</v>
          </cell>
          <cell r="I267" t="str">
            <v>Yes, in the cases and for the duration set forth in the collective agreement used by temporary work agencies.</v>
          </cell>
          <cell r="J267" t="str">
            <v>Yes</v>
          </cell>
          <cell r="K267" t="str">
            <v>Yes</v>
          </cell>
          <cell r="M267">
            <v>4</v>
          </cell>
          <cell r="N267">
            <v>4</v>
          </cell>
        </row>
        <row r="268">
          <cell r="A268" t="str">
            <v>ITATWA32003</v>
          </cell>
          <cell r="B268" t="str">
            <v>ITA</v>
          </cell>
          <cell r="C268" t="str">
            <v>Italy</v>
          </cell>
          <cell r="D268" t="str">
            <v>Item 15</v>
          </cell>
          <cell r="E268" t="str">
            <v>TWA3A, TWA3B</v>
          </cell>
          <cell r="F268" t="str">
            <v>Maximum cumulated duration of temporary work contracts</v>
          </cell>
          <cell r="G268">
            <v>2003</v>
          </cell>
          <cell r="I268" t="str">
            <v>No limit</v>
          </cell>
          <cell r="J268">
            <v>100</v>
          </cell>
          <cell r="K268">
            <v>100</v>
          </cell>
          <cell r="M268">
            <v>0</v>
          </cell>
          <cell r="N268">
            <v>0</v>
          </cell>
        </row>
        <row r="269">
          <cell r="A269" t="str">
            <v>ITATWA42003</v>
          </cell>
          <cell r="B269" t="str">
            <v>ITA</v>
          </cell>
          <cell r="C269" t="str">
            <v>Italy</v>
          </cell>
          <cell r="D269" t="str">
            <v>Item 16</v>
          </cell>
          <cell r="E269" t="str">
            <v>TWA4</v>
          </cell>
          <cell r="F269" t="str">
            <v>Authorisation and reporting obligations</v>
          </cell>
          <cell r="G269">
            <v>2003</v>
          </cell>
        </row>
        <row r="270">
          <cell r="A270" t="str">
            <v>ITATWA52003</v>
          </cell>
          <cell r="B270" t="str">
            <v>ITA</v>
          </cell>
          <cell r="C270" t="str">
            <v>Italy</v>
          </cell>
          <cell r="D270" t="str">
            <v>Item 17</v>
          </cell>
          <cell r="E270" t="str">
            <v>TWA5</v>
          </cell>
          <cell r="F270" t="str">
            <v>Equal treatment for TWA workers</v>
          </cell>
          <cell r="G270">
            <v>2003</v>
          </cell>
        </row>
        <row r="271">
          <cell r="A271" t="str">
            <v>ITACD12003</v>
          </cell>
          <cell r="B271" t="str">
            <v>ITA</v>
          </cell>
          <cell r="C271" t="str">
            <v>Italy</v>
          </cell>
          <cell r="D271" t="str">
            <v>Item 18</v>
          </cell>
          <cell r="E271" t="str">
            <v>CD1</v>
          </cell>
          <cell r="F271" t="str">
            <v>Definition of collective dismissal</v>
          </cell>
          <cell r="G271">
            <v>2003</v>
          </cell>
          <cell r="I271" t="str">
            <v>In firms with 15 and more employees and over  a period of 120 days, 5+ workers in a single production unit; 5+ workers in several units within one province.</v>
          </cell>
          <cell r="J271">
            <v>4</v>
          </cell>
          <cell r="M271">
            <v>6</v>
          </cell>
        </row>
        <row r="272">
          <cell r="A272" t="str">
            <v>ITACD22003</v>
          </cell>
          <cell r="B272" t="str">
            <v>ITA</v>
          </cell>
          <cell r="C272" t="str">
            <v>Italy</v>
          </cell>
          <cell r="D272" t="str">
            <v>Item 19</v>
          </cell>
          <cell r="E272" t="str">
            <v>CD2</v>
          </cell>
          <cell r="F272" t="str">
            <v>Additional notification requirements in case of collective dismissals</v>
          </cell>
          <cell r="G272">
            <v>2003</v>
          </cell>
          <cell r="I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72">
            <v>1.5</v>
          </cell>
          <cell r="M272">
            <v>4.5</v>
          </cell>
        </row>
        <row r="273">
          <cell r="A273" t="str">
            <v>ITACD32003</v>
          </cell>
          <cell r="B273" t="str">
            <v>ITA</v>
          </cell>
          <cell r="C273" t="str">
            <v>Italy</v>
          </cell>
          <cell r="D273" t="str">
            <v>Item 20</v>
          </cell>
          <cell r="E273" t="str">
            <v>CD3</v>
          </cell>
          <cell r="F273" t="str">
            <v>Additional delays involved in case of collective dismissals</v>
          </cell>
          <cell r="G273">
            <v>2003</v>
          </cell>
          <cell r="I273" t="str">
            <v>Up to 45 days negotiation in joint examination committee before implementation.  Conciliation if no agreement reached.</v>
          </cell>
          <cell r="J273">
            <v>44</v>
          </cell>
          <cell r="M273">
            <v>3</v>
          </cell>
        </row>
        <row r="274">
          <cell r="A274" t="str">
            <v>ITACD42003</v>
          </cell>
          <cell r="B274" t="str">
            <v>ITA</v>
          </cell>
          <cell r="C274" t="str">
            <v>Italy</v>
          </cell>
          <cell r="D274" t="str">
            <v>Item 21</v>
          </cell>
          <cell r="E274" t="str">
            <v>CD4</v>
          </cell>
          <cell r="F274" t="str">
            <v>Other special costs to employers in case of collective dismissals</v>
          </cell>
          <cell r="G274">
            <v>2003</v>
          </cell>
          <cell r="I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J274">
            <v>2</v>
          </cell>
          <cell r="M274">
            <v>6</v>
          </cell>
        </row>
        <row r="275">
          <cell r="A275" t="str">
            <v>JPNREG12003</v>
          </cell>
          <cell r="B275" t="str">
            <v>JPN</v>
          </cell>
          <cell r="C275" t="str">
            <v>Japan</v>
          </cell>
          <cell r="D275" t="str">
            <v>Item 1</v>
          </cell>
          <cell r="E275" t="str">
            <v>REG1</v>
          </cell>
          <cell r="F275" t="str">
            <v>Notification procedures</v>
          </cell>
          <cell r="G275">
            <v>2003</v>
          </cell>
          <cell r="I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J275">
            <v>1.5</v>
          </cell>
          <cell r="M275">
            <v>3</v>
          </cell>
        </row>
        <row r="276">
          <cell r="A276" t="str">
            <v>JPNREG22003</v>
          </cell>
          <cell r="B276" t="str">
            <v>JPN</v>
          </cell>
          <cell r="C276" t="str">
            <v>Japan</v>
          </cell>
          <cell r="D276" t="str">
            <v>Item 2</v>
          </cell>
          <cell r="E276" t="str">
            <v>REG2</v>
          </cell>
          <cell r="F276" t="str">
            <v>Delay before notice can start</v>
          </cell>
          <cell r="G276">
            <v>2003</v>
          </cell>
          <cell r="I276" t="str">
            <v>Personal reasons: Written or oral notification.
Managerial reasons: Sincere consultation on need for dismissal and standards of selection, then letter of dismissal.</v>
          </cell>
          <cell r="J276">
            <v>1</v>
          </cell>
          <cell r="M276">
            <v>0</v>
          </cell>
        </row>
        <row r="277">
          <cell r="A277" t="str">
            <v>JPNREG32003</v>
          </cell>
          <cell r="B277" t="str">
            <v>JPN</v>
          </cell>
          <cell r="C277" t="str">
            <v>Japan</v>
          </cell>
          <cell r="D277" t="str">
            <v>Item 3</v>
          </cell>
          <cell r="E277" t="str">
            <v>REG3A, REG3B, REG3C</v>
          </cell>
          <cell r="F277" t="str">
            <v>Notice / tenure</v>
          </cell>
          <cell r="G277">
            <v>2003</v>
          </cell>
          <cell r="I277" t="str">
            <v xml:space="preserve">All workers: 30 days. </v>
          </cell>
          <cell r="J277">
            <v>1</v>
          </cell>
          <cell r="K277">
            <v>1</v>
          </cell>
          <cell r="L277">
            <v>1</v>
          </cell>
          <cell r="M277">
            <v>3</v>
          </cell>
          <cell r="N277">
            <v>2</v>
          </cell>
          <cell r="O277">
            <v>1</v>
          </cell>
        </row>
        <row r="278">
          <cell r="A278" t="str">
            <v>JPNREG42003</v>
          </cell>
          <cell r="B278" t="str">
            <v>JPN</v>
          </cell>
          <cell r="C278" t="str">
            <v>Japan</v>
          </cell>
          <cell r="D278" t="str">
            <v>Item 4</v>
          </cell>
          <cell r="E278" t="str">
            <v>REG4A, REG4B, REG4C</v>
          </cell>
          <cell r="F278" t="str">
            <v>Severance pay / tenure</v>
          </cell>
          <cell r="G278">
            <v>2003</v>
          </cell>
          <cell r="I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J278">
            <v>0</v>
          </cell>
          <cell r="K278">
            <v>0</v>
          </cell>
          <cell r="L278">
            <v>0</v>
          </cell>
          <cell r="M278">
            <v>0</v>
          </cell>
          <cell r="N278">
            <v>0</v>
          </cell>
          <cell r="O278">
            <v>0</v>
          </cell>
        </row>
        <row r="279">
          <cell r="A279" t="str">
            <v>JPNREG52003</v>
          </cell>
          <cell r="B279" t="str">
            <v>JPN</v>
          </cell>
          <cell r="C279" t="str">
            <v>Japan</v>
          </cell>
          <cell r="D279" t="str">
            <v>Item 5</v>
          </cell>
          <cell r="E279" t="str">
            <v>REG5</v>
          </cell>
          <cell r="F279" t="str">
            <v>Definition of justified or unfair dismissal</v>
          </cell>
          <cell r="G279">
            <v>2003</v>
          </cell>
          <cell r="I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J279">
            <v>1</v>
          </cell>
          <cell r="M279">
            <v>2</v>
          </cell>
        </row>
        <row r="280">
          <cell r="A280" t="str">
            <v>JPNREG62003</v>
          </cell>
          <cell r="B280" t="str">
            <v>JPN</v>
          </cell>
          <cell r="C280" t="str">
            <v>Japan</v>
          </cell>
          <cell r="D280" t="str">
            <v>Item 6</v>
          </cell>
          <cell r="E280" t="str">
            <v>REG6</v>
          </cell>
          <cell r="F280" t="str">
            <v>Trial period</v>
          </cell>
          <cell r="G280">
            <v>2003</v>
          </cell>
          <cell r="I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J280">
            <v>3</v>
          </cell>
          <cell r="M280">
            <v>4</v>
          </cell>
        </row>
        <row r="281">
          <cell r="A281" t="str">
            <v>JPNREG72003</v>
          </cell>
          <cell r="B281" t="str">
            <v>JPN</v>
          </cell>
          <cell r="C281" t="str">
            <v>Japan</v>
          </cell>
          <cell r="D281" t="str">
            <v>Item 7</v>
          </cell>
          <cell r="E281" t="str">
            <v>REG7</v>
          </cell>
          <cell r="F281" t="str">
            <v xml:space="preserve">Compensation following unfair dismissal </v>
          </cell>
          <cell r="G281">
            <v>2003</v>
          </cell>
          <cell r="I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J281">
            <v>6</v>
          </cell>
          <cell r="M281">
            <v>1</v>
          </cell>
        </row>
        <row r="282">
          <cell r="A282" t="str">
            <v>JPNREG82003</v>
          </cell>
          <cell r="B282" t="str">
            <v>JPN</v>
          </cell>
          <cell r="C282" t="str">
            <v>Japan</v>
          </cell>
          <cell r="D282" t="str">
            <v>Item 8</v>
          </cell>
          <cell r="E282" t="str">
            <v>REG8</v>
          </cell>
          <cell r="F282" t="str">
            <v>Possibility of reinstatement following unfair dismissal</v>
          </cell>
          <cell r="G282">
            <v>2003</v>
          </cell>
          <cell r="I282" t="str">
            <v>Frequent orders of reinstatement with back pay.</v>
          </cell>
          <cell r="J282">
            <v>3</v>
          </cell>
          <cell r="M282">
            <v>6</v>
          </cell>
        </row>
        <row r="283">
          <cell r="A283" t="str">
            <v>JPNREG92003</v>
          </cell>
          <cell r="B283" t="str">
            <v>JPN</v>
          </cell>
          <cell r="C283" t="str">
            <v>Japan</v>
          </cell>
          <cell r="D283" t="str">
            <v>Item 9</v>
          </cell>
          <cell r="E283" t="str">
            <v>REG9</v>
          </cell>
          <cell r="F283" t="str">
            <v>Maximum time for claim</v>
          </cell>
          <cell r="G283">
            <v>2003</v>
          </cell>
        </row>
        <row r="284">
          <cell r="A284" t="str">
            <v>JPNFTC12003</v>
          </cell>
          <cell r="B284" t="str">
            <v>JPN</v>
          </cell>
          <cell r="C284" t="str">
            <v>Japan</v>
          </cell>
          <cell r="D284" t="str">
            <v>Item 10</v>
          </cell>
          <cell r="E284" t="str">
            <v>FTC1</v>
          </cell>
          <cell r="F284" t="str">
            <v>Valid cases for use of fixed-term contracts, other than  “objective”  or “material” situation</v>
          </cell>
          <cell r="G284">
            <v>2003</v>
          </cell>
          <cell r="I284" t="str">
            <v>Fixed-term  contracts under 3 year duration widely possible without specifying an objective reason. The contract can be of 5 years for highly skilled employees or those aged 60+.</v>
          </cell>
          <cell r="J284">
            <v>2.5</v>
          </cell>
          <cell r="M284">
            <v>1</v>
          </cell>
        </row>
        <row r="285">
          <cell r="A285" t="str">
            <v>JPNFTC22003</v>
          </cell>
          <cell r="B285" t="str">
            <v>JPN</v>
          </cell>
          <cell r="C285" t="str">
            <v>Japan</v>
          </cell>
          <cell r="D285" t="str">
            <v>Item 11</v>
          </cell>
          <cell r="E285" t="str">
            <v>FTC2</v>
          </cell>
          <cell r="F285" t="str">
            <v>Maximum number of successive fixed-term contracts</v>
          </cell>
          <cell r="G285">
            <v>2003</v>
          </cell>
          <cell r="I285" t="str">
            <v>No legal limit specified; after repeated renewal  the employee becomes entitled to expect renewal of his contract and the employer must have just cause to refuse renewal.</v>
          </cell>
          <cell r="J285">
            <v>100</v>
          </cell>
          <cell r="M285">
            <v>0</v>
          </cell>
        </row>
        <row r="286">
          <cell r="A286" t="str">
            <v>JPNFTC32003</v>
          </cell>
          <cell r="B286" t="str">
            <v>JPN</v>
          </cell>
          <cell r="C286" t="str">
            <v>Japan</v>
          </cell>
          <cell r="D286" t="str">
            <v>Item 12</v>
          </cell>
          <cell r="E286" t="str">
            <v>FTC3</v>
          </cell>
          <cell r="F286" t="str">
            <v>Maximum cumulated duration of successive fixed-term contracts</v>
          </cell>
          <cell r="G286">
            <v>2003</v>
          </cell>
          <cell r="I286" t="str">
            <v>No limit</v>
          </cell>
          <cell r="J286">
            <v>200</v>
          </cell>
          <cell r="M286">
            <v>0</v>
          </cell>
        </row>
        <row r="287">
          <cell r="A287" t="str">
            <v>JPNTWA12003</v>
          </cell>
          <cell r="B287" t="str">
            <v>JPN</v>
          </cell>
          <cell r="C287" t="str">
            <v>Japan</v>
          </cell>
          <cell r="D287" t="str">
            <v>Item 13</v>
          </cell>
          <cell r="E287" t="str">
            <v>TWA1</v>
          </cell>
          <cell r="F287" t="str">
            <v>Types of work for which TWA employment is legal</v>
          </cell>
          <cell r="G287">
            <v>2003</v>
          </cell>
          <cell r="I287" t="str">
            <v>"Dispatching agencies" allowed for all occupations except port transport services, construction work, security services, medical-related work at hospital etc. and manufacturing products.</v>
          </cell>
          <cell r="J287">
            <v>3</v>
          </cell>
          <cell r="M287">
            <v>1.5</v>
          </cell>
        </row>
        <row r="288">
          <cell r="A288" t="str">
            <v>JPNTWA22003</v>
          </cell>
          <cell r="B288" t="str">
            <v>JPN</v>
          </cell>
          <cell r="C288" t="str">
            <v>Japan</v>
          </cell>
          <cell r="D288" t="str">
            <v>Item 14</v>
          </cell>
          <cell r="E288" t="str">
            <v>TWA2A, TWA2B</v>
          </cell>
          <cell r="F288" t="str">
            <v>Are there any restrictions on the number of renewals of a TWA contract?</v>
          </cell>
          <cell r="G288">
            <v>2003</v>
          </cell>
          <cell r="I288" t="str">
            <v>No restrictions</v>
          </cell>
          <cell r="J288" t="str">
            <v>No</v>
          </cell>
          <cell r="K288" t="str">
            <v>No</v>
          </cell>
          <cell r="M288">
            <v>2</v>
          </cell>
          <cell r="N288">
            <v>2</v>
          </cell>
        </row>
        <row r="289">
          <cell r="A289" t="str">
            <v>JPNTWA32003</v>
          </cell>
          <cell r="B289" t="str">
            <v>JPN</v>
          </cell>
          <cell r="C289" t="str">
            <v>Japan</v>
          </cell>
          <cell r="D289" t="str">
            <v>Item 15</v>
          </cell>
          <cell r="E289" t="str">
            <v>TWA3A, TWA3B</v>
          </cell>
          <cell r="F289" t="str">
            <v>Maximum cumulated duration of temporary work contracts</v>
          </cell>
          <cell r="G289">
            <v>2003</v>
          </cell>
          <cell r="I289" t="str">
            <v>36 months (12 months contracts renewable twice) for the 26 original occupations and 12 months for all other allowed occupations (36 because the decrease to 24 would just be the result of the increase in the occupations allowed)</v>
          </cell>
          <cell r="J289">
            <v>36</v>
          </cell>
          <cell r="K289">
            <v>36</v>
          </cell>
          <cell r="M289">
            <v>1</v>
          </cell>
          <cell r="N289">
            <v>1</v>
          </cell>
        </row>
        <row r="290">
          <cell r="A290" t="str">
            <v>JPNTWA42003</v>
          </cell>
          <cell r="B290" t="str">
            <v>JPN</v>
          </cell>
          <cell r="C290" t="str">
            <v>Japan</v>
          </cell>
          <cell r="D290" t="str">
            <v>Item 16</v>
          </cell>
          <cell r="E290" t="str">
            <v>TWA4</v>
          </cell>
          <cell r="F290" t="str">
            <v>Authorisation and reporting obligations</v>
          </cell>
          <cell r="G290">
            <v>2003</v>
          </cell>
        </row>
        <row r="291">
          <cell r="A291" t="str">
            <v>JPNTWA52003</v>
          </cell>
          <cell r="B291" t="str">
            <v>JPN</v>
          </cell>
          <cell r="C291" t="str">
            <v>Japan</v>
          </cell>
          <cell r="D291" t="str">
            <v>Item 17</v>
          </cell>
          <cell r="E291" t="str">
            <v>TWA5</v>
          </cell>
          <cell r="F291" t="str">
            <v>Equal treatment for TWA workers</v>
          </cell>
          <cell r="G291">
            <v>2003</v>
          </cell>
        </row>
        <row r="292">
          <cell r="A292" t="str">
            <v>JPNCD12003</v>
          </cell>
          <cell r="B292" t="str">
            <v>JPN</v>
          </cell>
          <cell r="C292" t="str">
            <v>Japan</v>
          </cell>
          <cell r="D292" t="str">
            <v>Item 18</v>
          </cell>
          <cell r="E292" t="str">
            <v>CD1</v>
          </cell>
          <cell r="F292" t="str">
            <v>Definition of collective dismissal</v>
          </cell>
          <cell r="G292">
            <v>2003</v>
          </cell>
          <cell r="I292" t="str">
            <v>No special statute on collective dismissal, but notification requirement in cases of 30+ dismissals.</v>
          </cell>
          <cell r="J292">
            <v>2</v>
          </cell>
          <cell r="M292">
            <v>3</v>
          </cell>
        </row>
        <row r="293">
          <cell r="A293" t="str">
            <v>JPNCD22003</v>
          </cell>
          <cell r="B293" t="str">
            <v>JPN</v>
          </cell>
          <cell r="C293" t="str">
            <v>Japan</v>
          </cell>
          <cell r="D293" t="str">
            <v>Item 19</v>
          </cell>
          <cell r="E293" t="str">
            <v>CD2</v>
          </cell>
          <cell r="F293" t="str">
            <v>Additional notification requirements in case of collective dismissals</v>
          </cell>
          <cell r="G293">
            <v>2003</v>
          </cell>
          <cell r="I293" t="str">
            <v>Notification of employee representatives: information and consultation with trade union or employee representatives required. Notification of public authorities: Notification of public employment service.</v>
          </cell>
          <cell r="J293">
            <v>1</v>
          </cell>
          <cell r="M293">
            <v>3</v>
          </cell>
        </row>
        <row r="294">
          <cell r="A294" t="str">
            <v>JPNCD32003</v>
          </cell>
          <cell r="B294" t="str">
            <v>JPN</v>
          </cell>
          <cell r="C294" t="str">
            <v>Japan</v>
          </cell>
          <cell r="D294" t="str">
            <v>Item 20</v>
          </cell>
          <cell r="E294" t="str">
            <v>CD3</v>
          </cell>
          <cell r="F294" t="str">
            <v>Additional delays involved in case of collective dismissals</v>
          </cell>
          <cell r="G294">
            <v>2003</v>
          </cell>
          <cell r="I294" t="str">
            <v>No special regulations.</v>
          </cell>
          <cell r="J294">
            <v>0</v>
          </cell>
          <cell r="M294">
            <v>0</v>
          </cell>
        </row>
        <row r="295">
          <cell r="A295" t="str">
            <v>JPNCD42003</v>
          </cell>
          <cell r="B295" t="str">
            <v>JPN</v>
          </cell>
          <cell r="C295" t="str">
            <v>Japan</v>
          </cell>
          <cell r="D295" t="str">
            <v>Item 21</v>
          </cell>
          <cell r="E295" t="str">
            <v>CD4</v>
          </cell>
          <cell r="F295" t="str">
            <v>Other special costs to employers in case of collective dismissals</v>
          </cell>
          <cell r="G295">
            <v>2003</v>
          </cell>
          <cell r="I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J295">
            <v>0</v>
          </cell>
          <cell r="M295">
            <v>0</v>
          </cell>
        </row>
        <row r="296">
          <cell r="A296" t="str">
            <v>KORREG12003</v>
          </cell>
          <cell r="B296" t="str">
            <v>KOR</v>
          </cell>
          <cell r="C296" t="str">
            <v>Korea</v>
          </cell>
          <cell r="D296" t="str">
            <v>Item 1</v>
          </cell>
          <cell r="E296" t="str">
            <v>REG1</v>
          </cell>
          <cell r="F296" t="str">
            <v>Notification procedures</v>
          </cell>
          <cell r="G296">
            <v>2003</v>
          </cell>
          <cell r="I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J296">
            <v>1.75</v>
          </cell>
          <cell r="M296">
            <v>3.5</v>
          </cell>
        </row>
        <row r="297">
          <cell r="A297" t="str">
            <v>KORREG22003</v>
          </cell>
          <cell r="B297" t="str">
            <v>KOR</v>
          </cell>
          <cell r="C297" t="str">
            <v>Korea</v>
          </cell>
          <cell r="D297" t="str">
            <v>Item 2</v>
          </cell>
          <cell r="E297" t="str">
            <v>REG2</v>
          </cell>
          <cell r="F297" t="str">
            <v>Delay before notice can start</v>
          </cell>
          <cell r="G297">
            <v>2003</v>
          </cell>
          <cell r="I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J297">
            <v>20</v>
          </cell>
          <cell r="M297">
            <v>3</v>
          </cell>
        </row>
        <row r="298">
          <cell r="A298" t="str">
            <v>KORREG32003</v>
          </cell>
          <cell r="B298" t="str">
            <v>KOR</v>
          </cell>
          <cell r="C298" t="str">
            <v>Korea</v>
          </cell>
          <cell r="D298" t="str">
            <v>Item 3</v>
          </cell>
          <cell r="E298" t="str">
            <v>REG3A, REG3B, REG3C</v>
          </cell>
          <cell r="F298" t="str">
            <v>Notice / tenure</v>
          </cell>
          <cell r="G298">
            <v>2003</v>
          </cell>
          <cell r="I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J298">
            <v>1</v>
          </cell>
          <cell r="K298">
            <v>1</v>
          </cell>
          <cell r="L298">
            <v>1</v>
          </cell>
          <cell r="M298">
            <v>3</v>
          </cell>
          <cell r="N298">
            <v>2</v>
          </cell>
          <cell r="O298">
            <v>1</v>
          </cell>
        </row>
        <row r="299">
          <cell r="A299" t="str">
            <v>KORREG42003</v>
          </cell>
          <cell r="B299" t="str">
            <v>KOR</v>
          </cell>
          <cell r="C299" t="str">
            <v>Korea</v>
          </cell>
          <cell r="D299" t="str">
            <v>Item 4</v>
          </cell>
          <cell r="E299" t="str">
            <v>REG4A, REG4B, REG4C</v>
          </cell>
          <cell r="F299" t="str">
            <v>Severance pay / tenure</v>
          </cell>
          <cell r="G299">
            <v>2003</v>
          </cell>
          <cell r="I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J299">
            <v>0</v>
          </cell>
          <cell r="K299">
            <v>0</v>
          </cell>
          <cell r="L299">
            <v>0</v>
          </cell>
          <cell r="M299">
            <v>0</v>
          </cell>
          <cell r="N299">
            <v>0</v>
          </cell>
          <cell r="O299">
            <v>0</v>
          </cell>
        </row>
        <row r="300">
          <cell r="A300" t="str">
            <v>KORREG52003</v>
          </cell>
          <cell r="B300" t="str">
            <v>KOR</v>
          </cell>
          <cell r="C300" t="str">
            <v>Korea</v>
          </cell>
          <cell r="D300" t="str">
            <v>Item 5</v>
          </cell>
          <cell r="E300" t="str">
            <v>REG5</v>
          </cell>
          <cell r="F300" t="str">
            <v>Definition of justified or unfair dismissal</v>
          </cell>
          <cell r="G300">
            <v>2003</v>
          </cell>
          <cell r="I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J300">
            <v>1</v>
          </cell>
          <cell r="M300">
            <v>2</v>
          </cell>
        </row>
        <row r="301">
          <cell r="A301" t="str">
            <v>KORREG62003</v>
          </cell>
          <cell r="B301" t="str">
            <v>KOR</v>
          </cell>
          <cell r="C301" t="str">
            <v>Korea</v>
          </cell>
          <cell r="D301" t="str">
            <v>Item 6</v>
          </cell>
          <cell r="E301" t="str">
            <v>REG6</v>
          </cell>
          <cell r="F301" t="str">
            <v>Trial period</v>
          </cell>
          <cell r="G301">
            <v>2003</v>
          </cell>
          <cell r="I301" t="str">
            <v>Not legally regulated, varies from case to case.</v>
          </cell>
          <cell r="J301" t="str">
            <v>..</v>
          </cell>
          <cell r="M301" t="e">
            <v>#N/A</v>
          </cell>
        </row>
        <row r="302">
          <cell r="A302" t="str">
            <v>KORREG72003</v>
          </cell>
          <cell r="B302" t="str">
            <v>KOR</v>
          </cell>
          <cell r="C302" t="str">
            <v>Korea</v>
          </cell>
          <cell r="D302" t="str">
            <v>Item 7</v>
          </cell>
          <cell r="E302" t="str">
            <v>REG7</v>
          </cell>
          <cell r="F302" t="str">
            <v xml:space="preserve">Compensation following unfair dismissal </v>
          </cell>
          <cell r="G302">
            <v>2003</v>
          </cell>
          <cell r="I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302">
            <v>6</v>
          </cell>
          <cell r="M302">
            <v>1</v>
          </cell>
        </row>
        <row r="303">
          <cell r="A303" t="str">
            <v>KORREG82003</v>
          </cell>
          <cell r="B303" t="str">
            <v>KOR</v>
          </cell>
          <cell r="C303" t="str">
            <v>Korea</v>
          </cell>
          <cell r="D303" t="str">
            <v>Item 8</v>
          </cell>
          <cell r="E303" t="str">
            <v>REG8</v>
          </cell>
          <cell r="F303" t="str">
            <v>Possibility of reinstatement following unfair dismissal</v>
          </cell>
          <cell r="G303">
            <v>2003</v>
          </cell>
          <cell r="I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J303">
            <v>3</v>
          </cell>
          <cell r="M303">
            <v>6</v>
          </cell>
        </row>
        <row r="304">
          <cell r="A304" t="str">
            <v>KORREG92003</v>
          </cell>
          <cell r="B304" t="str">
            <v>KOR</v>
          </cell>
          <cell r="C304" t="str">
            <v>Korea</v>
          </cell>
          <cell r="D304" t="str">
            <v>Item 9</v>
          </cell>
          <cell r="E304" t="str">
            <v>REG9</v>
          </cell>
          <cell r="F304" t="str">
            <v>Maximum time for claim</v>
          </cell>
          <cell r="G304">
            <v>2003</v>
          </cell>
        </row>
        <row r="305">
          <cell r="A305" t="str">
            <v>KORFTC12003</v>
          </cell>
          <cell r="B305" t="str">
            <v>KOR</v>
          </cell>
          <cell r="C305" t="str">
            <v>Korea</v>
          </cell>
          <cell r="D305" t="str">
            <v>Item 10</v>
          </cell>
          <cell r="E305" t="str">
            <v>FTC1</v>
          </cell>
          <cell r="F305" t="str">
            <v>Valid cases for use of fixed-term contracts, other than  “objective”  or “material” situation</v>
          </cell>
          <cell r="G305">
            <v>2003</v>
          </cell>
          <cell r="I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J305">
            <v>2.5</v>
          </cell>
          <cell r="M305">
            <v>1</v>
          </cell>
        </row>
        <row r="306">
          <cell r="A306" t="str">
            <v>KORFTC22003</v>
          </cell>
          <cell r="B306" t="str">
            <v>KOR</v>
          </cell>
          <cell r="C306" t="str">
            <v>Korea</v>
          </cell>
          <cell r="D306" t="str">
            <v>Item 11</v>
          </cell>
          <cell r="E306" t="str">
            <v>FTC2</v>
          </cell>
          <cell r="F306" t="str">
            <v>Maximum number of successive fixed-term contracts</v>
          </cell>
          <cell r="G306">
            <v>2003</v>
          </cell>
          <cell r="I306" t="str">
            <v>There is no limit specified by laws, but several successive renewals imply the risk that a court will declare a fixed-term contract invalid. Recently, a court declared a fixed-term contract to be valid after 7-8 renewals were made.</v>
          </cell>
          <cell r="J306">
            <v>5</v>
          </cell>
          <cell r="M306">
            <v>1</v>
          </cell>
        </row>
        <row r="307">
          <cell r="A307" t="str">
            <v>KORFTC32003</v>
          </cell>
          <cell r="B307" t="str">
            <v>KOR</v>
          </cell>
          <cell r="C307" t="str">
            <v>Korea</v>
          </cell>
          <cell r="D307" t="str">
            <v>Item 12</v>
          </cell>
          <cell r="E307" t="str">
            <v>FTC3</v>
          </cell>
          <cell r="F307" t="str">
            <v>Maximum cumulated duration of successive fixed-term contracts</v>
          </cell>
          <cell r="G307">
            <v>2003</v>
          </cell>
          <cell r="I307" t="str">
            <v>No limit specified</v>
          </cell>
          <cell r="J307">
            <v>200</v>
          </cell>
          <cell r="M307">
            <v>0</v>
          </cell>
        </row>
        <row r="308">
          <cell r="A308" t="str">
            <v>KORTWA12003</v>
          </cell>
          <cell r="B308" t="str">
            <v>KOR</v>
          </cell>
          <cell r="C308" t="str">
            <v>Korea</v>
          </cell>
          <cell r="D308" t="str">
            <v>Item 13</v>
          </cell>
          <cell r="E308" t="str">
            <v>TWA1</v>
          </cell>
          <cell r="F308" t="str">
            <v>Types of work for which TWA employment is legal</v>
          </cell>
          <cell r="G308">
            <v>2003</v>
          </cell>
          <cell r="I308" t="str">
            <v>TWA employment, in principle, is allowed in only 26 occupations requiring professional knowledge, skills or experiences. However, in case the reasons to use TWA employment are temporary and intermittent, it is possible to use TWA employment in all occupations.</v>
          </cell>
          <cell r="J308">
            <v>2.5</v>
          </cell>
          <cell r="M308">
            <v>2.25</v>
          </cell>
        </row>
        <row r="309">
          <cell r="A309" t="str">
            <v>KORTWA22003</v>
          </cell>
          <cell r="B309" t="str">
            <v>KOR</v>
          </cell>
          <cell r="C309" t="str">
            <v>Korea</v>
          </cell>
          <cell r="D309" t="str">
            <v>Item 14</v>
          </cell>
          <cell r="E309" t="str">
            <v>TWA2A, TWA2B</v>
          </cell>
          <cell r="F309" t="str">
            <v>Are there any restrictions on the number of renewals of a TWA contract?</v>
          </cell>
          <cell r="G309">
            <v>2003</v>
          </cell>
          <cell r="I309" t="str">
            <v>Yes. (it can only be renewed once)</v>
          </cell>
          <cell r="J309" t="str">
            <v>Yes</v>
          </cell>
          <cell r="K309" t="str">
            <v>Yes</v>
          </cell>
          <cell r="M309">
            <v>4</v>
          </cell>
          <cell r="N309">
            <v>4</v>
          </cell>
        </row>
        <row r="310">
          <cell r="A310" t="str">
            <v>KORTWA32003</v>
          </cell>
          <cell r="B310" t="str">
            <v>KOR</v>
          </cell>
          <cell r="C310" t="str">
            <v>Korea</v>
          </cell>
          <cell r="D310" t="str">
            <v>Item 15</v>
          </cell>
          <cell r="E310" t="str">
            <v>TWA3A, TWA3B</v>
          </cell>
          <cell r="F310" t="str">
            <v>Maximum cumulated duration of temporary work contracts</v>
          </cell>
          <cell r="G310">
            <v>2003</v>
          </cell>
          <cell r="I310" t="str">
            <v>The maximum duration of temporary work contracts is 2 years in case of the 26 occupations. But in the case of temporary and intermittent reasons, the duration of TWA contracts is three months in principle and can be extended for up to another three months.</v>
          </cell>
          <cell r="J310">
            <v>24</v>
          </cell>
          <cell r="K310">
            <v>24</v>
          </cell>
          <cell r="M310">
            <v>2</v>
          </cell>
          <cell r="N310">
            <v>2</v>
          </cell>
        </row>
        <row r="311">
          <cell r="A311" t="str">
            <v>KORTWA42003</v>
          </cell>
          <cell r="B311" t="str">
            <v>KOR</v>
          </cell>
          <cell r="C311" t="str">
            <v>Korea</v>
          </cell>
          <cell r="D311" t="str">
            <v>Item 16</v>
          </cell>
          <cell r="E311" t="str">
            <v>TWA4</v>
          </cell>
          <cell r="F311" t="str">
            <v>Authorisation and reporting obligations</v>
          </cell>
          <cell r="G311">
            <v>2003</v>
          </cell>
        </row>
        <row r="312">
          <cell r="A312" t="str">
            <v>KORTWA52003</v>
          </cell>
          <cell r="B312" t="str">
            <v>KOR</v>
          </cell>
          <cell r="C312" t="str">
            <v>Korea</v>
          </cell>
          <cell r="D312" t="str">
            <v>Item 17</v>
          </cell>
          <cell r="E312" t="str">
            <v>TWA5</v>
          </cell>
          <cell r="F312" t="str">
            <v>Equal treatment for TWA workers</v>
          </cell>
          <cell r="G312">
            <v>2003</v>
          </cell>
        </row>
        <row r="313">
          <cell r="A313" t="str">
            <v>KORCD12003</v>
          </cell>
          <cell r="B313" t="str">
            <v>KOR</v>
          </cell>
          <cell r="C313" t="str">
            <v>Korea</v>
          </cell>
          <cell r="D313" t="str">
            <v>Item 18</v>
          </cell>
          <cell r="E313" t="str">
            <v>CD1</v>
          </cell>
          <cell r="F313" t="str">
            <v>Definition of collective dismissal</v>
          </cell>
          <cell r="G313">
            <v>2003</v>
          </cell>
          <cell r="I313" t="str">
            <v>&gt;10 workers in firms &lt;100 employees; &gt;10% of workers in firms 100-999; &gt;100 workers in firms &gt;1000 employees.</v>
          </cell>
          <cell r="J313">
            <v>3</v>
          </cell>
          <cell r="M313">
            <v>4.5</v>
          </cell>
        </row>
        <row r="314">
          <cell r="A314" t="str">
            <v>KORCD22003</v>
          </cell>
          <cell r="B314" t="str">
            <v>KOR</v>
          </cell>
          <cell r="C314" t="str">
            <v>Korea</v>
          </cell>
          <cell r="D314" t="str">
            <v>Item 19</v>
          </cell>
          <cell r="E314" t="str">
            <v>CD2</v>
          </cell>
          <cell r="F314" t="str">
            <v>Additional notification requirements in case of collective dismissals</v>
          </cell>
          <cell r="G314">
            <v>2003</v>
          </cell>
          <cell r="I314" t="str">
            <v>Notification of employee representatives: Information and sincere consultation with trade union/employee representatives at least 60 days before the dismissal. Notification of public authorities: Notification to Ministry of Labour 30 days before the dismissal.</v>
          </cell>
          <cell r="J314">
            <v>1</v>
          </cell>
          <cell r="M314">
            <v>3</v>
          </cell>
        </row>
        <row r="315">
          <cell r="A315" t="str">
            <v>KORCD32003</v>
          </cell>
          <cell r="B315" t="str">
            <v>KOR</v>
          </cell>
          <cell r="C315" t="str">
            <v>Korea</v>
          </cell>
          <cell r="D315" t="str">
            <v>Item 20</v>
          </cell>
          <cell r="E315" t="str">
            <v>CD3</v>
          </cell>
          <cell r="F315" t="str">
            <v>Additional delays involved in case of collective dismissals</v>
          </cell>
          <cell r="G315">
            <v>2003</v>
          </cell>
          <cell r="I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J315">
            <v>0</v>
          </cell>
          <cell r="M315">
            <v>0</v>
          </cell>
        </row>
        <row r="316">
          <cell r="A316" t="str">
            <v>KORCD42003</v>
          </cell>
          <cell r="B316" t="str">
            <v>KOR</v>
          </cell>
          <cell r="C316" t="str">
            <v>Korea</v>
          </cell>
          <cell r="D316" t="str">
            <v>Item 21</v>
          </cell>
          <cell r="E316" t="str">
            <v>CD4</v>
          </cell>
          <cell r="F316" t="str">
            <v>Other special costs to employers in case of collective dismissals</v>
          </cell>
          <cell r="G316">
            <v>2003</v>
          </cell>
          <cell r="I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J316">
            <v>0</v>
          </cell>
          <cell r="M316">
            <v>0</v>
          </cell>
        </row>
        <row r="317">
          <cell r="A317" t="str">
            <v>MEXREG12003</v>
          </cell>
          <cell r="B317" t="str">
            <v>MEX</v>
          </cell>
          <cell r="C317" t="str">
            <v>Mexico</v>
          </cell>
          <cell r="D317" t="str">
            <v>Item 1</v>
          </cell>
          <cell r="E317" t="str">
            <v>REG1</v>
          </cell>
          <cell r="F317" t="str">
            <v>Notification procedures</v>
          </cell>
          <cell r="G317">
            <v>2003</v>
          </cell>
          <cell r="I317" t="str">
            <v>Statement of reasons to the employee.</v>
          </cell>
          <cell r="J317">
            <v>1</v>
          </cell>
          <cell r="M317">
            <v>2</v>
          </cell>
        </row>
        <row r="318">
          <cell r="A318" t="str">
            <v>MEXREG22003</v>
          </cell>
          <cell r="B318" t="str">
            <v>MEX</v>
          </cell>
          <cell r="C318" t="str">
            <v>Mexico</v>
          </cell>
          <cell r="D318" t="str">
            <v>Item 2</v>
          </cell>
          <cell r="E318" t="str">
            <v>REG2</v>
          </cell>
          <cell r="F318" t="str">
            <v>Delay before notice can start</v>
          </cell>
          <cell r="G318">
            <v>2003</v>
          </cell>
          <cell r="I318" t="str">
            <v>Letter sent by mail or handed directly to employee.</v>
          </cell>
          <cell r="J318">
            <v>1</v>
          </cell>
          <cell r="M318">
            <v>0</v>
          </cell>
        </row>
        <row r="319">
          <cell r="A319" t="str">
            <v>MEXREG32003</v>
          </cell>
          <cell r="B319" t="str">
            <v>MEX</v>
          </cell>
          <cell r="C319" t="str">
            <v>Mexico</v>
          </cell>
          <cell r="D319" t="str">
            <v>Item 3</v>
          </cell>
          <cell r="E319" t="str">
            <v>REG3A, REG3B, REG3C</v>
          </cell>
          <cell r="F319" t="str">
            <v>Notice / tenure</v>
          </cell>
          <cell r="G319">
            <v>2003</v>
          </cell>
          <cell r="I319" t="str">
            <v>All workers: No minimum notice period.</v>
          </cell>
          <cell r="J319">
            <v>0</v>
          </cell>
          <cell r="K319">
            <v>0</v>
          </cell>
          <cell r="L319">
            <v>0</v>
          </cell>
          <cell r="M319">
            <v>0</v>
          </cell>
          <cell r="N319">
            <v>0</v>
          </cell>
          <cell r="O319">
            <v>0</v>
          </cell>
        </row>
        <row r="320">
          <cell r="A320" t="str">
            <v>MEXREG42003</v>
          </cell>
          <cell r="B320" t="str">
            <v>MEX</v>
          </cell>
          <cell r="C320" t="str">
            <v>Mexico</v>
          </cell>
          <cell r="D320" t="str">
            <v>Item 4</v>
          </cell>
          <cell r="E320" t="str">
            <v>REG4A, REG4B, REG4C</v>
          </cell>
          <cell r="F320" t="str">
            <v>Severance pay / tenure</v>
          </cell>
          <cell r="G320">
            <v>2003</v>
          </cell>
          <cell r="I320" t="str">
            <v>All workers: 3 months.</v>
          </cell>
          <cell r="J320">
            <v>3</v>
          </cell>
          <cell r="K320">
            <v>3</v>
          </cell>
          <cell r="L320">
            <v>3</v>
          </cell>
          <cell r="M320">
            <v>6</v>
          </cell>
          <cell r="N320">
            <v>4</v>
          </cell>
          <cell r="O320">
            <v>1</v>
          </cell>
        </row>
        <row r="321">
          <cell r="A321" t="str">
            <v>MEXREG52003</v>
          </cell>
          <cell r="B321" t="str">
            <v>MEX</v>
          </cell>
          <cell r="C321" t="str">
            <v>Mexico</v>
          </cell>
          <cell r="D321" t="str">
            <v>Item 5</v>
          </cell>
          <cell r="E321" t="str">
            <v>REG5</v>
          </cell>
          <cell r="F321" t="str">
            <v>Definition of justified or unfair dismissal</v>
          </cell>
          <cell r="G321">
            <v>2003</v>
          </cell>
          <cell r="I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J321">
            <v>3</v>
          </cell>
          <cell r="M321">
            <v>6</v>
          </cell>
        </row>
        <row r="322">
          <cell r="A322" t="str">
            <v>MEXREG62003</v>
          </cell>
          <cell r="B322" t="str">
            <v>MEX</v>
          </cell>
          <cell r="C322" t="str">
            <v>Mexico</v>
          </cell>
          <cell r="D322" t="str">
            <v>Item 6</v>
          </cell>
          <cell r="E322" t="str">
            <v>REG6</v>
          </cell>
          <cell r="F322" t="str">
            <v>Trial period</v>
          </cell>
          <cell r="G322">
            <v>2003</v>
          </cell>
          <cell r="I322" t="str">
            <v>Not legally regulated.</v>
          </cell>
          <cell r="J322" t="str">
            <v>..</v>
          </cell>
          <cell r="M322" t="e">
            <v>#N/A</v>
          </cell>
        </row>
        <row r="323">
          <cell r="A323" t="str">
            <v>MEXREG72003</v>
          </cell>
          <cell r="B323" t="str">
            <v>MEX</v>
          </cell>
          <cell r="C323" t="str">
            <v>Mexico</v>
          </cell>
          <cell r="D323" t="str">
            <v>Item 7</v>
          </cell>
          <cell r="E323" t="str">
            <v>REG7</v>
          </cell>
          <cell r="F323" t="str">
            <v xml:space="preserve">Compensation following unfair dismissal </v>
          </cell>
          <cell r="G323">
            <v>2003</v>
          </cell>
          <cell r="I323" t="str">
            <v>In the case of dismissal without “just cause”, compensation of 3 months plus 20 days per year of service. Typical compensation at 20 years tenure (all workers): 16 months.</v>
          </cell>
          <cell r="J323">
            <v>16</v>
          </cell>
          <cell r="M323">
            <v>3</v>
          </cell>
        </row>
        <row r="324">
          <cell r="A324" t="str">
            <v>MEXREG82003</v>
          </cell>
          <cell r="B324" t="str">
            <v>MEX</v>
          </cell>
          <cell r="C324" t="str">
            <v>Mexico</v>
          </cell>
          <cell r="D324" t="str">
            <v>Item 8</v>
          </cell>
          <cell r="E324" t="str">
            <v>REG8</v>
          </cell>
          <cell r="F324" t="str">
            <v>Possibility of reinstatement following unfair dismissal</v>
          </cell>
          <cell r="G324">
            <v>2003</v>
          </cell>
          <cell r="I324" t="str">
            <v>Reinstatement orders are rare, although possible by law.</v>
          </cell>
          <cell r="J324">
            <v>1</v>
          </cell>
          <cell r="M324">
            <v>2</v>
          </cell>
        </row>
        <row r="325">
          <cell r="A325" t="str">
            <v>MEXREG92003</v>
          </cell>
          <cell r="B325" t="str">
            <v>MEX</v>
          </cell>
          <cell r="C325" t="str">
            <v>Mexico</v>
          </cell>
          <cell r="D325" t="str">
            <v>Item 9</v>
          </cell>
          <cell r="E325" t="str">
            <v>REG9</v>
          </cell>
          <cell r="F325" t="str">
            <v>Maximum time for claim</v>
          </cell>
          <cell r="G325">
            <v>2003</v>
          </cell>
        </row>
        <row r="326">
          <cell r="A326" t="str">
            <v>MEXFTC12003</v>
          </cell>
          <cell r="B326" t="str">
            <v>MEX</v>
          </cell>
          <cell r="C326" t="str">
            <v>Mexico</v>
          </cell>
          <cell r="D326" t="str">
            <v>Item 10</v>
          </cell>
          <cell r="E326" t="str">
            <v>FTC1</v>
          </cell>
          <cell r="F326" t="str">
            <v>Valid cases for use of fixed-term contracts, other than  “objective”  or “material” situation</v>
          </cell>
          <cell r="G326">
            <v>2003</v>
          </cell>
          <cell r="I326" t="str">
            <v>Restricted to objective situations (replacement, temporary increase in workload, etc.), with the exception of a few occupations.  Extent of use determined in consultation with union delegates.</v>
          </cell>
          <cell r="J326">
            <v>0.5</v>
          </cell>
          <cell r="M326">
            <v>5</v>
          </cell>
        </row>
        <row r="327">
          <cell r="A327" t="str">
            <v>MEXFTC22003</v>
          </cell>
          <cell r="B327" t="str">
            <v>MEX</v>
          </cell>
          <cell r="C327" t="str">
            <v>Mexico</v>
          </cell>
          <cell r="D327" t="str">
            <v>Item 11</v>
          </cell>
          <cell r="E327" t="str">
            <v>FTC2</v>
          </cell>
          <cell r="F327" t="str">
            <v>Maximum number of successive fixed-term contracts</v>
          </cell>
          <cell r="G327">
            <v>2003</v>
          </cell>
          <cell r="I327" t="str">
            <v>No limit specified, negotiable by both parties.</v>
          </cell>
          <cell r="J327">
            <v>100</v>
          </cell>
          <cell r="M327">
            <v>0</v>
          </cell>
        </row>
        <row r="328">
          <cell r="A328" t="str">
            <v>MEXFTC32003</v>
          </cell>
          <cell r="B328" t="str">
            <v>MEX</v>
          </cell>
          <cell r="C328" t="str">
            <v>Mexico</v>
          </cell>
          <cell r="D328" t="str">
            <v>Item 12</v>
          </cell>
          <cell r="E328" t="str">
            <v>FTC3</v>
          </cell>
          <cell r="F328" t="str">
            <v>Maximum cumulated duration of successive fixed-term contracts</v>
          </cell>
          <cell r="G328">
            <v>2003</v>
          </cell>
          <cell r="I328" t="str">
            <v>No limit specified, negotiable by both parties.</v>
          </cell>
          <cell r="J328">
            <v>200</v>
          </cell>
          <cell r="M328">
            <v>0</v>
          </cell>
        </row>
        <row r="329">
          <cell r="A329" t="str">
            <v>MEXTWA12003</v>
          </cell>
          <cell r="B329" t="str">
            <v>MEX</v>
          </cell>
          <cell r="C329" t="str">
            <v>Mexico</v>
          </cell>
          <cell r="D329" t="str">
            <v>Item 13</v>
          </cell>
          <cell r="E329" t="str">
            <v>TWA1</v>
          </cell>
          <cell r="F329" t="str">
            <v>Types of work for which TWA employment is legal</v>
          </cell>
          <cell r="G329">
            <v>2003</v>
          </cell>
          <cell r="I329" t="str">
            <v>Score as illegal</v>
          </cell>
          <cell r="J329">
            <v>0</v>
          </cell>
          <cell r="M329">
            <v>6</v>
          </cell>
        </row>
        <row r="330">
          <cell r="A330" t="str">
            <v>MEXTWA22003</v>
          </cell>
          <cell r="B330" t="str">
            <v>MEX</v>
          </cell>
          <cell r="C330" t="str">
            <v>Mexico</v>
          </cell>
          <cell r="D330" t="str">
            <v>Item 14</v>
          </cell>
          <cell r="E330" t="str">
            <v>TWA2A, TWA2B</v>
          </cell>
          <cell r="F330" t="str">
            <v>Are there any restrictions on the number of renewals of a TWA contract?</v>
          </cell>
          <cell r="G330">
            <v>2003</v>
          </cell>
          <cell r="I330" t="str">
            <v>Scored as not applicable (- or YES or TC2A=0 scored 4)</v>
          </cell>
          <cell r="J330" t="str">
            <v>-</v>
          </cell>
          <cell r="K330" t="str">
            <v>-</v>
          </cell>
          <cell r="M330">
            <v>4</v>
          </cell>
          <cell r="N330">
            <v>4</v>
          </cell>
        </row>
        <row r="331">
          <cell r="A331" t="str">
            <v>MEXTWA32003</v>
          </cell>
          <cell r="B331" t="str">
            <v>MEX</v>
          </cell>
          <cell r="C331" t="str">
            <v>Mexico</v>
          </cell>
          <cell r="D331" t="str">
            <v>Item 15</v>
          </cell>
          <cell r="E331" t="str">
            <v>TWA3A, TWA3B</v>
          </cell>
          <cell r="F331" t="str">
            <v>Maximum cumulated duration of temporary work contracts</v>
          </cell>
          <cell r="G331">
            <v>2003</v>
          </cell>
          <cell r="I331" t="str">
            <v>Scored as minimum (6 or TC2A=0 scored 6)</v>
          </cell>
          <cell r="J331">
            <v>6</v>
          </cell>
          <cell r="K331">
            <v>6</v>
          </cell>
          <cell r="M331">
            <v>6</v>
          </cell>
          <cell r="N331">
            <v>6</v>
          </cell>
        </row>
        <row r="332">
          <cell r="A332" t="str">
            <v>MEXTWA42003</v>
          </cell>
          <cell r="B332" t="str">
            <v>MEX</v>
          </cell>
          <cell r="C332" t="str">
            <v>Mexico</v>
          </cell>
          <cell r="D332" t="str">
            <v>Item 16</v>
          </cell>
          <cell r="E332" t="str">
            <v>TWA4</v>
          </cell>
          <cell r="F332" t="str">
            <v>Authorisation and reporting obligations</v>
          </cell>
          <cell r="G332">
            <v>2003</v>
          </cell>
        </row>
        <row r="333">
          <cell r="A333" t="str">
            <v>MEXTWA52003</v>
          </cell>
          <cell r="B333" t="str">
            <v>MEX</v>
          </cell>
          <cell r="C333" t="str">
            <v>Mexico</v>
          </cell>
          <cell r="D333" t="str">
            <v>Item 17</v>
          </cell>
          <cell r="E333" t="str">
            <v>TWA5</v>
          </cell>
          <cell r="F333" t="str">
            <v>Equal treatment for TWA workers</v>
          </cell>
          <cell r="G333">
            <v>2003</v>
          </cell>
        </row>
        <row r="334">
          <cell r="A334" t="str">
            <v>MEXCD12003</v>
          </cell>
          <cell r="B334" t="str">
            <v>MEX</v>
          </cell>
          <cell r="C334" t="str">
            <v>Mexico</v>
          </cell>
          <cell r="D334" t="str">
            <v>Item 18</v>
          </cell>
          <cell r="E334" t="str">
            <v>CD1</v>
          </cell>
          <cell r="F334" t="str">
            <v>Definition of collective dismissal</v>
          </cell>
          <cell r="G334">
            <v>2003</v>
          </cell>
          <cell r="I334" t="str">
            <v>Unspecified number to be dismissed for economic reasons; provisions restricted to companies with 20+ employees.</v>
          </cell>
          <cell r="J334">
            <v>4</v>
          </cell>
          <cell r="M334">
            <v>6</v>
          </cell>
        </row>
        <row r="335">
          <cell r="A335" t="str">
            <v>MEXCD22003</v>
          </cell>
          <cell r="B335" t="str">
            <v>MEX</v>
          </cell>
          <cell r="C335" t="str">
            <v>Mexico</v>
          </cell>
          <cell r="D335" t="str">
            <v>Item 19</v>
          </cell>
          <cell r="E335" t="str">
            <v>CD2</v>
          </cell>
          <cell r="F335" t="str">
            <v>Additional notification requirements in case of collective dismissals</v>
          </cell>
          <cell r="G335">
            <v>2003</v>
          </cell>
          <cell r="I335" t="str">
            <v>Notification of employee representatives: Duty to inform and consult with trade union/employee representatives. Notification of public authorities: Notification to Conciliation and Arbitration Board (Junta) if no agreement with union can be found.</v>
          </cell>
          <cell r="J335">
            <v>2</v>
          </cell>
          <cell r="M335">
            <v>6</v>
          </cell>
        </row>
        <row r="336">
          <cell r="A336" t="str">
            <v>MEXCD32003</v>
          </cell>
          <cell r="B336" t="str">
            <v>MEX</v>
          </cell>
          <cell r="C336" t="str">
            <v>Mexico</v>
          </cell>
          <cell r="D336" t="str">
            <v>Item 20</v>
          </cell>
          <cell r="E336" t="str">
            <v>CD3</v>
          </cell>
          <cell r="F336" t="str">
            <v>Additional delays involved in case of collective dismissals</v>
          </cell>
          <cell r="G336">
            <v>2003</v>
          </cell>
          <cell r="I336" t="str">
            <v>No special regulations for collective dismissal.</v>
          </cell>
          <cell r="J336">
            <v>0</v>
          </cell>
          <cell r="M336">
            <v>0</v>
          </cell>
        </row>
        <row r="337">
          <cell r="A337" t="str">
            <v>MEXCD42003</v>
          </cell>
          <cell r="B337" t="str">
            <v>MEX</v>
          </cell>
          <cell r="C337" t="str">
            <v>Mexico</v>
          </cell>
          <cell r="D337" t="str">
            <v>Item 21</v>
          </cell>
          <cell r="E337" t="str">
            <v>CD4</v>
          </cell>
          <cell r="F337" t="str">
            <v>Other special costs to employers in case of collective dismissals</v>
          </cell>
          <cell r="G337">
            <v>2003</v>
          </cell>
          <cell r="I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J337">
            <v>1</v>
          </cell>
          <cell r="M337">
            <v>3</v>
          </cell>
        </row>
        <row r="338">
          <cell r="A338" t="str">
            <v>NLDREG12003</v>
          </cell>
          <cell r="B338" t="str">
            <v>NLD</v>
          </cell>
          <cell r="C338" t="str">
            <v>Netherlands</v>
          </cell>
          <cell r="D338" t="str">
            <v>Item 1</v>
          </cell>
          <cell r="E338" t="str">
            <v>REG1</v>
          </cell>
          <cell r="F338" t="str">
            <v>Notification procedures</v>
          </cell>
          <cell r="G338">
            <v>2003</v>
          </cell>
          <cell r="I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J338">
            <v>2</v>
          </cell>
          <cell r="M338">
            <v>4</v>
          </cell>
        </row>
        <row r="339">
          <cell r="A339" t="str">
            <v>NLDREG22003</v>
          </cell>
          <cell r="B339" t="str">
            <v>NLD</v>
          </cell>
          <cell r="C339" t="str">
            <v>Netherlands</v>
          </cell>
          <cell r="D339" t="str">
            <v>Item 2</v>
          </cell>
          <cell r="E339" t="str">
            <v>REG2</v>
          </cell>
          <cell r="F339" t="str">
            <v>Delay before notice can start</v>
          </cell>
          <cell r="G339">
            <v>2003</v>
          </cell>
          <cell r="I339" t="str">
            <v>Termination via PES: Authorisation procedure normally takes 4‑6 weeks. In case of economic redundancy a shortened procedure is possible if the employee agrees with the dismissal. Then the authorization procedure takes 1 or 2 weeks.</v>
          </cell>
          <cell r="J339">
            <v>31</v>
          </cell>
          <cell r="M339">
            <v>4</v>
          </cell>
        </row>
        <row r="340">
          <cell r="A340" t="str">
            <v>NLDREG32003</v>
          </cell>
          <cell r="B340" t="str">
            <v>NLD</v>
          </cell>
          <cell r="C340" t="str">
            <v>Netherlands</v>
          </cell>
          <cell r="D340" t="str">
            <v>Item 3</v>
          </cell>
          <cell r="E340" t="str">
            <v>REG3A, REG3B, REG3C</v>
          </cell>
          <cell r="F340" t="str">
            <v>Notice / tenure</v>
          </cell>
          <cell r="G340">
            <v>2003</v>
          </cell>
          <cell r="I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J340">
            <v>0.5</v>
          </cell>
          <cell r="K340">
            <v>0.5</v>
          </cell>
          <cell r="L340">
            <v>1.5</v>
          </cell>
          <cell r="M340">
            <v>2</v>
          </cell>
          <cell r="N340">
            <v>1</v>
          </cell>
          <cell r="O340">
            <v>1</v>
          </cell>
        </row>
        <row r="341">
          <cell r="A341" t="str">
            <v>NLDREG42003</v>
          </cell>
          <cell r="B341" t="str">
            <v>NLD</v>
          </cell>
          <cell r="C341" t="str">
            <v>Netherlands</v>
          </cell>
          <cell r="D341" t="str">
            <v>Item 4</v>
          </cell>
          <cell r="E341" t="str">
            <v>REG4A, REG4B, REG4C</v>
          </cell>
          <cell r="F341" t="str">
            <v>Severance pay / tenure</v>
          </cell>
          <cell r="G341">
            <v>2003</v>
          </cell>
          <cell r="I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J341">
            <v>0</v>
          </cell>
          <cell r="K341">
            <v>3</v>
          </cell>
          <cell r="L341">
            <v>9</v>
          </cell>
          <cell r="M341">
            <v>0</v>
          </cell>
          <cell r="N341">
            <v>4</v>
          </cell>
          <cell r="O341">
            <v>3</v>
          </cell>
        </row>
        <row r="342">
          <cell r="A342" t="str">
            <v>NLDREG52003</v>
          </cell>
          <cell r="B342" t="str">
            <v>NLD</v>
          </cell>
          <cell r="C342" t="str">
            <v>Netherlands</v>
          </cell>
          <cell r="D342" t="str">
            <v>Item 5</v>
          </cell>
          <cell r="E342" t="str">
            <v>REG5</v>
          </cell>
          <cell r="F342" t="str">
            <v>Definition of justified or unfair dismissal</v>
          </cell>
          <cell r="G342">
            <v>2003</v>
          </cell>
          <cell r="I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J342">
            <v>1.5</v>
          </cell>
          <cell r="M342">
            <v>3</v>
          </cell>
        </row>
        <row r="343">
          <cell r="A343" t="str">
            <v>NLDREG62003</v>
          </cell>
          <cell r="B343" t="str">
            <v>NLD</v>
          </cell>
          <cell r="C343" t="str">
            <v>Netherlands</v>
          </cell>
          <cell r="D343" t="str">
            <v>Item 6</v>
          </cell>
          <cell r="E343" t="str">
            <v>REG6</v>
          </cell>
          <cell r="F343" t="str">
            <v>Trial period</v>
          </cell>
          <cell r="G343">
            <v>2003</v>
          </cell>
          <cell r="I343" t="str">
            <v>All workers: 1 month for contract of &lt; 2 years duration; 2 months for contract of &gt;2 years duration.</v>
          </cell>
          <cell r="J343">
            <v>2</v>
          </cell>
          <cell r="M343">
            <v>5</v>
          </cell>
        </row>
        <row r="344">
          <cell r="A344" t="str">
            <v>NLDREG72003</v>
          </cell>
          <cell r="B344" t="str">
            <v>NLD</v>
          </cell>
          <cell r="C344" t="str">
            <v>Netherlands</v>
          </cell>
          <cell r="D344" t="str">
            <v>Item 7</v>
          </cell>
          <cell r="E344" t="str">
            <v>REG7</v>
          </cell>
          <cell r="F344" t="str">
            <v xml:space="preserve">Compensation following unfair dismissal </v>
          </cell>
          <cell r="G344">
            <v>2003</v>
          </cell>
          <cell r="I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J344">
            <v>18</v>
          </cell>
          <cell r="M344">
            <v>3</v>
          </cell>
        </row>
        <row r="345">
          <cell r="A345" t="str">
            <v>NLDREG82003</v>
          </cell>
          <cell r="B345" t="str">
            <v>NLD</v>
          </cell>
          <cell r="C345" t="str">
            <v>Netherlands</v>
          </cell>
          <cell r="D345" t="str">
            <v>Item 8</v>
          </cell>
          <cell r="E345" t="str">
            <v>REG8</v>
          </cell>
          <cell r="F345" t="str">
            <v>Possibility of reinstatement following unfair dismissal</v>
          </cell>
          <cell r="G345">
            <v>2003</v>
          </cell>
          <cell r="I345" t="str">
            <v>The option of  reinstatement is rarely made available to the employee.</v>
          </cell>
          <cell r="J345">
            <v>1</v>
          </cell>
          <cell r="M345">
            <v>2</v>
          </cell>
        </row>
        <row r="346">
          <cell r="A346" t="str">
            <v>NLDREG92003</v>
          </cell>
          <cell r="B346" t="str">
            <v>NLD</v>
          </cell>
          <cell r="C346" t="str">
            <v>Netherlands</v>
          </cell>
          <cell r="D346" t="str">
            <v>Item 9</v>
          </cell>
          <cell r="E346" t="str">
            <v>REG9</v>
          </cell>
          <cell r="F346" t="str">
            <v>Maximum time for claim</v>
          </cell>
          <cell r="G346">
            <v>2003</v>
          </cell>
          <cell r="I346" t="str">
            <v>-</v>
          </cell>
        </row>
        <row r="347">
          <cell r="A347" t="str">
            <v>NLDFTC12003</v>
          </cell>
          <cell r="B347" t="str">
            <v>NLD</v>
          </cell>
          <cell r="C347" t="str">
            <v>Netherlands</v>
          </cell>
          <cell r="D347" t="str">
            <v>Item 10</v>
          </cell>
          <cell r="E347" t="str">
            <v>FTC1</v>
          </cell>
          <cell r="F347" t="str">
            <v>Valid cases for use of fixed-term contracts, other than  “objective”  or “material” situation</v>
          </cell>
          <cell r="G347">
            <v>2003</v>
          </cell>
          <cell r="I347" t="str">
            <v xml:space="preserve">No restrictions. </v>
          </cell>
          <cell r="J347">
            <v>3</v>
          </cell>
          <cell r="M347">
            <v>0</v>
          </cell>
        </row>
        <row r="348">
          <cell r="A348" t="str">
            <v>NLDFTC22003</v>
          </cell>
          <cell r="B348" t="str">
            <v>NLD</v>
          </cell>
          <cell r="C348" t="str">
            <v>Netherlands</v>
          </cell>
          <cell r="D348" t="str">
            <v>Item 11</v>
          </cell>
          <cell r="E348" t="str">
            <v>FTC2</v>
          </cell>
          <cell r="F348" t="str">
            <v>Maximum number of successive fixed-term contracts</v>
          </cell>
          <cell r="G348">
            <v>2003</v>
          </cell>
          <cell r="I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48">
            <v>3</v>
          </cell>
          <cell r="M348">
            <v>3</v>
          </cell>
        </row>
        <row r="349">
          <cell r="A349" t="str">
            <v>NLDFTC32003</v>
          </cell>
          <cell r="B349" t="str">
            <v>NLD</v>
          </cell>
          <cell r="C349" t="str">
            <v>Netherlands</v>
          </cell>
          <cell r="D349" t="str">
            <v>Item 12</v>
          </cell>
          <cell r="E349" t="str">
            <v>FTC3</v>
          </cell>
          <cell r="F349" t="str">
            <v>Maximum cumulated duration of successive fixed-term contracts</v>
          </cell>
          <cell r="G349">
            <v>2003</v>
          </cell>
          <cell r="I349" t="str">
            <v>No limit for first fixed-term contracts, but 3 years in case of renewals.</v>
          </cell>
          <cell r="J349">
            <v>200</v>
          </cell>
          <cell r="M349">
            <v>0</v>
          </cell>
        </row>
        <row r="350">
          <cell r="A350" t="str">
            <v>NLDTWA12003</v>
          </cell>
          <cell r="B350" t="str">
            <v>NLD</v>
          </cell>
          <cell r="C350" t="str">
            <v>Netherlands</v>
          </cell>
          <cell r="D350" t="str">
            <v>Item 13</v>
          </cell>
          <cell r="E350" t="str">
            <v>TWA1</v>
          </cell>
          <cell r="F350" t="str">
            <v>Types of work for which TWA employment is legal</v>
          </cell>
          <cell r="G350">
            <v>2003</v>
          </cell>
          <cell r="I350" t="str">
            <v>General, with the exception of seamen. (previous restrictions in transport and construction now removed).</v>
          </cell>
          <cell r="J350">
            <v>3.5</v>
          </cell>
          <cell r="M350">
            <v>0.75</v>
          </cell>
        </row>
        <row r="351">
          <cell r="A351" t="str">
            <v>NLDTWA22003</v>
          </cell>
          <cell r="B351" t="str">
            <v>NLD</v>
          </cell>
          <cell r="C351" t="str">
            <v>Netherlands</v>
          </cell>
          <cell r="D351" t="str">
            <v>Item 14</v>
          </cell>
          <cell r="E351" t="str">
            <v>TWA2A, TWA2B</v>
          </cell>
          <cell r="F351" t="str">
            <v>Are there any restrictions on the number of renewals of a TWA contract?</v>
          </cell>
          <cell r="G351">
            <v>2003</v>
          </cell>
          <cell r="I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J351" t="str">
            <v>Yes</v>
          </cell>
          <cell r="K351" t="str">
            <v>Yes</v>
          </cell>
          <cell r="M351">
            <v>4</v>
          </cell>
          <cell r="N351">
            <v>4</v>
          </cell>
        </row>
        <row r="352">
          <cell r="A352" t="str">
            <v>NLDTWA32003</v>
          </cell>
          <cell r="B352" t="str">
            <v>NLD</v>
          </cell>
          <cell r="C352" t="str">
            <v>Netherlands</v>
          </cell>
          <cell r="D352" t="str">
            <v>Item 15</v>
          </cell>
          <cell r="E352" t="str">
            <v>TWA3A, TWA3B</v>
          </cell>
          <cell r="F352" t="str">
            <v>Maximum cumulated duration of temporary work contracts</v>
          </cell>
          <cell r="G352">
            <v>2003</v>
          </cell>
          <cell r="I352" t="str">
            <v> Unlimited. After 3 years of cumulation of TWA-contracts, the last fixed-term contract will be altered into a contract for an indefinite period with the TWA.</v>
          </cell>
          <cell r="J352">
            <v>36</v>
          </cell>
          <cell r="K352">
            <v>36</v>
          </cell>
          <cell r="M352">
            <v>1</v>
          </cell>
          <cell r="N352">
            <v>1</v>
          </cell>
        </row>
        <row r="353">
          <cell r="A353" t="str">
            <v>NLDTWA42003</v>
          </cell>
          <cell r="B353" t="str">
            <v>NLD</v>
          </cell>
          <cell r="C353" t="str">
            <v>Netherlands</v>
          </cell>
          <cell r="D353" t="str">
            <v>Item 16</v>
          </cell>
          <cell r="E353" t="str">
            <v>TWA4</v>
          </cell>
          <cell r="F353" t="str">
            <v>Authorisation and reporting obligations</v>
          </cell>
          <cell r="G353">
            <v>2003</v>
          </cell>
          <cell r="I353" t="str">
            <v>-</v>
          </cell>
        </row>
        <row r="354">
          <cell r="A354" t="str">
            <v>NLDTWA52003</v>
          </cell>
          <cell r="B354" t="str">
            <v>NLD</v>
          </cell>
          <cell r="C354" t="str">
            <v>Netherlands</v>
          </cell>
          <cell r="D354" t="str">
            <v>Item 17</v>
          </cell>
          <cell r="E354" t="str">
            <v>TWA5</v>
          </cell>
          <cell r="F354" t="str">
            <v>Equal treatment for TWA workers</v>
          </cell>
          <cell r="G354">
            <v>2003</v>
          </cell>
          <cell r="I354" t="str">
            <v>-</v>
          </cell>
        </row>
        <row r="355">
          <cell r="A355" t="str">
            <v>NLDCD12003</v>
          </cell>
          <cell r="B355" t="str">
            <v>NLD</v>
          </cell>
          <cell r="C355" t="str">
            <v>Netherlands</v>
          </cell>
          <cell r="D355" t="str">
            <v>Item 18</v>
          </cell>
          <cell r="E355" t="str">
            <v>CD1</v>
          </cell>
          <cell r="F355" t="str">
            <v>Definition of collective dismissal</v>
          </cell>
          <cell r="G355">
            <v>2003</v>
          </cell>
          <cell r="I355" t="str">
            <v>Over 3 months, 20+ workers dismissed by one employer in one employment service region.</v>
          </cell>
          <cell r="J355">
            <v>2</v>
          </cell>
          <cell r="M355">
            <v>3</v>
          </cell>
        </row>
        <row r="356">
          <cell r="A356" t="str">
            <v>NLDCD22003</v>
          </cell>
          <cell r="B356" t="str">
            <v>NLD</v>
          </cell>
          <cell r="C356" t="str">
            <v>Netherlands</v>
          </cell>
          <cell r="D356" t="str">
            <v>Item 19</v>
          </cell>
          <cell r="E356" t="str">
            <v>CD2</v>
          </cell>
          <cell r="F356" t="str">
            <v>Additional notification requirements in case of collective dismissals</v>
          </cell>
          <cell r="G356">
            <v>2003</v>
          </cell>
          <cell r="I356" t="str">
            <v>Notification of employee representatives: Duty to inform and consult with Works Council and trade union delegation.
Notification of public authorities: Notification of regional employment office.</v>
          </cell>
          <cell r="J356">
            <v>1</v>
          </cell>
          <cell r="M356">
            <v>3</v>
          </cell>
        </row>
        <row r="357">
          <cell r="A357" t="str">
            <v>NLDCD32003</v>
          </cell>
          <cell r="B357" t="str">
            <v>NLD</v>
          </cell>
          <cell r="C357" t="str">
            <v>Netherlands</v>
          </cell>
          <cell r="D357" t="str">
            <v>Item 20</v>
          </cell>
          <cell r="E357" t="str">
            <v>CD3</v>
          </cell>
          <cell r="F357" t="str">
            <v>Additional delays involved in case of collective dismissals</v>
          </cell>
          <cell r="G357">
            <v>2003</v>
          </cell>
          <cell r="I357" t="str">
            <v>30 days waiting period to allow for social plan negotiations (unless the social partners have agreed in writing to refrain from the waiting period.</v>
          </cell>
          <cell r="J357">
            <v>30</v>
          </cell>
          <cell r="M357">
            <v>3</v>
          </cell>
        </row>
        <row r="358">
          <cell r="A358" t="str">
            <v>NLDCD42003</v>
          </cell>
          <cell r="B358" t="str">
            <v>NLD</v>
          </cell>
          <cell r="C358" t="str">
            <v>Netherlands</v>
          </cell>
          <cell r="D358" t="str">
            <v>Item 21</v>
          </cell>
          <cell r="E358" t="str">
            <v>CD4</v>
          </cell>
          <cell r="F358" t="str">
            <v>Other special costs to employers in case of collective dismissals</v>
          </cell>
          <cell r="G358">
            <v>2003</v>
          </cell>
          <cell r="I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J358">
            <v>1</v>
          </cell>
          <cell r="M358">
            <v>3</v>
          </cell>
        </row>
        <row r="359">
          <cell r="A359" t="str">
            <v>NZLREG12003</v>
          </cell>
          <cell r="B359" t="str">
            <v>NZL</v>
          </cell>
          <cell r="C359" t="str">
            <v>New Zealand</v>
          </cell>
          <cell r="D359" t="str">
            <v>Item 1</v>
          </cell>
          <cell r="E359" t="str">
            <v>REG1</v>
          </cell>
          <cell r="F359" t="str">
            <v>Notification procedures</v>
          </cell>
          <cell r="G359">
            <v>2003</v>
          </cell>
          <cell r="I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J359">
            <v>1.5</v>
          </cell>
          <cell r="M359">
            <v>3</v>
          </cell>
        </row>
        <row r="360">
          <cell r="A360" t="str">
            <v>NZLREG22003</v>
          </cell>
          <cell r="B360" t="str">
            <v>NZL</v>
          </cell>
          <cell r="C360" t="str">
            <v>New Zealand</v>
          </cell>
          <cell r="D360" t="str">
            <v>Item 2</v>
          </cell>
          <cell r="E360" t="str">
            <v>REG2</v>
          </cell>
          <cell r="F360" t="str">
            <v>Delay before notice can start</v>
          </cell>
          <cell r="G360">
            <v>2003</v>
          </cell>
          <cell r="I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J360">
            <v>7</v>
          </cell>
          <cell r="M360">
            <v>1</v>
          </cell>
        </row>
        <row r="361">
          <cell r="A361" t="str">
            <v>NZLREG32003</v>
          </cell>
          <cell r="B361" t="str">
            <v>NZL</v>
          </cell>
          <cell r="C361" t="str">
            <v>New Zealand</v>
          </cell>
          <cell r="D361" t="str">
            <v>Item 3</v>
          </cell>
          <cell r="E361" t="str">
            <v>REG3A, REG3B, REG3C</v>
          </cell>
          <cell r="F361" t="str">
            <v>Notice / tenure</v>
          </cell>
          <cell r="G361">
            <v>2003</v>
          </cell>
          <cell r="I361" t="str">
            <v xml:space="preserve">All workers: No specific period is required under the ERA, but the duty of good faith, as well as case law, requires that reasonable notice be provided. Usually 1-2 weeks for blue collar and 2+ weeks for white collar workers.
</v>
          </cell>
          <cell r="J361">
            <v>0.5</v>
          </cell>
          <cell r="K361">
            <v>0.5</v>
          </cell>
          <cell r="L361">
            <v>0.5</v>
          </cell>
          <cell r="M361">
            <v>2</v>
          </cell>
          <cell r="N361">
            <v>1</v>
          </cell>
          <cell r="O361">
            <v>0</v>
          </cell>
        </row>
        <row r="362">
          <cell r="A362" t="str">
            <v>NZLREG42003</v>
          </cell>
          <cell r="B362" t="str">
            <v>NZL</v>
          </cell>
          <cell r="C362" t="str">
            <v>New Zealand</v>
          </cell>
          <cell r="D362" t="str">
            <v>Item 4</v>
          </cell>
          <cell r="E362" t="str">
            <v>REG4A, REG4B, REG4C</v>
          </cell>
          <cell r="F362" t="str">
            <v>Severance pay / tenure</v>
          </cell>
          <cell r="G362">
            <v>2003</v>
          </cell>
          <cell r="I362" t="str">
            <v xml:space="preserve">Personal reasons: none.
Redundacy cases: no statutory requirements to pay severance pay. </v>
          </cell>
          <cell r="J362">
            <v>0</v>
          </cell>
          <cell r="K362">
            <v>0</v>
          </cell>
          <cell r="L362">
            <v>0</v>
          </cell>
          <cell r="M362">
            <v>0</v>
          </cell>
          <cell r="N362">
            <v>0</v>
          </cell>
          <cell r="O362">
            <v>0</v>
          </cell>
        </row>
        <row r="363">
          <cell r="A363" t="str">
            <v>NZLREG52003</v>
          </cell>
          <cell r="B363" t="str">
            <v>NZL</v>
          </cell>
          <cell r="C363" t="str">
            <v>New Zealand</v>
          </cell>
          <cell r="D363" t="str">
            <v>Item 5</v>
          </cell>
          <cell r="E363" t="str">
            <v>REG5</v>
          </cell>
          <cell r="F363" t="str">
            <v>Definition of justified or unfair dismissal</v>
          </cell>
          <cell r="G363">
            <v>2003</v>
          </cell>
          <cell r="I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J363">
            <v>0</v>
          </cell>
          <cell r="M363">
            <v>0</v>
          </cell>
        </row>
        <row r="364">
          <cell r="A364" t="str">
            <v>NZLREG62003</v>
          </cell>
          <cell r="B364" t="str">
            <v>NZL</v>
          </cell>
          <cell r="C364" t="str">
            <v>New Zealand</v>
          </cell>
          <cell r="D364" t="str">
            <v>Item 6</v>
          </cell>
          <cell r="E364" t="str">
            <v>REG6</v>
          </cell>
          <cell r="F364" t="str">
            <v>Trial period</v>
          </cell>
          <cell r="G364">
            <v>2003</v>
          </cell>
          <cell r="I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364">
            <v>0</v>
          </cell>
          <cell r="M364">
            <v>6</v>
          </cell>
        </row>
        <row r="365">
          <cell r="A365" t="str">
            <v>NZLREG72003</v>
          </cell>
          <cell r="B365" t="str">
            <v>NZL</v>
          </cell>
          <cell r="C365" t="str">
            <v>New Zealand</v>
          </cell>
          <cell r="D365" t="str">
            <v>Item 7</v>
          </cell>
          <cell r="E365" t="str">
            <v>REG7</v>
          </cell>
          <cell r="F365" t="str">
            <v xml:space="preserve">Compensation following unfair dismissal </v>
          </cell>
          <cell r="G365">
            <v>2003</v>
          </cell>
          <cell r="I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J365" t="str">
            <v>..</v>
          </cell>
          <cell r="M365" t="e">
            <v>#N/A</v>
          </cell>
        </row>
        <row r="366">
          <cell r="A366" t="str">
            <v>NZLREG82003</v>
          </cell>
          <cell r="B366" t="str">
            <v>NZL</v>
          </cell>
          <cell r="C366" t="str">
            <v>New Zealand</v>
          </cell>
          <cell r="D366" t="str">
            <v>Item 8</v>
          </cell>
          <cell r="E366" t="str">
            <v>REG8</v>
          </cell>
          <cell r="F366" t="str">
            <v>Possibility of reinstatement following unfair dismissal</v>
          </cell>
          <cell r="G366">
            <v>2003</v>
          </cell>
          <cell r="I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J366">
            <v>1</v>
          </cell>
          <cell r="M366">
            <v>2</v>
          </cell>
        </row>
        <row r="367">
          <cell r="A367" t="str">
            <v>NZLREG92003</v>
          </cell>
          <cell r="B367" t="str">
            <v>NZL</v>
          </cell>
          <cell r="C367" t="str">
            <v>New Zealand</v>
          </cell>
          <cell r="D367" t="str">
            <v>Item 9</v>
          </cell>
          <cell r="E367" t="str">
            <v>REG9</v>
          </cell>
          <cell r="F367" t="str">
            <v>Maximum time for claim</v>
          </cell>
          <cell r="G367">
            <v>2003</v>
          </cell>
          <cell r="I367" t="str">
            <v>-</v>
          </cell>
        </row>
        <row r="368">
          <cell r="A368" t="str">
            <v>NZLFTC12003</v>
          </cell>
          <cell r="B368" t="str">
            <v>NZL</v>
          </cell>
          <cell r="C368" t="str">
            <v>New Zealand</v>
          </cell>
          <cell r="D368" t="str">
            <v>Item 10</v>
          </cell>
          <cell r="E368" t="str">
            <v>FTC1</v>
          </cell>
          <cell r="F368" t="str">
            <v>Valid cases for use of fixed-term contracts, other than  “objective”  or “material” situation</v>
          </cell>
          <cell r="G368">
            <v>2003</v>
          </cell>
          <cell r="I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J368">
            <v>2</v>
          </cell>
          <cell r="M368">
            <v>2</v>
          </cell>
        </row>
        <row r="369">
          <cell r="A369" t="str">
            <v>NZLFTC22003</v>
          </cell>
          <cell r="B369" t="str">
            <v>NZL</v>
          </cell>
          <cell r="C369" t="str">
            <v>New Zealand</v>
          </cell>
          <cell r="D369" t="str">
            <v>Item 11</v>
          </cell>
          <cell r="E369" t="str">
            <v>FTC2</v>
          </cell>
          <cell r="F369" t="str">
            <v>Maximum number of successive fixed-term contracts</v>
          </cell>
          <cell r="G369">
            <v>2003</v>
          </cell>
          <cell r="I369" t="str">
            <v>4 No limit specified, but the requirement that an employer must have genuine reasons based on reasonable grounds may mean that there will be a risk that upon continuous renewal the Courts will find a fixed-term agreement to be a “sham”.</v>
          </cell>
          <cell r="J369">
            <v>4</v>
          </cell>
          <cell r="M369">
            <v>2</v>
          </cell>
        </row>
        <row r="370">
          <cell r="A370" t="str">
            <v>NZLFTC32003</v>
          </cell>
          <cell r="B370" t="str">
            <v>NZL</v>
          </cell>
          <cell r="C370" t="str">
            <v>New Zealand</v>
          </cell>
          <cell r="D370" t="str">
            <v>Item 12</v>
          </cell>
          <cell r="E370" t="str">
            <v>FTC3</v>
          </cell>
          <cell r="F370" t="str">
            <v>Maximum cumulated duration of successive fixed-term contracts</v>
          </cell>
          <cell r="G370">
            <v>2003</v>
          </cell>
          <cell r="I370" t="str">
            <v>No limit, unless it is shown that the employer does not have genuine reasons based on reasonable grounds.</v>
          </cell>
          <cell r="J370">
            <v>200</v>
          </cell>
          <cell r="M370">
            <v>0</v>
          </cell>
        </row>
        <row r="371">
          <cell r="A371" t="str">
            <v>NZLTWA12003</v>
          </cell>
          <cell r="B371" t="str">
            <v>NZL</v>
          </cell>
          <cell r="C371" t="str">
            <v>New Zealand</v>
          </cell>
          <cell r="D371" t="str">
            <v>Item 13</v>
          </cell>
          <cell r="E371" t="str">
            <v>TWA1</v>
          </cell>
          <cell r="F371" t="str">
            <v>Types of work for which TWA employment is legal</v>
          </cell>
          <cell r="G371">
            <v>2003</v>
          </cell>
          <cell r="I371" t="str">
            <v>General</v>
          </cell>
          <cell r="J371">
            <v>4</v>
          </cell>
          <cell r="M371">
            <v>0</v>
          </cell>
        </row>
        <row r="372">
          <cell r="A372" t="str">
            <v>NZLTWA22003</v>
          </cell>
          <cell r="B372" t="str">
            <v>NZL</v>
          </cell>
          <cell r="C372" t="str">
            <v>New Zealand</v>
          </cell>
          <cell r="D372" t="str">
            <v>Item 14</v>
          </cell>
          <cell r="E372" t="str">
            <v>TWA2A, TWA2B</v>
          </cell>
          <cell r="F372" t="str">
            <v>Are there any restrictions on the number of renewals of a TWA contract?</v>
          </cell>
          <cell r="G372">
            <v>2003</v>
          </cell>
          <cell r="I372" t="str">
            <v>No limit specified, except that the employer must have genuine reasons based on reasonable grounds.</v>
          </cell>
          <cell r="J372" t="str">
            <v>Yes</v>
          </cell>
          <cell r="K372" t="str">
            <v>Yes</v>
          </cell>
          <cell r="M372">
            <v>4</v>
          </cell>
          <cell r="N372">
            <v>4</v>
          </cell>
        </row>
        <row r="373">
          <cell r="A373" t="str">
            <v>NZLTWA32003</v>
          </cell>
          <cell r="B373" t="str">
            <v>NZL</v>
          </cell>
          <cell r="C373" t="str">
            <v>New Zealand</v>
          </cell>
          <cell r="D373" t="str">
            <v>Item 15</v>
          </cell>
          <cell r="E373" t="str">
            <v>TWA3A, TWA3B</v>
          </cell>
          <cell r="F373" t="str">
            <v>Maximum cumulated duration of temporary work contracts</v>
          </cell>
          <cell r="G373">
            <v>2003</v>
          </cell>
          <cell r="I373" t="str">
            <v>No limit, unless it is shown that the employer does not have genuine reasons based on reasonable grounds.</v>
          </cell>
          <cell r="J373">
            <v>100</v>
          </cell>
          <cell r="K373">
            <v>100</v>
          </cell>
          <cell r="M373">
            <v>0</v>
          </cell>
          <cell r="N373">
            <v>0</v>
          </cell>
        </row>
        <row r="374">
          <cell r="A374" t="str">
            <v>NZLTWA42003</v>
          </cell>
          <cell r="B374" t="str">
            <v>NZL</v>
          </cell>
          <cell r="C374" t="str">
            <v>New Zealand</v>
          </cell>
          <cell r="D374" t="str">
            <v>Item 16</v>
          </cell>
          <cell r="E374" t="str">
            <v>TWA4</v>
          </cell>
          <cell r="F374" t="str">
            <v>Authorisation and reporting obligations</v>
          </cell>
          <cell r="G374">
            <v>2003</v>
          </cell>
        </row>
        <row r="375">
          <cell r="A375" t="str">
            <v>NZLTWA52003</v>
          </cell>
          <cell r="B375" t="str">
            <v>NZL</v>
          </cell>
          <cell r="C375" t="str">
            <v>New Zealand</v>
          </cell>
          <cell r="D375" t="str">
            <v>Item 17</v>
          </cell>
          <cell r="E375" t="str">
            <v>TWA5</v>
          </cell>
          <cell r="F375" t="str">
            <v>Equal treatment for TWA workers</v>
          </cell>
          <cell r="G375">
            <v>2003</v>
          </cell>
        </row>
        <row r="376">
          <cell r="A376" t="str">
            <v>NZLCD12003</v>
          </cell>
          <cell r="B376" t="str">
            <v>NZL</v>
          </cell>
          <cell r="C376" t="str">
            <v>New Zealand</v>
          </cell>
          <cell r="D376" t="str">
            <v>Item 18</v>
          </cell>
          <cell r="E376" t="str">
            <v>CD1</v>
          </cell>
          <cell r="F376" t="str">
            <v>Definition of collective dismissal</v>
          </cell>
          <cell r="G376">
            <v>2003</v>
          </cell>
          <cell r="I376" t="str">
            <v>No definition of collective dismissal.</v>
          </cell>
          <cell r="J376">
            <v>0</v>
          </cell>
          <cell r="M376">
            <v>0</v>
          </cell>
        </row>
        <row r="377">
          <cell r="A377" t="str">
            <v>NZLCD22003</v>
          </cell>
          <cell r="B377" t="str">
            <v>NZL</v>
          </cell>
          <cell r="C377" t="str">
            <v>New Zealand</v>
          </cell>
          <cell r="D377" t="str">
            <v>Item 19</v>
          </cell>
          <cell r="E377" t="str">
            <v>CD2</v>
          </cell>
          <cell r="F377" t="str">
            <v>Additional notification requirements in case of collective dismissals</v>
          </cell>
          <cell r="G377">
            <v>2003</v>
          </cell>
          <cell r="I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J377">
            <v>0.5</v>
          </cell>
          <cell r="M377">
            <v>1.5</v>
          </cell>
        </row>
        <row r="378">
          <cell r="A378" t="str">
            <v>NZLCD32003</v>
          </cell>
          <cell r="B378" t="str">
            <v>NZL</v>
          </cell>
          <cell r="C378" t="str">
            <v>New Zealand</v>
          </cell>
          <cell r="D378" t="str">
            <v>Item 20</v>
          </cell>
          <cell r="E378" t="str">
            <v>CD3</v>
          </cell>
          <cell r="F378" t="str">
            <v>Additional delays involved in case of collective dismissals</v>
          </cell>
          <cell r="G378">
            <v>2003</v>
          </cell>
          <cell r="I378" t="str">
            <v xml:space="preserve">No special regulations for collective dismissal. </v>
          </cell>
          <cell r="J378">
            <v>0</v>
          </cell>
          <cell r="M378">
            <v>0</v>
          </cell>
        </row>
        <row r="379">
          <cell r="A379" t="str">
            <v>NZLCD42003</v>
          </cell>
          <cell r="B379" t="str">
            <v>NZL</v>
          </cell>
          <cell r="C379" t="str">
            <v>New Zealand</v>
          </cell>
          <cell r="D379" t="str">
            <v>Item 21</v>
          </cell>
          <cell r="E379" t="str">
            <v>CD4</v>
          </cell>
          <cell r="F379" t="str">
            <v>Other special costs to employers in case of collective dismissals</v>
          </cell>
          <cell r="G379">
            <v>2003</v>
          </cell>
          <cell r="I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J379">
            <v>0</v>
          </cell>
          <cell r="M379">
            <v>0</v>
          </cell>
        </row>
        <row r="380">
          <cell r="A380" t="str">
            <v>NORREG12003</v>
          </cell>
          <cell r="B380" t="str">
            <v>NOR</v>
          </cell>
          <cell r="C380" t="str">
            <v>Norway</v>
          </cell>
          <cell r="D380" t="str">
            <v>Item 1</v>
          </cell>
          <cell r="E380" t="str">
            <v>REG1</v>
          </cell>
          <cell r="F380" t="str">
            <v>Notification procedures</v>
          </cell>
          <cell r="G380">
            <v>2003</v>
          </cell>
          <cell r="I380" t="str">
            <v>Written notice to employee, with statement of reasons upon request.</v>
          </cell>
          <cell r="J380">
            <v>1</v>
          </cell>
          <cell r="M380">
            <v>2</v>
          </cell>
        </row>
        <row r="381">
          <cell r="A381" t="str">
            <v>NORREG22003</v>
          </cell>
          <cell r="B381" t="str">
            <v>NOR</v>
          </cell>
          <cell r="C381" t="str">
            <v>Norway</v>
          </cell>
          <cell r="D381" t="str">
            <v>Item 2</v>
          </cell>
          <cell r="E381" t="str">
            <v>REG2</v>
          </cell>
          <cell r="F381" t="str">
            <v>Delay before notice can start</v>
          </cell>
          <cell r="G381">
            <v>2003</v>
          </cell>
          <cell r="I381" t="str">
            <v>Letter sent by mail. Notice period runs from the first day of the month following that in which notice was given.</v>
          </cell>
          <cell r="J381">
            <v>17</v>
          </cell>
          <cell r="M381">
            <v>2</v>
          </cell>
        </row>
        <row r="382">
          <cell r="A382" t="str">
            <v>NORREG32003</v>
          </cell>
          <cell r="B382" t="str">
            <v>NOR</v>
          </cell>
          <cell r="C382" t="str">
            <v>Norway</v>
          </cell>
          <cell r="D382" t="str">
            <v>Item 3</v>
          </cell>
          <cell r="E382" t="str">
            <v>REG3A, REG3B, REG3C</v>
          </cell>
          <cell r="F382" t="str">
            <v>Notice / tenure</v>
          </cell>
          <cell r="G382">
            <v>2003</v>
          </cell>
          <cell r="I382" t="str">
            <v>All workers: 14d&lt;6m, 1m&lt;5y, 2m&lt;10y, 3m&gt;10y; (with above 10 years seniority, notice period increases with age, up to 6 months at age 60 and above).
9 months tenure: 1 month, 4 years tenure: 1 month, 20 years tenure: 3 months.</v>
          </cell>
          <cell r="J382">
            <v>1</v>
          </cell>
          <cell r="K382">
            <v>1</v>
          </cell>
          <cell r="L382">
            <v>3</v>
          </cell>
          <cell r="M382">
            <v>3</v>
          </cell>
          <cell r="N382">
            <v>2</v>
          </cell>
          <cell r="O382">
            <v>2</v>
          </cell>
        </row>
        <row r="383">
          <cell r="A383" t="str">
            <v>NORREG42003</v>
          </cell>
          <cell r="B383" t="str">
            <v>NOR</v>
          </cell>
          <cell r="C383" t="str">
            <v>Norway</v>
          </cell>
          <cell r="D383" t="str">
            <v>Item 4</v>
          </cell>
          <cell r="E383" t="str">
            <v>REG4A, REG4B, REG4C</v>
          </cell>
          <cell r="F383" t="str">
            <v>Severance pay / tenure</v>
          </cell>
          <cell r="G383">
            <v>2003</v>
          </cell>
          <cell r="I383" t="str">
            <v xml:space="preserve">None by law; however collective agreements may, under certain conditions like chronical illness, require lumpsum additional 
 payments to long-serving staff who have reached age 50, or where the dismissal arises from company reorganisation.
</v>
          </cell>
          <cell r="J383">
            <v>0</v>
          </cell>
          <cell r="K383">
            <v>0</v>
          </cell>
          <cell r="L383">
            <v>0</v>
          </cell>
          <cell r="M383">
            <v>0</v>
          </cell>
          <cell r="N383">
            <v>0</v>
          </cell>
          <cell r="O383">
            <v>0</v>
          </cell>
        </row>
        <row r="384">
          <cell r="A384" t="str">
            <v>NORREG52003</v>
          </cell>
          <cell r="B384" t="str">
            <v>NOR</v>
          </cell>
          <cell r="C384" t="str">
            <v>Norway</v>
          </cell>
          <cell r="D384" t="str">
            <v>Item 5</v>
          </cell>
          <cell r="E384" t="str">
            <v>REG5</v>
          </cell>
          <cell r="F384" t="str">
            <v>Definition of justified or unfair dismissal</v>
          </cell>
          <cell r="G384">
            <v>2003</v>
          </cell>
          <cell r="I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384">
            <v>2.5</v>
          </cell>
          <cell r="M384">
            <v>5</v>
          </cell>
        </row>
        <row r="385">
          <cell r="A385" t="str">
            <v>NORREG62003</v>
          </cell>
          <cell r="B385" t="str">
            <v>NOR</v>
          </cell>
          <cell r="C385" t="str">
            <v>Norway</v>
          </cell>
          <cell r="D385" t="str">
            <v>Item 6</v>
          </cell>
          <cell r="E385" t="str">
            <v>REG6</v>
          </cell>
          <cell r="F385" t="str">
            <v>Trial period</v>
          </cell>
          <cell r="G385">
            <v>2003</v>
          </cell>
          <cell r="I385" t="str">
            <v xml:space="preserve">By law up to 6 months trial period (14 days notice).
</v>
          </cell>
          <cell r="J385">
            <v>3</v>
          </cell>
          <cell r="M385">
            <v>4</v>
          </cell>
        </row>
        <row r="386">
          <cell r="A386" t="str">
            <v>NORREG72003</v>
          </cell>
          <cell r="B386" t="str">
            <v>NOR</v>
          </cell>
          <cell r="C386" t="str">
            <v>Norway</v>
          </cell>
          <cell r="D386" t="str">
            <v>Item 7</v>
          </cell>
          <cell r="E386" t="str">
            <v>REG7</v>
          </cell>
          <cell r="F386" t="str">
            <v xml:space="preserve">Compensation following unfair dismissal </v>
          </cell>
          <cell r="G386">
            <v>2003</v>
          </cell>
          <cell r="I386" t="str">
            <v>Compensation up to 6 months pay (although it can go up to 3 years in rare cases), plus back pay for the duration of the court case.
Typical compensation at 20 years tenure (all workers): 12 months.</v>
          </cell>
          <cell r="J386">
            <v>12</v>
          </cell>
          <cell r="M386">
            <v>2</v>
          </cell>
        </row>
        <row r="387">
          <cell r="A387" t="str">
            <v>NORREG82003</v>
          </cell>
          <cell r="B387" t="str">
            <v>NOR</v>
          </cell>
          <cell r="C387" t="str">
            <v>Norway</v>
          </cell>
          <cell r="D387" t="str">
            <v>Item 8</v>
          </cell>
          <cell r="E387" t="str">
            <v>REG8</v>
          </cell>
          <cell r="F387" t="str">
            <v>Possibility of reinstatement following unfair dismissal</v>
          </cell>
          <cell r="G387">
            <v>2003</v>
          </cell>
          <cell r="I387" t="str">
            <v>Reinstatement orders fairly frequent.</v>
          </cell>
          <cell r="J387">
            <v>2</v>
          </cell>
          <cell r="M387">
            <v>4</v>
          </cell>
        </row>
        <row r="388">
          <cell r="A388" t="str">
            <v>NORREG92003</v>
          </cell>
          <cell r="B388" t="str">
            <v>NOR</v>
          </cell>
          <cell r="C388" t="str">
            <v>Norway</v>
          </cell>
          <cell r="D388" t="str">
            <v>Item 9</v>
          </cell>
          <cell r="E388" t="str">
            <v>REG9</v>
          </cell>
          <cell r="F388" t="str">
            <v>Maximum time for claim</v>
          </cell>
          <cell r="G388">
            <v>2003</v>
          </cell>
        </row>
        <row r="389">
          <cell r="A389" t="str">
            <v>NORFTC12003</v>
          </cell>
          <cell r="B389" t="str">
            <v>NOR</v>
          </cell>
          <cell r="C389" t="str">
            <v>Norway</v>
          </cell>
          <cell r="D389" t="str">
            <v>Item 10</v>
          </cell>
          <cell r="E389" t="str">
            <v>FTC1</v>
          </cell>
          <cell r="F389" t="str">
            <v>Valid cases for use of fixed-term contracts, other than  “objective”  or “material” situation</v>
          </cell>
          <cell r="G389">
            <v>2003</v>
          </cell>
          <cell r="I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J389">
            <v>1</v>
          </cell>
          <cell r="M389">
            <v>4</v>
          </cell>
        </row>
        <row r="390">
          <cell r="A390" t="str">
            <v>NORFTC22003</v>
          </cell>
          <cell r="B390" t="str">
            <v>NOR</v>
          </cell>
          <cell r="C390" t="str">
            <v>Norway</v>
          </cell>
          <cell r="D390" t="str">
            <v>Item 11</v>
          </cell>
          <cell r="E390" t="str">
            <v>FTC2</v>
          </cell>
          <cell r="F390" t="str">
            <v>Maximum number of successive fixed-term contracts</v>
          </cell>
          <cell r="G390">
            <v>2003</v>
          </cell>
          <cell r="I390" t="str">
            <v>Estimated 1.5
In case of successive contracts, justification of limitation of contract subject to court examination.</v>
          </cell>
          <cell r="J390">
            <v>1.5</v>
          </cell>
          <cell r="M390">
            <v>5</v>
          </cell>
        </row>
        <row r="391">
          <cell r="A391" t="str">
            <v>NORFTC32003</v>
          </cell>
          <cell r="B391" t="str">
            <v>NOR</v>
          </cell>
          <cell r="C391" t="str">
            <v>Norway</v>
          </cell>
          <cell r="D391" t="str">
            <v>Item 12</v>
          </cell>
          <cell r="E391" t="str">
            <v>FTC3</v>
          </cell>
          <cell r="F391" t="str">
            <v>Maximum cumulated duration of successive fixed-term contracts</v>
          </cell>
          <cell r="G391">
            <v>2003</v>
          </cell>
          <cell r="I391" t="str">
            <v xml:space="preserve">No limit </v>
          </cell>
          <cell r="J391">
            <v>200</v>
          </cell>
          <cell r="M391">
            <v>0</v>
          </cell>
        </row>
        <row r="392">
          <cell r="A392" t="str">
            <v>NORTWA12003</v>
          </cell>
          <cell r="B392" t="str">
            <v>NOR</v>
          </cell>
          <cell r="C392" t="str">
            <v>Norway</v>
          </cell>
          <cell r="D392" t="str">
            <v>Item 13</v>
          </cell>
          <cell r="E392" t="str">
            <v>TWA1</v>
          </cell>
          <cell r="F392" t="str">
            <v>Types of work for which TWA employment is legal</v>
          </cell>
          <cell r="G392">
            <v>2003</v>
          </cell>
          <cell r="I392" t="str">
            <v xml:space="preserve">Conditions similar to fixed-term work (permitted for specific tasks/projects, temporary replacements of absent employees, etc…). </v>
          </cell>
          <cell r="J392">
            <v>2</v>
          </cell>
          <cell r="M392">
            <v>3</v>
          </cell>
        </row>
        <row r="393">
          <cell r="A393" t="str">
            <v>NORTWA22003</v>
          </cell>
          <cell r="B393" t="str">
            <v>NOR</v>
          </cell>
          <cell r="C393" t="str">
            <v>Norway</v>
          </cell>
          <cell r="D393" t="str">
            <v>Item 14</v>
          </cell>
          <cell r="E393" t="str">
            <v>TWA2A, TWA2B</v>
          </cell>
          <cell r="F393" t="str">
            <v>Are there any restrictions on the number of renewals of a TWA contract?</v>
          </cell>
          <cell r="G393">
            <v>2003</v>
          </cell>
          <cell r="I393" t="str">
            <v>No limit specified, as long as there is an objective reason.</v>
          </cell>
          <cell r="J393" t="str">
            <v>Yes</v>
          </cell>
          <cell r="K393" t="str">
            <v>Yes</v>
          </cell>
          <cell r="M393">
            <v>4</v>
          </cell>
          <cell r="N393">
            <v>4</v>
          </cell>
        </row>
        <row r="394">
          <cell r="A394" t="str">
            <v>NORTWA32003</v>
          </cell>
          <cell r="B394" t="str">
            <v>NOR</v>
          </cell>
          <cell r="C394" t="str">
            <v>Norway</v>
          </cell>
          <cell r="D394" t="str">
            <v>Item 15</v>
          </cell>
          <cell r="E394" t="str">
            <v>TWA3A, TWA3B</v>
          </cell>
          <cell r="F394" t="str">
            <v>Maximum cumulated duration of temporary work contracts</v>
          </cell>
          <cell r="G394">
            <v>2003</v>
          </cell>
          <cell r="I394" t="str">
            <v>No</v>
          </cell>
          <cell r="J394">
            <v>100</v>
          </cell>
          <cell r="K394">
            <v>100</v>
          </cell>
          <cell r="M394">
            <v>0</v>
          </cell>
          <cell r="N394">
            <v>0</v>
          </cell>
        </row>
        <row r="395">
          <cell r="A395" t="str">
            <v>NORTWA42003</v>
          </cell>
          <cell r="B395" t="str">
            <v>NOR</v>
          </cell>
          <cell r="C395" t="str">
            <v>Norway</v>
          </cell>
          <cell r="D395" t="str">
            <v>Item 16</v>
          </cell>
          <cell r="E395" t="str">
            <v>TWA4</v>
          </cell>
          <cell r="F395" t="str">
            <v>Authorisation and reporting obligations</v>
          </cell>
          <cell r="G395">
            <v>2003</v>
          </cell>
        </row>
        <row r="396">
          <cell r="A396" t="str">
            <v>NORTWA52003</v>
          </cell>
          <cell r="B396" t="str">
            <v>NOR</v>
          </cell>
          <cell r="C396" t="str">
            <v>Norway</v>
          </cell>
          <cell r="D396" t="str">
            <v>Item 17</v>
          </cell>
          <cell r="E396" t="str">
            <v>TWA5</v>
          </cell>
          <cell r="F396" t="str">
            <v>Equal treatment for TWA workers</v>
          </cell>
          <cell r="G396">
            <v>2003</v>
          </cell>
        </row>
        <row r="397">
          <cell r="A397" t="str">
            <v>NORCD12003</v>
          </cell>
          <cell r="B397" t="str">
            <v>NOR</v>
          </cell>
          <cell r="C397" t="str">
            <v>Norway</v>
          </cell>
          <cell r="D397" t="str">
            <v>Item 18</v>
          </cell>
          <cell r="E397" t="str">
            <v>CD1</v>
          </cell>
          <cell r="F397" t="str">
            <v>Definition of collective dismissal</v>
          </cell>
          <cell r="G397">
            <v>2003</v>
          </cell>
          <cell r="I397" t="str">
            <v>10+ employees within a month.</v>
          </cell>
          <cell r="J397">
            <v>3</v>
          </cell>
          <cell r="M397">
            <v>4.5</v>
          </cell>
        </row>
        <row r="398">
          <cell r="A398" t="str">
            <v>NORCD22003</v>
          </cell>
          <cell r="B398" t="str">
            <v>NOR</v>
          </cell>
          <cell r="C398" t="str">
            <v>Norway</v>
          </cell>
          <cell r="D398" t="str">
            <v>Item 19</v>
          </cell>
          <cell r="E398" t="str">
            <v>CD2</v>
          </cell>
          <cell r="F398" t="str">
            <v>Additional notification requirements in case of collective dismissals</v>
          </cell>
          <cell r="G398">
            <v>2003</v>
          </cell>
          <cell r="I398" t="str">
            <v>Notification of employee representatives: Duty to inform and consult with trade union/employee representatives.
Notification of public authorities: Notification of district employment office.</v>
          </cell>
          <cell r="J398">
            <v>2</v>
          </cell>
          <cell r="M398">
            <v>6</v>
          </cell>
        </row>
        <row r="399">
          <cell r="A399" t="str">
            <v>NORCD32003</v>
          </cell>
          <cell r="B399" t="str">
            <v>NOR</v>
          </cell>
          <cell r="C399" t="str">
            <v>Norway</v>
          </cell>
          <cell r="D399" t="str">
            <v>Item 20</v>
          </cell>
          <cell r="E399" t="str">
            <v>CD3</v>
          </cell>
          <cell r="F399" t="str">
            <v>Additional delays involved in case of collective dismissals</v>
          </cell>
          <cell r="G399">
            <v>2003</v>
          </cell>
          <cell r="I399" t="str">
            <v>30 days waiting period after notification of employment service.</v>
          </cell>
          <cell r="J399">
            <v>13</v>
          </cell>
          <cell r="M399">
            <v>1</v>
          </cell>
        </row>
        <row r="400">
          <cell r="A400" t="str">
            <v>NORCD42003</v>
          </cell>
          <cell r="B400" t="str">
            <v>NOR</v>
          </cell>
          <cell r="C400" t="str">
            <v>Norway</v>
          </cell>
          <cell r="D400" t="str">
            <v>Item 21</v>
          </cell>
          <cell r="E400" t="str">
            <v>CD4</v>
          </cell>
          <cell r="F400" t="str">
            <v>Other special costs to employers in case of collective dismissals</v>
          </cell>
          <cell r="G400">
            <v>2003</v>
          </cell>
          <cell r="I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J400">
            <v>0</v>
          </cell>
          <cell r="M400">
            <v>0</v>
          </cell>
        </row>
        <row r="401">
          <cell r="A401" t="str">
            <v>POLREG12003</v>
          </cell>
          <cell r="B401" t="str">
            <v>POL</v>
          </cell>
          <cell r="C401" t="str">
            <v>Poland</v>
          </cell>
          <cell r="D401" t="str">
            <v>Item 1</v>
          </cell>
          <cell r="E401" t="str">
            <v>REG1</v>
          </cell>
          <cell r="F401" t="str">
            <v>Notification procedures</v>
          </cell>
          <cell r="G401">
            <v>2003</v>
          </cell>
          <cell r="I401" t="str">
            <v>Notification to representative trade union of intention to terminate, including reasons for dismissal.  In case the employee takes the case to the labour court, the court may require evidence of a warning procedure and of a fair account of trade union opinions.</v>
          </cell>
          <cell r="J401">
            <v>2</v>
          </cell>
          <cell r="M401">
            <v>4</v>
          </cell>
        </row>
        <row r="402">
          <cell r="A402" t="str">
            <v>POLREG22003</v>
          </cell>
          <cell r="B402" t="str">
            <v>POL</v>
          </cell>
          <cell r="C402" t="str">
            <v>Poland</v>
          </cell>
          <cell r="D402" t="str">
            <v>Item 2</v>
          </cell>
          <cell r="E402" t="str">
            <v>REG2</v>
          </cell>
          <cell r="F402" t="str">
            <v>Delay before notice can start</v>
          </cell>
          <cell r="G402">
            <v>2003</v>
          </cell>
          <cell r="I402" t="str">
            <v>After previous warning to the employee, 5 days for consultation with local trade union on justification for dismissal. Notice can then be served, usually by mail.
Calculation: 13 = 7 + 5+1</v>
          </cell>
          <cell r="J402">
            <v>13</v>
          </cell>
          <cell r="M402">
            <v>2</v>
          </cell>
        </row>
        <row r="403">
          <cell r="A403" t="str">
            <v>POLREG32003</v>
          </cell>
          <cell r="B403" t="str">
            <v>POL</v>
          </cell>
          <cell r="C403" t="str">
            <v>Poland</v>
          </cell>
          <cell r="D403" t="str">
            <v>Item 3</v>
          </cell>
          <cell r="E403" t="str">
            <v>REG3A, REG3B, REG3C</v>
          </cell>
          <cell r="F403" t="str">
            <v>Notice / tenure</v>
          </cell>
          <cell r="G403">
            <v>2003</v>
          </cell>
          <cell r="I403" t="str">
            <v>All workers: 2w&lt;6m, 1m&gt;6m, 3m&gt;3y. 2w for school leavers in first job.
9 months tenure: 1 month, 4 years tenure: 3 months, 20 years tenure: 3 months.</v>
          </cell>
          <cell r="J403">
            <v>1</v>
          </cell>
          <cell r="K403">
            <v>3</v>
          </cell>
          <cell r="L403">
            <v>3</v>
          </cell>
          <cell r="M403">
            <v>3</v>
          </cell>
          <cell r="N403">
            <v>5</v>
          </cell>
          <cell r="O403">
            <v>2</v>
          </cell>
        </row>
        <row r="404">
          <cell r="A404" t="str">
            <v>POLREG42003</v>
          </cell>
          <cell r="B404" t="str">
            <v>POL</v>
          </cell>
          <cell r="C404" t="str">
            <v>Poland</v>
          </cell>
          <cell r="D404" t="str">
            <v>Item 4</v>
          </cell>
          <cell r="E404" t="str">
            <v>REG4A, REG4B, REG4C</v>
          </cell>
          <cell r="F404" t="str">
            <v>Severance pay / tenure</v>
          </cell>
          <cell r="G404">
            <v>2003</v>
          </cell>
          <cell r="I404" t="str">
            <v>All workers: Usually none, but 1 month in case of termination due to disability or retirement.</v>
          </cell>
          <cell r="J404">
            <v>0</v>
          </cell>
          <cell r="K404">
            <v>0</v>
          </cell>
          <cell r="L404">
            <v>0</v>
          </cell>
          <cell r="M404">
            <v>0</v>
          </cell>
          <cell r="N404">
            <v>0</v>
          </cell>
          <cell r="O404">
            <v>0</v>
          </cell>
        </row>
        <row r="405">
          <cell r="A405" t="str">
            <v>POLREG52003</v>
          </cell>
          <cell r="B405" t="str">
            <v>POL</v>
          </cell>
          <cell r="C405" t="str">
            <v>Poland</v>
          </cell>
          <cell r="D405" t="str">
            <v>Item 5</v>
          </cell>
          <cell r="E405" t="str">
            <v>REG5</v>
          </cell>
          <cell r="F405" t="str">
            <v>Definition of justified or unfair dismissal</v>
          </cell>
          <cell r="G405">
            <v>2003</v>
          </cell>
          <cell r="I405" t="str">
            <v>Fair: Dismissals based on factors inherent in the employee (e.g. lack of competence) or on economic grounds of redundancy of the job.</v>
          </cell>
          <cell r="J405">
            <v>0</v>
          </cell>
          <cell r="M405">
            <v>0</v>
          </cell>
        </row>
        <row r="406">
          <cell r="A406" t="str">
            <v>POLREG62003</v>
          </cell>
          <cell r="B406" t="str">
            <v>POL</v>
          </cell>
          <cell r="C406" t="str">
            <v>Poland</v>
          </cell>
          <cell r="D406" t="str">
            <v>Item 6</v>
          </cell>
          <cell r="E406" t="str">
            <v>REG6</v>
          </cell>
          <cell r="F406" t="str">
            <v>Trial period</v>
          </cell>
          <cell r="G406">
            <v>2003</v>
          </cell>
          <cell r="I406" t="str">
            <v>All workers: Minimum 2 weeks. Ranging up to 3 months. (Labour Code)</v>
          </cell>
          <cell r="J406">
            <v>1.8</v>
          </cell>
          <cell r="M406">
            <v>5</v>
          </cell>
        </row>
        <row r="407">
          <cell r="A407" t="str">
            <v>POLREG72003</v>
          </cell>
          <cell r="B407" t="str">
            <v>POL</v>
          </cell>
          <cell r="C407" t="str">
            <v>Poland</v>
          </cell>
          <cell r="D407" t="str">
            <v>Item 7</v>
          </cell>
          <cell r="E407" t="str">
            <v>REG7</v>
          </cell>
          <cell r="F407" t="str">
            <v xml:space="preserve">Compensation following unfair dismissal </v>
          </cell>
          <cell r="G407">
            <v>2003</v>
          </cell>
          <cell r="I407" t="str">
            <v>Compensation of up to 3 months depending on amount of salary earned in another job by the time of court decision. Typical compensation at 20 years tenure (all workers): 3 months. (Labour Code)</v>
          </cell>
          <cell r="J407">
            <v>3</v>
          </cell>
          <cell r="M407">
            <v>0</v>
          </cell>
        </row>
        <row r="408">
          <cell r="A408" t="str">
            <v>POLREG82003</v>
          </cell>
          <cell r="B408" t="str">
            <v>POL</v>
          </cell>
          <cell r="C408" t="str">
            <v>Poland</v>
          </cell>
          <cell r="D408" t="str">
            <v>Item 8</v>
          </cell>
          <cell r="E408" t="str">
            <v>REG8</v>
          </cell>
          <cell r="F408" t="str">
            <v>Possibility of reinstatement following unfair dismissal</v>
          </cell>
          <cell r="G408">
            <v>2003</v>
          </cell>
          <cell r="I408" t="str">
            <v>Reinstatement is possible, but not often made available by the court.</v>
          </cell>
          <cell r="J408">
            <v>1</v>
          </cell>
          <cell r="M408">
            <v>2</v>
          </cell>
        </row>
        <row r="409">
          <cell r="A409" t="str">
            <v>POLREG92003</v>
          </cell>
          <cell r="B409" t="str">
            <v>POL</v>
          </cell>
          <cell r="C409" t="str">
            <v>Poland</v>
          </cell>
          <cell r="D409" t="str">
            <v>Item 9</v>
          </cell>
          <cell r="E409" t="str">
            <v>REG9</v>
          </cell>
          <cell r="F409" t="str">
            <v>Maximum time for claim</v>
          </cell>
          <cell r="G409">
            <v>2003</v>
          </cell>
        </row>
        <row r="410">
          <cell r="A410" t="str">
            <v>POLFTC12003</v>
          </cell>
          <cell r="B410" t="str">
            <v>POL</v>
          </cell>
          <cell r="C410" t="str">
            <v>Poland</v>
          </cell>
          <cell r="D410" t="str">
            <v>Item 10</v>
          </cell>
          <cell r="E410" t="str">
            <v>FTC1</v>
          </cell>
          <cell r="F410" t="str">
            <v>Valid cases for use of fixed-term contracts, other than  “objective”  or “material” situation</v>
          </cell>
          <cell r="G410">
            <v>2003</v>
          </cell>
          <cell r="I410" t="str">
            <v>No restrictions.</v>
          </cell>
          <cell r="J410">
            <v>3</v>
          </cell>
          <cell r="M410">
            <v>0</v>
          </cell>
        </row>
        <row r="411">
          <cell r="A411" t="str">
            <v>POLFTC22003</v>
          </cell>
          <cell r="B411" t="str">
            <v>POL</v>
          </cell>
          <cell r="C411" t="str">
            <v>Poland</v>
          </cell>
          <cell r="D411" t="str">
            <v>Item 11</v>
          </cell>
          <cell r="E411" t="str">
            <v>FTC2</v>
          </cell>
          <cell r="F411" t="str">
            <v>Maximum number of successive fixed-term contracts</v>
          </cell>
          <cell r="G411">
            <v>2003</v>
          </cell>
          <cell r="I411" t="str">
            <v>No limit (modified by the new Labour Code in 2002) until the polish accession to the EU, then 2 successive fixed contracts allowed</v>
          </cell>
          <cell r="J411">
            <v>100</v>
          </cell>
          <cell r="M411">
            <v>0</v>
          </cell>
        </row>
        <row r="412">
          <cell r="A412" t="str">
            <v>POLFTC32003</v>
          </cell>
          <cell r="B412" t="str">
            <v>POL</v>
          </cell>
          <cell r="C412" t="str">
            <v>Poland</v>
          </cell>
          <cell r="D412" t="str">
            <v>Item 12</v>
          </cell>
          <cell r="E412" t="str">
            <v>FTC3</v>
          </cell>
          <cell r="F412" t="str">
            <v>Maximum cumulated duration of successive fixed-term contracts</v>
          </cell>
          <cell r="G412">
            <v>2003</v>
          </cell>
          <cell r="I412" t="str">
            <v>No limit specified.</v>
          </cell>
          <cell r="J412">
            <v>200</v>
          </cell>
          <cell r="M412">
            <v>0</v>
          </cell>
        </row>
        <row r="413">
          <cell r="A413" t="str">
            <v>POLTWA12003</v>
          </cell>
          <cell r="B413" t="str">
            <v>POL</v>
          </cell>
          <cell r="C413" t="str">
            <v>Poland</v>
          </cell>
          <cell r="D413" t="str">
            <v>Item 13</v>
          </cell>
          <cell r="E413" t="str">
            <v>TWA1</v>
          </cell>
          <cell r="F413" t="str">
            <v>Types of work for which TWA employment is legal</v>
          </cell>
          <cell r="G413">
            <v>2003</v>
          </cell>
          <cell r="I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J413">
            <v>2</v>
          </cell>
          <cell r="M413">
            <v>3</v>
          </cell>
        </row>
        <row r="414">
          <cell r="A414" t="str">
            <v>POLTWA22003</v>
          </cell>
          <cell r="B414" t="str">
            <v>POL</v>
          </cell>
          <cell r="C414" t="str">
            <v>Poland</v>
          </cell>
          <cell r="D414" t="str">
            <v>Item 14</v>
          </cell>
          <cell r="E414" t="str">
            <v>TWA2A, TWA2B</v>
          </cell>
          <cell r="F414" t="str">
            <v>Are there any restrictions on the number of renewals of a TWA contract?</v>
          </cell>
          <cell r="G414">
            <v>2003</v>
          </cell>
          <cell r="I414" t="str">
            <v>No</v>
          </cell>
          <cell r="J414" t="str">
            <v>No</v>
          </cell>
          <cell r="K414" t="str">
            <v>No</v>
          </cell>
          <cell r="M414">
            <v>2</v>
          </cell>
          <cell r="N414">
            <v>2</v>
          </cell>
        </row>
        <row r="415">
          <cell r="A415" t="str">
            <v>POLTWA32003</v>
          </cell>
          <cell r="B415" t="str">
            <v>POL</v>
          </cell>
          <cell r="C415" t="str">
            <v>Poland</v>
          </cell>
          <cell r="D415" t="str">
            <v>Item 15</v>
          </cell>
          <cell r="E415" t="str">
            <v>TWA3A, TWA3B</v>
          </cell>
          <cell r="F415" t="str">
            <v>Maximum cumulated duration of temporary work contracts</v>
          </cell>
          <cell r="G415">
            <v>2003</v>
          </cell>
          <cell r="I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J415">
            <v>24</v>
          </cell>
          <cell r="K415">
            <v>24</v>
          </cell>
          <cell r="M415">
            <v>2</v>
          </cell>
          <cell r="N415">
            <v>2</v>
          </cell>
        </row>
        <row r="416">
          <cell r="A416" t="str">
            <v>POLTWA42003</v>
          </cell>
          <cell r="B416" t="str">
            <v>POL</v>
          </cell>
          <cell r="C416" t="str">
            <v>Poland</v>
          </cell>
          <cell r="D416" t="str">
            <v>Item 16</v>
          </cell>
          <cell r="E416" t="str">
            <v>TWA4</v>
          </cell>
          <cell r="F416" t="str">
            <v>Authorisation and reporting obligations</v>
          </cell>
          <cell r="G416">
            <v>2003</v>
          </cell>
        </row>
        <row r="417">
          <cell r="A417" t="str">
            <v>POLTWA52003</v>
          </cell>
          <cell r="B417" t="str">
            <v>POL</v>
          </cell>
          <cell r="C417" t="str">
            <v>Poland</v>
          </cell>
          <cell r="D417" t="str">
            <v>Item 17</v>
          </cell>
          <cell r="E417" t="str">
            <v>TWA5</v>
          </cell>
          <cell r="F417" t="str">
            <v>Equal treatment for TWA workers</v>
          </cell>
          <cell r="G417">
            <v>2003</v>
          </cell>
        </row>
        <row r="418">
          <cell r="A418" t="str">
            <v>POLCD12003</v>
          </cell>
          <cell r="B418" t="str">
            <v>POL</v>
          </cell>
          <cell r="C418" t="str">
            <v>Poland</v>
          </cell>
          <cell r="D418" t="str">
            <v>Item 18</v>
          </cell>
          <cell r="E418" t="str">
            <v>CD1</v>
          </cell>
          <cell r="F418" t="str">
            <v>Definition of collective dismissal</v>
          </cell>
          <cell r="G418">
            <v>2003</v>
          </cell>
          <cell r="I418" t="str">
            <v xml:space="preserve">10 workers in firms &lt;100. 10% in firms &lt;300. 30 workers in firms with &gt;300  </v>
          </cell>
          <cell r="J418">
            <v>3</v>
          </cell>
          <cell r="M418">
            <v>4.5</v>
          </cell>
        </row>
        <row r="419">
          <cell r="A419" t="str">
            <v>POLCD22003</v>
          </cell>
          <cell r="B419" t="str">
            <v>POL</v>
          </cell>
          <cell r="C419" t="str">
            <v>Poland</v>
          </cell>
          <cell r="D419" t="str">
            <v>Item 19</v>
          </cell>
          <cell r="E419" t="str">
            <v>CD2</v>
          </cell>
          <cell r="F419" t="str">
            <v>Additional notification requirements in case of collective dismissals</v>
          </cell>
          <cell r="G419">
            <v>2003</v>
          </cell>
          <cell r="I419" t="str">
            <v>Notification of employee representatives: Duty to inform competent trade union. Notification of public authorities: Notification of local employment office.</v>
          </cell>
          <cell r="J419">
            <v>1</v>
          </cell>
          <cell r="M419">
            <v>3</v>
          </cell>
        </row>
        <row r="420">
          <cell r="A420" t="str">
            <v>POLCD32003</v>
          </cell>
          <cell r="B420" t="str">
            <v>POL</v>
          </cell>
          <cell r="C420" t="str">
            <v>Poland</v>
          </cell>
          <cell r="D420" t="str">
            <v>Item 20</v>
          </cell>
          <cell r="E420" t="str">
            <v>CD3</v>
          </cell>
          <cell r="F420" t="str">
            <v>Additional delays involved in case of collective dismissals</v>
          </cell>
          <cell r="G420">
            <v>2003</v>
          </cell>
          <cell r="I420" t="str">
            <v>Information to trade union and PES 45 days before implementation.</v>
          </cell>
          <cell r="J420">
            <v>32</v>
          </cell>
          <cell r="M420">
            <v>3</v>
          </cell>
        </row>
        <row r="421">
          <cell r="A421" t="str">
            <v>POLCD42003</v>
          </cell>
          <cell r="B421" t="str">
            <v>POL</v>
          </cell>
          <cell r="C421" t="str">
            <v>Poland</v>
          </cell>
          <cell r="D421" t="str">
            <v>Item 21</v>
          </cell>
          <cell r="E421" t="str">
            <v>CD4</v>
          </cell>
          <cell r="F421" t="str">
            <v>Other special costs to employers in case of collective dismissals</v>
          </cell>
          <cell r="G421">
            <v>2003</v>
          </cell>
          <cell r="I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J421">
            <v>2</v>
          </cell>
          <cell r="M421">
            <v>6</v>
          </cell>
        </row>
        <row r="422">
          <cell r="A422" t="str">
            <v>PRTREG12003</v>
          </cell>
          <cell r="B422" t="str">
            <v>PRT</v>
          </cell>
          <cell r="C422" t="str">
            <v>Portugal</v>
          </cell>
          <cell r="D422" t="str">
            <v>Item 1</v>
          </cell>
          <cell r="E422" t="str">
            <v>REG1</v>
          </cell>
          <cell r="F422" t="str">
            <v>Notification procedures</v>
          </cell>
          <cell r="G422">
            <v>2003</v>
          </cell>
          <cell r="I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422">
            <v>2</v>
          </cell>
          <cell r="M422">
            <v>4</v>
          </cell>
        </row>
        <row r="423">
          <cell r="A423" t="str">
            <v>PRTREG22003</v>
          </cell>
          <cell r="B423" t="str">
            <v>PRT</v>
          </cell>
          <cell r="C423" t="str">
            <v>Portugal</v>
          </cell>
          <cell r="D423" t="str">
            <v>Item 2</v>
          </cell>
          <cell r="E423" t="str">
            <v>REG2</v>
          </cell>
          <cell r="F423" t="str">
            <v>Delay before notice can start</v>
          </cell>
          <cell r="G423">
            <v>2003</v>
          </cell>
          <cell r="I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J423">
            <v>20</v>
          </cell>
          <cell r="M423">
            <v>3</v>
          </cell>
        </row>
        <row r="424">
          <cell r="A424" t="str">
            <v>PRTREG32003</v>
          </cell>
          <cell r="B424" t="str">
            <v>PRT</v>
          </cell>
          <cell r="C424" t="str">
            <v>Portugal</v>
          </cell>
          <cell r="D424" t="str">
            <v>Item 3</v>
          </cell>
          <cell r="E424" t="str">
            <v>REG3A, REG3B, REG3C</v>
          </cell>
          <cell r="F424" t="str">
            <v>Notice / tenure</v>
          </cell>
          <cell r="G424">
            <v>2003</v>
          </cell>
          <cell r="I424" t="str">
            <v>All workers: 0&lt;2m; 60d&gt;2m (legal minimum).
9 months tenure: 60 days, 4 years tenure: 60 days, 20 years tenure: 60 days.</v>
          </cell>
          <cell r="J424">
            <v>2</v>
          </cell>
          <cell r="K424">
            <v>2</v>
          </cell>
          <cell r="L424">
            <v>2</v>
          </cell>
          <cell r="M424">
            <v>6</v>
          </cell>
          <cell r="N424">
            <v>4</v>
          </cell>
          <cell r="O424">
            <v>1</v>
          </cell>
        </row>
        <row r="425">
          <cell r="A425" t="str">
            <v>PRTREG42003</v>
          </cell>
          <cell r="B425" t="str">
            <v>PRT</v>
          </cell>
          <cell r="C425" t="str">
            <v>Portugal</v>
          </cell>
          <cell r="D425" t="str">
            <v>Item 4</v>
          </cell>
          <cell r="E425" t="str">
            <v>REG4A, REG4B, REG4C</v>
          </cell>
          <cell r="F425" t="str">
            <v>Severance pay / tenure</v>
          </cell>
          <cell r="G425">
            <v>2003</v>
          </cell>
          <cell r="I425" t="str">
            <v>All workers: 1m per year of service (legal minimum 3m). 9 months tenure: 3 months, 4 years tenure: 4 months, 20 years tenure: 20 months.</v>
          </cell>
          <cell r="J425">
            <v>3</v>
          </cell>
          <cell r="K425">
            <v>4</v>
          </cell>
          <cell r="L425">
            <v>20</v>
          </cell>
          <cell r="M425">
            <v>6</v>
          </cell>
          <cell r="N425">
            <v>6</v>
          </cell>
          <cell r="O425">
            <v>6</v>
          </cell>
        </row>
        <row r="426">
          <cell r="A426" t="str">
            <v>PRTREG52003</v>
          </cell>
          <cell r="B426" t="str">
            <v>PRT</v>
          </cell>
          <cell r="C426" t="str">
            <v>Portugal</v>
          </cell>
          <cell r="D426" t="str">
            <v>Item 5</v>
          </cell>
          <cell r="E426" t="str">
            <v>REG5</v>
          </cell>
          <cell r="F426" t="str">
            <v>Definition of justified or unfair dismissal</v>
          </cell>
          <cell r="G426">
            <v>2003</v>
          </cell>
          <cell r="I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J426">
            <v>2</v>
          </cell>
          <cell r="M426">
            <v>4</v>
          </cell>
        </row>
        <row r="427">
          <cell r="A427" t="str">
            <v>PRTREG62003</v>
          </cell>
          <cell r="B427" t="str">
            <v>PRT</v>
          </cell>
          <cell r="C427" t="str">
            <v>Portugal</v>
          </cell>
          <cell r="D427" t="str">
            <v>Item 6</v>
          </cell>
          <cell r="E427" t="str">
            <v>REG6</v>
          </cell>
          <cell r="F427" t="str">
            <v>Trial period</v>
          </cell>
          <cell r="G427">
            <v>2003</v>
          </cell>
          <cell r="I427" t="str">
            <v>90 days (standard trial period, but the period can be up to 180 days for jobs that imply high levels of responsibility and 240 days for senior managers).</v>
          </cell>
          <cell r="J427">
            <v>3</v>
          </cell>
          <cell r="M427">
            <v>4</v>
          </cell>
        </row>
        <row r="428">
          <cell r="A428" t="str">
            <v>PRTREG72003</v>
          </cell>
          <cell r="B428" t="str">
            <v>PRT</v>
          </cell>
          <cell r="C428" t="str">
            <v>Portugal</v>
          </cell>
          <cell r="D428" t="str">
            <v>Item 7</v>
          </cell>
          <cell r="E428" t="str">
            <v>REG7</v>
          </cell>
          <cell r="F428" t="str">
            <v xml:space="preserve">Compensation following unfair dismissal </v>
          </cell>
          <cell r="G428">
            <v>2003</v>
          </cell>
          <cell r="I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J428">
            <v>20</v>
          </cell>
          <cell r="M428">
            <v>4</v>
          </cell>
        </row>
        <row r="429">
          <cell r="A429" t="str">
            <v>PRTREG82003</v>
          </cell>
          <cell r="B429" t="str">
            <v>PRT</v>
          </cell>
          <cell r="C429" t="str">
            <v>Portugal</v>
          </cell>
          <cell r="D429" t="str">
            <v>Item 8</v>
          </cell>
          <cell r="E429" t="str">
            <v>REG8</v>
          </cell>
          <cell r="F429" t="str">
            <v>Possibility of reinstatement following unfair dismissal</v>
          </cell>
          <cell r="G429">
            <v>2003</v>
          </cell>
          <cell r="I429" t="str">
            <v>The option of reinstatement is generally made available to the employee, although the employer may, in some special cases, submit a request to court to oppose reinstatement (New Labour Code 2004).</v>
          </cell>
          <cell r="J429">
            <v>2</v>
          </cell>
          <cell r="M429">
            <v>4</v>
          </cell>
        </row>
        <row r="430">
          <cell r="A430" t="str">
            <v>PRTREG92003</v>
          </cell>
          <cell r="B430" t="str">
            <v>PRT</v>
          </cell>
          <cell r="C430" t="str">
            <v>Portugal</v>
          </cell>
          <cell r="D430" t="str">
            <v>Item 9</v>
          </cell>
          <cell r="E430" t="str">
            <v>REG9</v>
          </cell>
          <cell r="F430" t="str">
            <v>Maximum time for claim</v>
          </cell>
          <cell r="G430">
            <v>2003</v>
          </cell>
        </row>
        <row r="431">
          <cell r="A431" t="str">
            <v>PRTFTC12003</v>
          </cell>
          <cell r="B431" t="str">
            <v>PRT</v>
          </cell>
          <cell r="C431" t="str">
            <v>Portugal</v>
          </cell>
          <cell r="D431" t="str">
            <v>Item 10</v>
          </cell>
          <cell r="E431" t="str">
            <v>FTC1</v>
          </cell>
          <cell r="F431" t="str">
            <v>Valid cases for use of fixed-term contracts, other than  “objective”  or “material” situation</v>
          </cell>
          <cell r="G431">
            <v>2003</v>
          </cell>
          <cell r="I431" t="str">
            <v>Permitted, inter alia, for a) business start-ups, b) launching a new activity of uncertain duration and c) recruiting workers in search of their first job and long-term unemployed.</v>
          </cell>
          <cell r="J431">
            <v>2</v>
          </cell>
          <cell r="M431">
            <v>2</v>
          </cell>
        </row>
        <row r="432">
          <cell r="A432" t="str">
            <v>PRTFTC22003</v>
          </cell>
          <cell r="B432" t="str">
            <v>PRT</v>
          </cell>
          <cell r="C432" t="str">
            <v>Portugal</v>
          </cell>
          <cell r="D432" t="str">
            <v>Item 11</v>
          </cell>
          <cell r="E432" t="str">
            <v>FTC2</v>
          </cell>
          <cell r="F432" t="str">
            <v>Maximum number of successive fixed-term contracts</v>
          </cell>
          <cell r="G432">
            <v>2003</v>
          </cell>
          <cell r="I432" t="str">
            <v>4 (New Labour Code 2004)</v>
          </cell>
          <cell r="J432">
            <v>4</v>
          </cell>
          <cell r="M432">
            <v>2</v>
          </cell>
        </row>
        <row r="433">
          <cell r="A433" t="str">
            <v>PRTFTC32003</v>
          </cell>
          <cell r="B433" t="str">
            <v>PRT</v>
          </cell>
          <cell r="C433" t="str">
            <v>Portugal</v>
          </cell>
          <cell r="D433" t="str">
            <v>Item 12</v>
          </cell>
          <cell r="E433" t="str">
            <v>FTC3</v>
          </cell>
          <cell r="F433" t="str">
            <v>Maximum cumulated duration of successive fixed-term contracts</v>
          </cell>
          <cell r="G433">
            <v>2003</v>
          </cell>
          <cell r="I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J433">
            <v>48</v>
          </cell>
          <cell r="M433">
            <v>1</v>
          </cell>
        </row>
        <row r="434">
          <cell r="A434" t="str">
            <v>PRTTWA12003</v>
          </cell>
          <cell r="B434" t="str">
            <v>PRT</v>
          </cell>
          <cell r="C434" t="str">
            <v>Portugal</v>
          </cell>
          <cell r="D434" t="str">
            <v>Item 13</v>
          </cell>
          <cell r="E434" t="str">
            <v>TWA1</v>
          </cell>
          <cell r="F434" t="str">
            <v>Types of work for which TWA employment is legal</v>
          </cell>
          <cell r="G434">
            <v>2003</v>
          </cell>
          <cell r="I434" t="str">
            <v>Restricted to “objective situations”, including seasonal activity and substitution of absent workers.</v>
          </cell>
          <cell r="J434">
            <v>2</v>
          </cell>
          <cell r="M434">
            <v>3</v>
          </cell>
        </row>
        <row r="435">
          <cell r="A435" t="str">
            <v>PRTTWA22003</v>
          </cell>
          <cell r="B435" t="str">
            <v>PRT</v>
          </cell>
          <cell r="C435" t="str">
            <v>Portugal</v>
          </cell>
          <cell r="D435" t="str">
            <v>Item 14</v>
          </cell>
          <cell r="E435" t="str">
            <v>TWA2A, TWA2B</v>
          </cell>
          <cell r="F435" t="str">
            <v>Are there any restrictions on the number of renewals of a TWA contract?</v>
          </cell>
          <cell r="G435">
            <v>2003</v>
          </cell>
          <cell r="I435" t="str">
            <v>Yes; only certain categories of contract may be renewed, always with the permission of the Labour Inspectorate.  Succession of temporary workers in the same post is expressly forbidden.</v>
          </cell>
          <cell r="J435" t="str">
            <v>Yes</v>
          </cell>
          <cell r="K435" t="str">
            <v>Yes</v>
          </cell>
          <cell r="M435">
            <v>4</v>
          </cell>
          <cell r="N435">
            <v>4</v>
          </cell>
        </row>
        <row r="436">
          <cell r="A436" t="str">
            <v>PRTTWA32003</v>
          </cell>
          <cell r="B436" t="str">
            <v>PRT</v>
          </cell>
          <cell r="C436" t="str">
            <v>Portugal</v>
          </cell>
          <cell r="D436" t="str">
            <v>Item 15</v>
          </cell>
          <cell r="E436" t="str">
            <v>TWA3A, TWA3B</v>
          </cell>
          <cell r="F436" t="str">
            <v>Maximum cumulated duration of temporary work contracts</v>
          </cell>
          <cell r="G436">
            <v>2003</v>
          </cell>
          <cell r="I436" t="str">
            <v xml:space="preserve">6 or 12  months, depending on reason. </v>
          </cell>
          <cell r="J436">
            <v>9</v>
          </cell>
          <cell r="K436">
            <v>9</v>
          </cell>
          <cell r="M436">
            <v>5</v>
          </cell>
          <cell r="N436">
            <v>5</v>
          </cell>
        </row>
        <row r="437">
          <cell r="A437" t="str">
            <v>PRTTWA42003</v>
          </cell>
          <cell r="B437" t="str">
            <v>PRT</v>
          </cell>
          <cell r="C437" t="str">
            <v>Portugal</v>
          </cell>
          <cell r="D437" t="str">
            <v>Item 16</v>
          </cell>
          <cell r="E437" t="str">
            <v>TWA4</v>
          </cell>
          <cell r="F437" t="str">
            <v>Authorisation and reporting obligations</v>
          </cell>
          <cell r="G437">
            <v>2003</v>
          </cell>
        </row>
        <row r="438">
          <cell r="A438" t="str">
            <v>PRTTWA52003</v>
          </cell>
          <cell r="B438" t="str">
            <v>PRT</v>
          </cell>
          <cell r="C438" t="str">
            <v>Portugal</v>
          </cell>
          <cell r="D438" t="str">
            <v>Item 17</v>
          </cell>
          <cell r="E438" t="str">
            <v>TWA5</v>
          </cell>
          <cell r="F438" t="str">
            <v>Equal treatment for TWA workers</v>
          </cell>
          <cell r="G438">
            <v>2003</v>
          </cell>
        </row>
        <row r="439">
          <cell r="A439" t="str">
            <v>PRTCD12003</v>
          </cell>
          <cell r="B439" t="str">
            <v>PRT</v>
          </cell>
          <cell r="C439" t="str">
            <v>Portugal</v>
          </cell>
          <cell r="D439" t="str">
            <v>Item 18</v>
          </cell>
          <cell r="E439" t="str">
            <v>CD1</v>
          </cell>
          <cell r="F439" t="str">
            <v>Definition of collective dismissal</v>
          </cell>
          <cell r="G439">
            <v>2003</v>
          </cell>
          <cell r="I439" t="str">
            <v>Within 90 days, dismissal of 2+ workers in firms &lt;51 employees; 5+ workers in firms 51+ employees for structural, technological or market motives.</v>
          </cell>
          <cell r="J439">
            <v>4</v>
          </cell>
          <cell r="M439">
            <v>6</v>
          </cell>
        </row>
        <row r="440">
          <cell r="A440" t="str">
            <v>PRTCD22003</v>
          </cell>
          <cell r="B440" t="str">
            <v>PRT</v>
          </cell>
          <cell r="C440" t="str">
            <v>Portugal</v>
          </cell>
          <cell r="D440" t="str">
            <v>Item 19</v>
          </cell>
          <cell r="E440" t="str">
            <v>CD2</v>
          </cell>
          <cell r="F440" t="str">
            <v>Additional notification requirements in case of collective dismissals</v>
          </cell>
          <cell r="G440">
            <v>2003</v>
          </cell>
          <cell r="I440" t="str">
            <v>Notification of employee representatives: Duty to inform and consult with Works Council or trade union delegation. Notification of public authorities: Notification of Labour Inspectorate.</v>
          </cell>
          <cell r="J440">
            <v>0.5</v>
          </cell>
          <cell r="M440">
            <v>1.5</v>
          </cell>
        </row>
        <row r="441">
          <cell r="A441" t="str">
            <v>PRTCD32003</v>
          </cell>
          <cell r="B441" t="str">
            <v>PRT</v>
          </cell>
          <cell r="C441" t="str">
            <v>Portugal</v>
          </cell>
          <cell r="D441" t="str">
            <v>Item 20</v>
          </cell>
          <cell r="E441" t="str">
            <v>CD3</v>
          </cell>
          <cell r="F441" t="str">
            <v>Additional delays involved in case of collective dismissals</v>
          </cell>
          <cell r="G441">
            <v>2003</v>
          </cell>
          <cell r="I441" t="str">
            <v>75 days if  agreement on dismissal procedures can be reached; otherwise 90 days. ((75+90)/2=82.5 -21=61.5)</v>
          </cell>
          <cell r="J441">
            <v>62</v>
          </cell>
          <cell r="M441">
            <v>4</v>
          </cell>
        </row>
        <row r="442">
          <cell r="A442" t="str">
            <v>PRTCD42003</v>
          </cell>
          <cell r="B442" t="str">
            <v>PRT</v>
          </cell>
          <cell r="C442" t="str">
            <v>Portugal</v>
          </cell>
          <cell r="D442" t="str">
            <v>Item 21</v>
          </cell>
          <cell r="E442" t="str">
            <v>CD4</v>
          </cell>
          <cell r="F442" t="str">
            <v>Other special costs to employers in case of collective dismissals</v>
          </cell>
          <cell r="G442">
            <v>2003</v>
          </cell>
          <cell r="I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J442">
            <v>0</v>
          </cell>
          <cell r="M442">
            <v>0</v>
          </cell>
        </row>
        <row r="443">
          <cell r="A443" t="str">
            <v>SVKREG12003</v>
          </cell>
          <cell r="B443" t="str">
            <v>SVK</v>
          </cell>
          <cell r="C443" t="str">
            <v>Slovak Republic</v>
          </cell>
          <cell r="D443" t="str">
            <v>Item 1</v>
          </cell>
          <cell r="E443" t="str">
            <v>REG1</v>
          </cell>
          <cell r="F443" t="str">
            <v>Notification procedures</v>
          </cell>
          <cell r="G443">
            <v>2003</v>
          </cell>
          <cell r="I443" t="str">
            <v>Notice must be given in writing.</v>
          </cell>
          <cell r="J443">
            <v>1</v>
          </cell>
          <cell r="M443">
            <v>2</v>
          </cell>
        </row>
        <row r="444">
          <cell r="A444" t="str">
            <v>SVKREG22003</v>
          </cell>
          <cell r="B444" t="str">
            <v>SVK</v>
          </cell>
          <cell r="C444" t="str">
            <v>Slovak Republic</v>
          </cell>
          <cell r="D444" t="str">
            <v>Item 2</v>
          </cell>
          <cell r="E444" t="str">
            <v>REG2</v>
          </cell>
          <cell r="F444" t="str">
            <v>Delay before notice can start</v>
          </cell>
          <cell r="G444">
            <v>2003</v>
          </cell>
          <cell r="I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J444">
            <v>7</v>
          </cell>
          <cell r="M444">
            <v>1</v>
          </cell>
        </row>
        <row r="445">
          <cell r="A445" t="str">
            <v>SVKREG32003</v>
          </cell>
          <cell r="B445" t="str">
            <v>SVK</v>
          </cell>
          <cell r="C445" t="str">
            <v>Slovak Republic</v>
          </cell>
          <cell r="D445" t="str">
            <v>Item 3</v>
          </cell>
          <cell r="E445" t="str">
            <v>REG3A, REG3B, REG3C</v>
          </cell>
          <cell r="F445" t="str">
            <v>Notice / tenure</v>
          </cell>
          <cell r="G445">
            <v>2003</v>
          </cell>
          <cell r="I445" t="str">
            <v>All workers: 2m&lt;5y; 3m&gt;5y (legal minimum). The contracting parties may agree on a longer notice period in an employment contract, as well as in a collective labour agreement.
9 months tenure: 2 months, 4 years tenure: 2 months, 20 years tenure: 3 months.</v>
          </cell>
          <cell r="J445">
            <v>2</v>
          </cell>
          <cell r="K445">
            <v>2</v>
          </cell>
          <cell r="L445">
            <v>3</v>
          </cell>
          <cell r="M445">
            <v>6</v>
          </cell>
          <cell r="N445">
            <v>4</v>
          </cell>
          <cell r="O445">
            <v>2</v>
          </cell>
        </row>
        <row r="446">
          <cell r="A446" t="str">
            <v>SVKREG42003</v>
          </cell>
          <cell r="B446" t="str">
            <v>SVK</v>
          </cell>
          <cell r="C446" t="str">
            <v>Slovak Republic</v>
          </cell>
          <cell r="D446" t="str">
            <v>Item 4</v>
          </cell>
          <cell r="E446" t="str">
            <v>REG4A, REG4B, REG4C</v>
          </cell>
          <cell r="F446" t="str">
            <v>Severance pay / tenure</v>
          </cell>
          <cell r="G446">
            <v>2003</v>
          </cell>
          <cell r="I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J446">
            <v>1</v>
          </cell>
          <cell r="K446">
            <v>1</v>
          </cell>
          <cell r="L446">
            <v>1.5</v>
          </cell>
          <cell r="M446">
            <v>2</v>
          </cell>
          <cell r="N446">
            <v>2</v>
          </cell>
          <cell r="O446">
            <v>1</v>
          </cell>
        </row>
        <row r="447">
          <cell r="A447" t="str">
            <v>SVKREG52003</v>
          </cell>
          <cell r="B447" t="str">
            <v>SVK</v>
          </cell>
          <cell r="C447" t="str">
            <v>Slovak Republic</v>
          </cell>
          <cell r="D447" t="str">
            <v>Item 5</v>
          </cell>
          <cell r="E447" t="str">
            <v>REG5</v>
          </cell>
          <cell r="F447" t="str">
            <v>Definition of justified or unfair dismissal</v>
          </cell>
          <cell r="G447">
            <v>2003</v>
          </cell>
          <cell r="I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447">
            <v>0</v>
          </cell>
          <cell r="M447">
            <v>0</v>
          </cell>
        </row>
        <row r="448">
          <cell r="A448" t="str">
            <v>SVKREG62003</v>
          </cell>
          <cell r="B448" t="str">
            <v>SVK</v>
          </cell>
          <cell r="C448" t="str">
            <v>Slovak Republic</v>
          </cell>
          <cell r="D448" t="str">
            <v>Item 6</v>
          </cell>
          <cell r="E448" t="str">
            <v>REG6</v>
          </cell>
          <cell r="F448" t="str">
            <v>Trial period</v>
          </cell>
          <cell r="G448">
            <v>2003</v>
          </cell>
          <cell r="I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J448">
            <v>3</v>
          </cell>
          <cell r="M448">
            <v>4</v>
          </cell>
        </row>
        <row r="449">
          <cell r="A449" t="str">
            <v>SVKREG72003</v>
          </cell>
          <cell r="B449" t="str">
            <v>SVK</v>
          </cell>
          <cell r="C449" t="str">
            <v>Slovak Republic</v>
          </cell>
          <cell r="D449" t="str">
            <v>Item 7</v>
          </cell>
          <cell r="E449" t="str">
            <v>REG7</v>
          </cell>
          <cell r="F449" t="str">
            <v xml:space="preserve">Compensation following unfair dismissal </v>
          </cell>
          <cell r="G449">
            <v>2003</v>
          </cell>
          <cell r="I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J449">
            <v>10</v>
          </cell>
          <cell r="M449">
            <v>2</v>
          </cell>
        </row>
        <row r="450">
          <cell r="A450" t="str">
            <v>SVKREG82003</v>
          </cell>
          <cell r="B450" t="str">
            <v>SVK</v>
          </cell>
          <cell r="C450" t="str">
            <v>Slovak Republic</v>
          </cell>
          <cell r="D450" t="str">
            <v>Item 8</v>
          </cell>
          <cell r="E450" t="str">
            <v>REG8</v>
          </cell>
          <cell r="F450" t="str">
            <v>Possibility of reinstatement following unfair dismissal</v>
          </cell>
          <cell r="G450">
            <v>2003</v>
          </cell>
          <cell r="I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450">
            <v>2.5</v>
          </cell>
          <cell r="M450">
            <v>5</v>
          </cell>
        </row>
        <row r="451">
          <cell r="A451" t="str">
            <v>SVKREG92003</v>
          </cell>
          <cell r="B451" t="str">
            <v>SVK</v>
          </cell>
          <cell r="C451" t="str">
            <v>Slovak Republic</v>
          </cell>
          <cell r="D451" t="str">
            <v>Item 9</v>
          </cell>
          <cell r="E451" t="str">
            <v>REG9</v>
          </cell>
          <cell r="F451" t="str">
            <v>Maximum time for claim</v>
          </cell>
          <cell r="G451">
            <v>2003</v>
          </cell>
        </row>
        <row r="452">
          <cell r="A452" t="str">
            <v>SVKFTC12003</v>
          </cell>
          <cell r="B452" t="str">
            <v>SVK</v>
          </cell>
          <cell r="C452" t="str">
            <v>Slovak Republic</v>
          </cell>
          <cell r="D452" t="str">
            <v>Item 10</v>
          </cell>
          <cell r="E452" t="str">
            <v>FTC1</v>
          </cell>
          <cell r="F452" t="str">
            <v>Valid cases for use of fixed-term contracts, other than  “objective”  or “material” situation</v>
          </cell>
          <cell r="G452">
            <v>2003</v>
          </cell>
          <cell r="I452" t="str">
            <v>A fixed term employment may be agreed, extended or renewed for a maximum of three years without specifying an objective reason.</v>
          </cell>
          <cell r="J452">
            <v>3</v>
          </cell>
          <cell r="M452">
            <v>0</v>
          </cell>
        </row>
        <row r="453">
          <cell r="A453" t="str">
            <v>SVKFTC22003</v>
          </cell>
          <cell r="B453" t="str">
            <v>SVK</v>
          </cell>
          <cell r="C453" t="str">
            <v>Slovak Republic</v>
          </cell>
          <cell r="D453" t="str">
            <v>Item 11</v>
          </cell>
          <cell r="E453" t="str">
            <v>FTC2</v>
          </cell>
          <cell r="F453" t="str">
            <v>Maximum number of successive fixed-term contracts</v>
          </cell>
          <cell r="G453">
            <v>2003</v>
          </cell>
          <cell r="I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J453">
            <v>100</v>
          </cell>
          <cell r="M453">
            <v>0</v>
          </cell>
        </row>
        <row r="454">
          <cell r="A454" t="str">
            <v>SVKFTC32003</v>
          </cell>
          <cell r="B454" t="str">
            <v>SVK</v>
          </cell>
          <cell r="C454" t="str">
            <v>Slovak Republic</v>
          </cell>
          <cell r="D454" t="str">
            <v>Item 12</v>
          </cell>
          <cell r="E454" t="str">
            <v>FTC3</v>
          </cell>
          <cell r="F454" t="str">
            <v>Maximum cumulated duration of successive fixed-term contracts</v>
          </cell>
          <cell r="G454">
            <v>2003</v>
          </cell>
          <cell r="I454" t="str">
            <v>Firms with a maximum of 20 employees: no limit. Firms with more than 20 employees: 36 months in general, with possibilities of extension.
(coded as 5 years, 60 months, as it si not really without limit, and 60 allows score 1)</v>
          </cell>
          <cell r="J454">
            <v>60</v>
          </cell>
          <cell r="M454">
            <v>1</v>
          </cell>
        </row>
        <row r="455">
          <cell r="A455" t="str">
            <v>SVKTWA12003</v>
          </cell>
          <cell r="B455" t="str">
            <v>SVK</v>
          </cell>
          <cell r="C455" t="str">
            <v>Slovak Republic</v>
          </cell>
          <cell r="D455" t="str">
            <v>Item 13</v>
          </cell>
          <cell r="E455" t="str">
            <v>TWA1</v>
          </cell>
          <cell r="F455" t="str">
            <v>Types of work for which TWA employment is legal</v>
          </cell>
          <cell r="G455">
            <v>2003</v>
          </cell>
          <cell r="I455" t="str">
            <v>Generally.</v>
          </cell>
          <cell r="J455">
            <v>4</v>
          </cell>
          <cell r="M455">
            <v>0</v>
          </cell>
        </row>
        <row r="456">
          <cell r="A456" t="str">
            <v>SVKTWA22003</v>
          </cell>
          <cell r="B456" t="str">
            <v>SVK</v>
          </cell>
          <cell r="C456" t="str">
            <v>Slovak Republic</v>
          </cell>
          <cell r="D456" t="str">
            <v>Item 14</v>
          </cell>
          <cell r="E456" t="str">
            <v>TWA2A, TWA2B</v>
          </cell>
          <cell r="F456" t="str">
            <v>Are there any restrictions on the number of renewals of a TWA contract?</v>
          </cell>
          <cell r="G456">
            <v>2003</v>
          </cell>
          <cell r="I456" t="str">
            <v>No</v>
          </cell>
          <cell r="J456" t="str">
            <v>No</v>
          </cell>
          <cell r="K456" t="str">
            <v>No</v>
          </cell>
          <cell r="M456">
            <v>2</v>
          </cell>
          <cell r="N456">
            <v>2</v>
          </cell>
        </row>
        <row r="457">
          <cell r="A457" t="str">
            <v>SVKTWA32003</v>
          </cell>
          <cell r="B457" t="str">
            <v>SVK</v>
          </cell>
          <cell r="C457" t="str">
            <v>Slovak Republic</v>
          </cell>
          <cell r="D457" t="str">
            <v>Item 15</v>
          </cell>
          <cell r="E457" t="str">
            <v>TWA3A, TWA3B</v>
          </cell>
          <cell r="F457" t="str">
            <v>Maximum cumulated duration of temporary work contracts</v>
          </cell>
          <cell r="G457">
            <v>2003</v>
          </cell>
          <cell r="I457" t="str">
            <v>No limit.</v>
          </cell>
          <cell r="J457">
            <v>100</v>
          </cell>
          <cell r="K457">
            <v>100</v>
          </cell>
          <cell r="M457">
            <v>0</v>
          </cell>
          <cell r="N457">
            <v>0</v>
          </cell>
        </row>
        <row r="458">
          <cell r="A458" t="str">
            <v>SVKTWA42003</v>
          </cell>
          <cell r="B458" t="str">
            <v>SVK</v>
          </cell>
          <cell r="C458" t="str">
            <v>Slovak Republic</v>
          </cell>
          <cell r="D458" t="str">
            <v>Item 16</v>
          </cell>
          <cell r="E458" t="str">
            <v>TWA4</v>
          </cell>
          <cell r="F458" t="str">
            <v>Authorisation and reporting obligations</v>
          </cell>
          <cell r="G458">
            <v>2003</v>
          </cell>
        </row>
        <row r="459">
          <cell r="A459" t="str">
            <v>SVKTWA52003</v>
          </cell>
          <cell r="B459" t="str">
            <v>SVK</v>
          </cell>
          <cell r="C459" t="str">
            <v>Slovak Republic</v>
          </cell>
          <cell r="D459" t="str">
            <v>Item 17</v>
          </cell>
          <cell r="E459" t="str">
            <v>TWA5</v>
          </cell>
          <cell r="F459" t="str">
            <v>Equal treatment for TWA workers</v>
          </cell>
          <cell r="G459">
            <v>2003</v>
          </cell>
        </row>
        <row r="460">
          <cell r="A460" t="str">
            <v>SVKCD12003</v>
          </cell>
          <cell r="B460" t="str">
            <v>SVK</v>
          </cell>
          <cell r="C460" t="str">
            <v>Slovak Republic</v>
          </cell>
          <cell r="D460" t="str">
            <v>Item 18</v>
          </cell>
          <cell r="E460" t="str">
            <v>CD1</v>
          </cell>
          <cell r="F460" t="str">
            <v>Definition of collective dismissal</v>
          </cell>
          <cell r="G460">
            <v>2003</v>
          </cell>
          <cell r="I460" t="str">
            <v xml:space="preserve">Collective redundancies is if an employer terminates an employment relationship for redundancy/economic/organisational reasons, in the course of 90 days with a minimum of 20 employees.  </v>
          </cell>
          <cell r="J460">
            <v>2</v>
          </cell>
          <cell r="M460">
            <v>3</v>
          </cell>
        </row>
        <row r="461">
          <cell r="A461" t="str">
            <v>SVKCD22003</v>
          </cell>
          <cell r="B461" t="str">
            <v>SVK</v>
          </cell>
          <cell r="C461" t="str">
            <v>Slovak Republic</v>
          </cell>
          <cell r="D461" t="str">
            <v>Item 19</v>
          </cell>
          <cell r="E461" t="str">
            <v>CD2</v>
          </cell>
          <cell r="F461" t="str">
            <v>Additional notification requirements in case of collective dismissals</v>
          </cell>
          <cell r="G461">
            <v>2003</v>
          </cell>
          <cell r="I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461">
            <v>2</v>
          </cell>
          <cell r="M461">
            <v>6</v>
          </cell>
        </row>
        <row r="462">
          <cell r="A462" t="str">
            <v>SVKCD32003</v>
          </cell>
          <cell r="B462" t="str">
            <v>SVK</v>
          </cell>
          <cell r="C462" t="str">
            <v>Slovak Republic</v>
          </cell>
          <cell r="D462" t="str">
            <v>Item 20</v>
          </cell>
          <cell r="E462" t="str">
            <v>CD3</v>
          </cell>
          <cell r="F462" t="str">
            <v>Additional delays involved in case of collective dismissals</v>
          </cell>
          <cell r="G462">
            <v>2003</v>
          </cell>
          <cell r="I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J462">
            <v>30</v>
          </cell>
          <cell r="M462">
            <v>3</v>
          </cell>
        </row>
        <row r="463">
          <cell r="A463" t="str">
            <v>SVKCD42003</v>
          </cell>
          <cell r="B463" t="str">
            <v>SVK</v>
          </cell>
          <cell r="C463" t="str">
            <v>Slovak Republic</v>
          </cell>
          <cell r="D463" t="str">
            <v>Item 21</v>
          </cell>
          <cell r="E463" t="str">
            <v>CD4</v>
          </cell>
          <cell r="F463" t="str">
            <v>Other special costs to employers in case of collective dismissals</v>
          </cell>
          <cell r="G463">
            <v>2003</v>
          </cell>
          <cell r="I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J463">
            <v>1</v>
          </cell>
          <cell r="M463">
            <v>3</v>
          </cell>
        </row>
        <row r="464">
          <cell r="A464" t="str">
            <v>ESPREG12003</v>
          </cell>
          <cell r="B464" t="str">
            <v>ESP</v>
          </cell>
          <cell r="C464" t="str">
            <v>Spain</v>
          </cell>
          <cell r="D464" t="str">
            <v>Item 1</v>
          </cell>
          <cell r="E464" t="str">
            <v>REG1</v>
          </cell>
          <cell r="F464" t="str">
            <v>Notification procedures</v>
          </cell>
          <cell r="G464">
            <v>2003</v>
          </cell>
          <cell r="I464" t="str">
            <v>Written notice with statement of reasons, plus notification to workers’ representatives.</v>
          </cell>
          <cell r="J464">
            <v>2</v>
          </cell>
          <cell r="M464">
            <v>4</v>
          </cell>
        </row>
        <row r="465">
          <cell r="A465" t="str">
            <v>ESPREG22003</v>
          </cell>
          <cell r="B465" t="str">
            <v>ESP</v>
          </cell>
          <cell r="C465" t="str">
            <v>Spain</v>
          </cell>
          <cell r="D465" t="str">
            <v>Item 2</v>
          </cell>
          <cell r="E465" t="str">
            <v>REG2</v>
          </cell>
          <cell r="F465" t="str">
            <v>Delay before notice can start</v>
          </cell>
          <cell r="G465">
            <v>2003</v>
          </cell>
          <cell r="I465" t="str">
            <v>Letter sent by mail or handed directly to employee.</v>
          </cell>
          <cell r="J465">
            <v>1</v>
          </cell>
          <cell r="M465">
            <v>0</v>
          </cell>
        </row>
        <row r="466">
          <cell r="A466" t="str">
            <v>ESPREG32003</v>
          </cell>
          <cell r="B466" t="str">
            <v>ESP</v>
          </cell>
          <cell r="C466" t="str">
            <v>Spain</v>
          </cell>
          <cell r="D466" t="str">
            <v>Item 3</v>
          </cell>
          <cell r="E466" t="str">
            <v>REG3A, REG3B, REG3C</v>
          </cell>
          <cell r="F466" t="str">
            <v>Notice / tenure</v>
          </cell>
          <cell r="G466">
            <v>2003</v>
          </cell>
          <cell r="I466" t="str">
            <v>Workers dismissed for “objective” reasons: 30d.
(Workers under fixed-term contracts: 0&lt;1y, 15d&gt;1y)</v>
          </cell>
          <cell r="J466">
            <v>1</v>
          </cell>
          <cell r="K466">
            <v>1</v>
          </cell>
          <cell r="L466">
            <v>1</v>
          </cell>
          <cell r="M466">
            <v>3</v>
          </cell>
          <cell r="N466">
            <v>2</v>
          </cell>
          <cell r="O466">
            <v>1</v>
          </cell>
        </row>
        <row r="467">
          <cell r="A467" t="str">
            <v>ESPREG42003</v>
          </cell>
          <cell r="B467" t="str">
            <v>ESP</v>
          </cell>
          <cell r="C467" t="str">
            <v>Spain</v>
          </cell>
          <cell r="D467" t="str">
            <v>Item 4</v>
          </cell>
          <cell r="E467" t="str">
            <v>REG4A, REG4B, REG4C</v>
          </cell>
          <cell r="F467" t="str">
            <v>Severance pay / tenure</v>
          </cell>
          <cell r="G467">
            <v>2003</v>
          </cell>
          <cell r="I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J467">
            <v>0.7</v>
          </cell>
          <cell r="K467">
            <v>3.5</v>
          </cell>
          <cell r="L467">
            <v>17</v>
          </cell>
          <cell r="M467">
            <v>2</v>
          </cell>
          <cell r="N467">
            <v>5</v>
          </cell>
          <cell r="O467">
            <v>5</v>
          </cell>
        </row>
        <row r="468">
          <cell r="A468" t="str">
            <v>ESPREG52003</v>
          </cell>
          <cell r="B468" t="str">
            <v>ESP</v>
          </cell>
          <cell r="C468" t="str">
            <v>Spain</v>
          </cell>
          <cell r="D468" t="str">
            <v>Item 5</v>
          </cell>
          <cell r="E468" t="str">
            <v>REG5</v>
          </cell>
          <cell r="F468" t="str">
            <v>Definition of justified or unfair dismissal</v>
          </cell>
          <cell r="G468">
            <v>2003</v>
          </cell>
          <cell r="I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J468">
            <v>1</v>
          </cell>
          <cell r="M468">
            <v>2</v>
          </cell>
        </row>
        <row r="469">
          <cell r="A469" t="str">
            <v>ESPREG62003</v>
          </cell>
          <cell r="B469" t="str">
            <v>ESP</v>
          </cell>
          <cell r="C469" t="str">
            <v>Spain</v>
          </cell>
          <cell r="D469" t="str">
            <v>Item 6</v>
          </cell>
          <cell r="E469" t="str">
            <v>REG6</v>
          </cell>
          <cell r="F469" t="str">
            <v>Trial period</v>
          </cell>
          <cell r="G469">
            <v>2003</v>
          </cell>
          <cell r="I469" t="str">
            <v xml:space="preserve">All workers: 2 or 3 months (depending on company size. In addition, trial period can go up to 6 months for qualified technical staff and 9 months for managers). </v>
          </cell>
          <cell r="J469">
            <v>2.5</v>
          </cell>
          <cell r="M469">
            <v>5</v>
          </cell>
        </row>
        <row r="470">
          <cell r="A470" t="str">
            <v>ESPREG72003</v>
          </cell>
          <cell r="B470" t="str">
            <v>ESP</v>
          </cell>
          <cell r="C470" t="str">
            <v>Spain</v>
          </cell>
          <cell r="D470" t="str">
            <v>Item 7</v>
          </cell>
          <cell r="E470" t="str">
            <v>REG7</v>
          </cell>
          <cell r="F470" t="str">
            <v xml:space="preserve">Compensation following unfair dismissal </v>
          </cell>
          <cell r="G470">
            <v>2003</v>
          </cell>
          <cell r="I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J470">
            <v>11</v>
          </cell>
          <cell r="M470">
            <v>2</v>
          </cell>
        </row>
        <row r="471">
          <cell r="A471" t="str">
            <v>ESPREG82003</v>
          </cell>
          <cell r="B471" t="str">
            <v>ESP</v>
          </cell>
          <cell r="C471" t="str">
            <v>Spain</v>
          </cell>
          <cell r="D471" t="str">
            <v>Item 8</v>
          </cell>
          <cell r="E471" t="str">
            <v>REG8</v>
          </cell>
          <cell r="F471" t="str">
            <v>Possibility of reinstatement following unfair dismissal</v>
          </cell>
          <cell r="G471">
            <v>2003</v>
          </cell>
          <cell r="I471" t="str">
            <v>The option of  reinstatement is only available to the employee in case of null dismissal on discriminatory grounds (only in discrimination cases).</v>
          </cell>
          <cell r="J471">
            <v>0</v>
          </cell>
          <cell r="M471">
            <v>0</v>
          </cell>
        </row>
        <row r="472">
          <cell r="A472" t="str">
            <v>ESPREG92003</v>
          </cell>
          <cell r="B472" t="str">
            <v>ESP</v>
          </cell>
          <cell r="C472" t="str">
            <v>Spain</v>
          </cell>
          <cell r="D472" t="str">
            <v>Item 9</v>
          </cell>
          <cell r="E472" t="str">
            <v>REG9</v>
          </cell>
          <cell r="F472" t="str">
            <v>Maximum time for claim</v>
          </cell>
          <cell r="G472">
            <v>2003</v>
          </cell>
        </row>
        <row r="473">
          <cell r="A473" t="str">
            <v>ESPFTC12003</v>
          </cell>
          <cell r="B473" t="str">
            <v>ESP</v>
          </cell>
          <cell r="C473" t="str">
            <v>Spain</v>
          </cell>
          <cell r="D473" t="str">
            <v>Item 10</v>
          </cell>
          <cell r="E473" t="str">
            <v>FTC1</v>
          </cell>
          <cell r="F473" t="str">
            <v>Valid cases for use of fixed-term contracts, other than  “objective”  or “material” situation</v>
          </cell>
          <cell r="G473">
            <v>2003</v>
          </cell>
          <cell r="I473" t="str">
            <v>In addition to objective reasons, permitted for: training purposes; for the hiring of handicapped workers; to cover the vacant workday that arises when a worker close to retirement reduces its working time to 4 days per week.</v>
          </cell>
          <cell r="J473">
            <v>1.5</v>
          </cell>
          <cell r="M473">
            <v>3</v>
          </cell>
        </row>
        <row r="474">
          <cell r="A474" t="str">
            <v>ESPFTC22003</v>
          </cell>
          <cell r="B474" t="str">
            <v>ESP</v>
          </cell>
          <cell r="C474" t="str">
            <v>Spain</v>
          </cell>
          <cell r="D474" t="str">
            <v>Item 11</v>
          </cell>
          <cell r="E474" t="str">
            <v>FTC2</v>
          </cell>
          <cell r="F474" t="str">
            <v>Maximum number of successive fixed-term contracts</v>
          </cell>
          <cell r="G474">
            <v>2003</v>
          </cell>
          <cell r="I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J474">
            <v>3</v>
          </cell>
          <cell r="M474">
            <v>3</v>
          </cell>
        </row>
        <row r="475">
          <cell r="A475" t="str">
            <v>ESPFTC32003</v>
          </cell>
          <cell r="B475" t="str">
            <v>ESP</v>
          </cell>
          <cell r="C475" t="str">
            <v>Spain</v>
          </cell>
          <cell r="D475" t="str">
            <v>Item 12</v>
          </cell>
          <cell r="E475" t="str">
            <v>FTC3</v>
          </cell>
          <cell r="F475" t="str">
            <v>Maximum cumulated duration of successive fixed-term contracts</v>
          </cell>
          <cell r="G475">
            <v>2003</v>
          </cell>
          <cell r="I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J475">
            <v>24</v>
          </cell>
          <cell r="M475">
            <v>3</v>
          </cell>
        </row>
        <row r="476">
          <cell r="A476" t="str">
            <v>ESPTWA12003</v>
          </cell>
          <cell r="B476" t="str">
            <v>ESP</v>
          </cell>
          <cell r="C476" t="str">
            <v>Spain</v>
          </cell>
          <cell r="D476" t="str">
            <v>Item 13</v>
          </cell>
          <cell r="E476" t="str">
            <v>TWA1</v>
          </cell>
          <cell r="F476" t="str">
            <v>Types of work for which TWA employment is legal</v>
          </cell>
          <cell r="G476">
            <v>2003</v>
          </cell>
          <cell r="I476" t="str">
            <v xml:space="preserve">TWAs legal since 1994, limited to “objective situations”.  </v>
          </cell>
          <cell r="J476">
            <v>2</v>
          </cell>
          <cell r="M476">
            <v>3</v>
          </cell>
        </row>
        <row r="477">
          <cell r="A477" t="str">
            <v>ESPTWA22003</v>
          </cell>
          <cell r="B477" t="str">
            <v>ESP</v>
          </cell>
          <cell r="C477" t="str">
            <v>Spain</v>
          </cell>
          <cell r="D477" t="str">
            <v>Item 14</v>
          </cell>
          <cell r="E477" t="str">
            <v>TWA2A, TWA2B</v>
          </cell>
          <cell r="F477" t="str">
            <v>Are there any restrictions on the number of renewals of a TWA contract?</v>
          </cell>
          <cell r="G477">
            <v>2003</v>
          </cell>
          <cell r="I477" t="str">
            <v>Yes</v>
          </cell>
          <cell r="J477" t="str">
            <v>Yes</v>
          </cell>
          <cell r="K477" t="str">
            <v>Yes</v>
          </cell>
          <cell r="M477">
            <v>4</v>
          </cell>
          <cell r="N477">
            <v>4</v>
          </cell>
        </row>
        <row r="478">
          <cell r="A478" t="str">
            <v>ESPTWA32003</v>
          </cell>
          <cell r="B478" t="str">
            <v>ESP</v>
          </cell>
          <cell r="C478" t="str">
            <v>Spain</v>
          </cell>
          <cell r="D478" t="str">
            <v>Item 15</v>
          </cell>
          <cell r="E478" t="str">
            <v>TWA3A, TWA3B</v>
          </cell>
          <cell r="F478" t="str">
            <v>Maximum cumulated duration of temporary work contracts</v>
          </cell>
          <cell r="G478">
            <v>2003</v>
          </cell>
          <cell r="I478" t="str">
            <v>No limit for substitution and contracts related to a specific task; 6 months for temporary increase in workload; 3 months to cover temporarily a post while carrying out a selection process.</v>
          </cell>
          <cell r="J478">
            <v>6</v>
          </cell>
          <cell r="K478">
            <v>6</v>
          </cell>
          <cell r="M478">
            <v>6</v>
          </cell>
          <cell r="N478">
            <v>6</v>
          </cell>
        </row>
        <row r="479">
          <cell r="A479" t="str">
            <v>ESPTWA42003</v>
          </cell>
          <cell r="B479" t="str">
            <v>ESP</v>
          </cell>
          <cell r="C479" t="str">
            <v>Spain</v>
          </cell>
          <cell r="D479" t="str">
            <v>Item 16</v>
          </cell>
          <cell r="E479" t="str">
            <v>TWA4</v>
          </cell>
          <cell r="F479" t="str">
            <v>Authorisation and reporting obligations</v>
          </cell>
          <cell r="G479">
            <v>2003</v>
          </cell>
        </row>
        <row r="480">
          <cell r="A480" t="str">
            <v>ESPTWA52003</v>
          </cell>
          <cell r="B480" t="str">
            <v>ESP</v>
          </cell>
          <cell r="C480" t="str">
            <v>Spain</v>
          </cell>
          <cell r="D480" t="str">
            <v>Item 17</v>
          </cell>
          <cell r="E480" t="str">
            <v>TWA5</v>
          </cell>
          <cell r="F480" t="str">
            <v>Equal treatment for TWA workers</v>
          </cell>
          <cell r="G480">
            <v>2003</v>
          </cell>
        </row>
        <row r="481">
          <cell r="A481" t="str">
            <v>ESPCD12003</v>
          </cell>
          <cell r="B481" t="str">
            <v>ESP</v>
          </cell>
          <cell r="C481" t="str">
            <v>Spain</v>
          </cell>
          <cell r="D481" t="str">
            <v>Item 18</v>
          </cell>
          <cell r="E481" t="str">
            <v>CD1</v>
          </cell>
          <cell r="F481" t="str">
            <v>Definition of collective dismissal</v>
          </cell>
          <cell r="G481">
            <v>2003</v>
          </cell>
          <cell r="I481" t="str">
            <v>Within 90 days, 10+ workers in firms &lt;100 employees; 10%+ in firms 100-299; 30+ workers in firms 300+ employees.</v>
          </cell>
          <cell r="J481">
            <v>3</v>
          </cell>
          <cell r="M481">
            <v>4.5</v>
          </cell>
        </row>
        <row r="482">
          <cell r="A482" t="str">
            <v>ESPCD22003</v>
          </cell>
          <cell r="B482" t="str">
            <v>ESP</v>
          </cell>
          <cell r="C482" t="str">
            <v>Spain</v>
          </cell>
          <cell r="D482" t="str">
            <v>Item 19</v>
          </cell>
          <cell r="E482" t="str">
            <v>CD2</v>
          </cell>
          <cell r="F482" t="str">
            <v>Additional notification requirements in case of collective dismissals</v>
          </cell>
          <cell r="G482">
            <v>2003</v>
          </cell>
          <cell r="I482" t="str">
            <v>Notification of employee representatives: Duty to inform and consult with Works Council or trade union delegation. Notification of public authorities: Notification of  local labour market authorities .</v>
          </cell>
          <cell r="J482">
            <v>1</v>
          </cell>
          <cell r="M482">
            <v>3</v>
          </cell>
        </row>
        <row r="483">
          <cell r="A483" t="str">
            <v>ESPCD32003</v>
          </cell>
          <cell r="B483" t="str">
            <v>ESP</v>
          </cell>
          <cell r="C483" t="str">
            <v>Spain</v>
          </cell>
          <cell r="D483" t="str">
            <v>Item 20</v>
          </cell>
          <cell r="E483" t="str">
            <v>CD3</v>
          </cell>
          <cell r="F483" t="str">
            <v>Additional delays involved in case of collective dismissals</v>
          </cell>
          <cell r="G483">
            <v>2003</v>
          </cell>
          <cell r="I483" t="str">
            <v>Employer must consult 30 days in advance (15 days in firms with &lt; 50 employees).  Further 15 days delay for approval of labour market authorities, if required (only required id failed to reach agreement). (30+15)/2=22.5 + (15/2)=30 -1=29</v>
          </cell>
          <cell r="J483">
            <v>29</v>
          </cell>
          <cell r="M483">
            <v>2</v>
          </cell>
        </row>
        <row r="484">
          <cell r="A484" t="str">
            <v>ESPCD42003</v>
          </cell>
          <cell r="B484" t="str">
            <v>ESP</v>
          </cell>
          <cell r="C484" t="str">
            <v>Spain</v>
          </cell>
          <cell r="D484" t="str">
            <v>Item 21</v>
          </cell>
          <cell r="E484" t="str">
            <v>CD4</v>
          </cell>
          <cell r="F484" t="str">
            <v>Other special costs to employers in case of collective dismissals</v>
          </cell>
          <cell r="G484">
            <v>2003</v>
          </cell>
          <cell r="I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J484">
            <v>1</v>
          </cell>
          <cell r="M484">
            <v>3</v>
          </cell>
        </row>
        <row r="485">
          <cell r="A485" t="str">
            <v>SWEREG12003</v>
          </cell>
          <cell r="B485" t="str">
            <v>SWE</v>
          </cell>
          <cell r="C485" t="str">
            <v>Sweden</v>
          </cell>
          <cell r="D485" t="str">
            <v>Item 1</v>
          </cell>
          <cell r="E485" t="str">
            <v>REG1</v>
          </cell>
          <cell r="F485" t="str">
            <v>Notification procedures</v>
          </cell>
          <cell r="G485">
            <v>2003</v>
          </cell>
          <cell r="I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J485">
            <v>2</v>
          </cell>
          <cell r="M485">
            <v>4</v>
          </cell>
        </row>
        <row r="486">
          <cell r="A486" t="str">
            <v>SWEREG22003</v>
          </cell>
          <cell r="B486" t="str">
            <v>SWE</v>
          </cell>
          <cell r="C486" t="str">
            <v>Sweden</v>
          </cell>
          <cell r="D486" t="str">
            <v>Item 2</v>
          </cell>
          <cell r="E486" t="str">
            <v>REG2</v>
          </cell>
          <cell r="F486" t="str">
            <v>Delay before notice can start</v>
          </cell>
          <cell r="G486">
            <v>2003</v>
          </cell>
          <cell r="I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J486">
            <v>14</v>
          </cell>
          <cell r="M486">
            <v>2</v>
          </cell>
        </row>
        <row r="487">
          <cell r="A487" t="str">
            <v>SWEREG32003</v>
          </cell>
          <cell r="B487" t="str">
            <v>SWE</v>
          </cell>
          <cell r="C487" t="str">
            <v>Sweden</v>
          </cell>
          <cell r="D487" t="str">
            <v>Item 3</v>
          </cell>
          <cell r="E487" t="str">
            <v>REG3A, REG3B, REG3C</v>
          </cell>
          <cell r="F487" t="str">
            <v>Notice / tenure</v>
          </cell>
          <cell r="G487">
            <v>2003</v>
          </cell>
          <cell r="I487" t="str">
            <v>All workers: 1m&lt;2y; 2m&lt;4y; 3m&lt;6y; 4m&lt;8y; 5m&lt;10y; 6m&gt;10y.
9 months tenure: 1 month, 4 years tenure: 3 months, 20 years tenure: 6 months.</v>
          </cell>
          <cell r="J487">
            <v>1</v>
          </cell>
          <cell r="K487">
            <v>3</v>
          </cell>
          <cell r="L487">
            <v>6</v>
          </cell>
          <cell r="M487">
            <v>3</v>
          </cell>
          <cell r="N487">
            <v>5</v>
          </cell>
          <cell r="O487">
            <v>3</v>
          </cell>
        </row>
        <row r="488">
          <cell r="A488" t="str">
            <v>SWEREG42003</v>
          </cell>
          <cell r="B488" t="str">
            <v>SWE</v>
          </cell>
          <cell r="C488" t="str">
            <v>Sweden</v>
          </cell>
          <cell r="D488" t="str">
            <v>Item 4</v>
          </cell>
          <cell r="E488" t="str">
            <v>REG4A, REG4B, REG4C</v>
          </cell>
          <cell r="F488" t="str">
            <v>Severance pay / tenure</v>
          </cell>
          <cell r="G488">
            <v>2003</v>
          </cell>
          <cell r="I488" t="str">
            <v>All workers: No legal entitlement, but occasionally included in collective agreements.</v>
          </cell>
          <cell r="J488">
            <v>0</v>
          </cell>
          <cell r="K488">
            <v>0</v>
          </cell>
          <cell r="L488">
            <v>0</v>
          </cell>
          <cell r="M488">
            <v>0</v>
          </cell>
          <cell r="N488">
            <v>0</v>
          </cell>
          <cell r="O488">
            <v>0</v>
          </cell>
        </row>
        <row r="489">
          <cell r="A489" t="str">
            <v>SWEREG52003</v>
          </cell>
          <cell r="B489" t="str">
            <v>SWE</v>
          </cell>
          <cell r="C489" t="str">
            <v>Sweden</v>
          </cell>
          <cell r="D489" t="str">
            <v>Item 5</v>
          </cell>
          <cell r="E489" t="str">
            <v>REG5</v>
          </cell>
          <cell r="F489" t="str">
            <v>Definition of justified or unfair dismissal</v>
          </cell>
          <cell r="G489">
            <v>2003</v>
          </cell>
          <cell r="I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J489">
            <v>2</v>
          </cell>
          <cell r="M489">
            <v>4</v>
          </cell>
        </row>
        <row r="490">
          <cell r="A490" t="str">
            <v>SWEREG62003</v>
          </cell>
          <cell r="B490" t="str">
            <v>SWE</v>
          </cell>
          <cell r="C490" t="str">
            <v>Sweden</v>
          </cell>
          <cell r="D490" t="str">
            <v>Item 6</v>
          </cell>
          <cell r="E490" t="str">
            <v>REG6</v>
          </cell>
          <cell r="F490" t="str">
            <v>Trial period</v>
          </cell>
          <cell r="G490">
            <v>2003</v>
          </cell>
          <cell r="I490" t="str">
            <v>All workers: Probationary period limited to a maximum of 6 months trial; does not exclude claim for damages</v>
          </cell>
          <cell r="J490">
            <v>3</v>
          </cell>
          <cell r="M490">
            <v>4</v>
          </cell>
        </row>
        <row r="491">
          <cell r="A491" t="str">
            <v>SWEREG72003</v>
          </cell>
          <cell r="B491" t="str">
            <v>SWE</v>
          </cell>
          <cell r="C491" t="str">
            <v>Sweden</v>
          </cell>
          <cell r="D491" t="str">
            <v>Item 7</v>
          </cell>
          <cell r="E491" t="str">
            <v>REG7</v>
          </cell>
          <cell r="F491" t="str">
            <v xml:space="preserve">Compensation following unfair dismissal </v>
          </cell>
          <cell r="G491">
            <v>2003</v>
          </cell>
          <cell r="I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J491">
            <v>32</v>
          </cell>
          <cell r="M491">
            <v>6</v>
          </cell>
        </row>
        <row r="492">
          <cell r="A492" t="str">
            <v>SWEREG82003</v>
          </cell>
          <cell r="B492" t="str">
            <v>SWE</v>
          </cell>
          <cell r="C492" t="str">
            <v>Sweden</v>
          </cell>
          <cell r="D492" t="str">
            <v>Item 8</v>
          </cell>
          <cell r="E492" t="str">
            <v>REG8</v>
          </cell>
          <cell r="F492" t="str">
            <v>Possibility of reinstatement following unfair dismissal</v>
          </cell>
          <cell r="G492">
            <v>2003</v>
          </cell>
          <cell r="I492" t="str">
            <v>Courts may order reinstatement or damages, plus a sum equal to earnings between the dismissal and the legal settlement of the case. The option of  reinstatement is rarely made available to the employee.</v>
          </cell>
          <cell r="J492">
            <v>1</v>
          </cell>
          <cell r="M492">
            <v>2</v>
          </cell>
        </row>
        <row r="493">
          <cell r="A493" t="str">
            <v>SWEREG92003</v>
          </cell>
          <cell r="B493" t="str">
            <v>SWE</v>
          </cell>
          <cell r="C493" t="str">
            <v>Sweden</v>
          </cell>
          <cell r="D493" t="str">
            <v>Item 9</v>
          </cell>
          <cell r="E493" t="str">
            <v>REG9</v>
          </cell>
          <cell r="F493" t="str">
            <v>Maximum time for claim</v>
          </cell>
          <cell r="G493">
            <v>2003</v>
          </cell>
        </row>
        <row r="494">
          <cell r="A494" t="str">
            <v>SWEFTC12003</v>
          </cell>
          <cell r="B494" t="str">
            <v>SWE</v>
          </cell>
          <cell r="C494" t="str">
            <v>Sweden</v>
          </cell>
          <cell r="D494" t="str">
            <v>Item 10</v>
          </cell>
          <cell r="E494" t="str">
            <v>FTC1</v>
          </cell>
          <cell r="F494" t="str">
            <v>Valid cases for use of fixed-term contracts, other than  “objective”  or “material” situation</v>
          </cell>
          <cell r="G494">
            <v>2003</v>
          </cell>
          <cell r="I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J494">
            <v>2.5</v>
          </cell>
          <cell r="M494">
            <v>1</v>
          </cell>
        </row>
        <row r="495">
          <cell r="A495" t="str">
            <v>SWEFTC22003</v>
          </cell>
          <cell r="B495" t="str">
            <v>SWE</v>
          </cell>
          <cell r="C495" t="str">
            <v>Sweden</v>
          </cell>
          <cell r="D495" t="str">
            <v>Item 11</v>
          </cell>
          <cell r="E495" t="str">
            <v>FTC2</v>
          </cell>
          <cell r="F495" t="str">
            <v>Maximum number of successive fixed-term contracts</v>
          </cell>
          <cell r="G495">
            <v>2003</v>
          </cell>
          <cell r="I495" t="str">
            <v>No limit specified.</v>
          </cell>
          <cell r="J495">
            <v>100</v>
          </cell>
          <cell r="M495">
            <v>0</v>
          </cell>
        </row>
        <row r="496">
          <cell r="A496" t="str">
            <v>SWEFTC32003</v>
          </cell>
          <cell r="B496" t="str">
            <v>SWE</v>
          </cell>
          <cell r="C496" t="str">
            <v>Sweden</v>
          </cell>
          <cell r="D496" t="str">
            <v>Item 12</v>
          </cell>
          <cell r="E496" t="str">
            <v>FTC3</v>
          </cell>
          <cell r="F496" t="str">
            <v>Maximum cumulated duration of successive fixed-term contracts</v>
          </cell>
          <cell r="G496">
            <v>2003</v>
          </cell>
          <cell r="I496" t="str">
            <v xml:space="preserve">Under a), 3 years in 5 years period; under b), 6 months in 2 years period;under d), 12 months in 3 years period, or 18 months for 1st employee </v>
          </cell>
          <cell r="J496">
            <v>12</v>
          </cell>
          <cell r="M496">
            <v>5</v>
          </cell>
        </row>
        <row r="497">
          <cell r="A497" t="str">
            <v>SWETWA12003</v>
          </cell>
          <cell r="B497" t="str">
            <v>SWE</v>
          </cell>
          <cell r="C497" t="str">
            <v>Sweden</v>
          </cell>
          <cell r="D497" t="str">
            <v>Item 13</v>
          </cell>
          <cell r="E497" t="str">
            <v>TWA1</v>
          </cell>
          <cell r="F497" t="str">
            <v>Types of work for which TWA employment is legal</v>
          </cell>
          <cell r="G497">
            <v>2003</v>
          </cell>
          <cell r="I497" t="str">
            <v xml:space="preserve">General </v>
          </cell>
          <cell r="J497">
            <v>4</v>
          </cell>
          <cell r="M497">
            <v>0</v>
          </cell>
        </row>
        <row r="498">
          <cell r="A498" t="str">
            <v>SWETWA22003</v>
          </cell>
          <cell r="B498" t="str">
            <v>SWE</v>
          </cell>
          <cell r="C498" t="str">
            <v>Sweden</v>
          </cell>
          <cell r="D498" t="str">
            <v>Item 14</v>
          </cell>
          <cell r="E498" t="str">
            <v>TWA2A, TWA2B</v>
          </cell>
          <cell r="F498" t="str">
            <v>Are there any restrictions on the number of renewals of a TWA contract?</v>
          </cell>
          <cell r="G498">
            <v>2003</v>
          </cell>
          <cell r="I498" t="str">
            <v>No</v>
          </cell>
          <cell r="J498" t="str">
            <v>No</v>
          </cell>
          <cell r="K498" t="str">
            <v>No</v>
          </cell>
          <cell r="M498">
            <v>2</v>
          </cell>
          <cell r="N498">
            <v>2</v>
          </cell>
        </row>
        <row r="499">
          <cell r="A499" t="str">
            <v>SWETWA32003</v>
          </cell>
          <cell r="B499" t="str">
            <v>SWE</v>
          </cell>
          <cell r="C499" t="str">
            <v>Sweden</v>
          </cell>
          <cell r="D499" t="str">
            <v>Item 15</v>
          </cell>
          <cell r="E499" t="str">
            <v>TWA3A, TWA3B</v>
          </cell>
          <cell r="F499" t="str">
            <v>Maximum cumulated duration of temporary work contracts</v>
          </cell>
          <cell r="G499">
            <v>2003</v>
          </cell>
          <cell r="I499" t="str">
            <v xml:space="preserve">Same rules as for fixed-term contracts. </v>
          </cell>
          <cell r="J499">
            <v>12</v>
          </cell>
          <cell r="K499">
            <v>12</v>
          </cell>
          <cell r="M499">
            <v>4</v>
          </cell>
          <cell r="N499">
            <v>4</v>
          </cell>
        </row>
        <row r="500">
          <cell r="A500" t="str">
            <v>SWETWA42003</v>
          </cell>
          <cell r="B500" t="str">
            <v>SWE</v>
          </cell>
          <cell r="C500" t="str">
            <v>Sweden</v>
          </cell>
          <cell r="D500" t="str">
            <v>Item 16</v>
          </cell>
          <cell r="E500" t="str">
            <v>TWA4</v>
          </cell>
          <cell r="F500" t="str">
            <v>Authorisation and reporting obligations</v>
          </cell>
          <cell r="G500">
            <v>2003</v>
          </cell>
        </row>
        <row r="501">
          <cell r="A501" t="str">
            <v>SWETWA52003</v>
          </cell>
          <cell r="B501" t="str">
            <v>SWE</v>
          </cell>
          <cell r="C501" t="str">
            <v>Sweden</v>
          </cell>
          <cell r="D501" t="str">
            <v>Item 17</v>
          </cell>
          <cell r="E501" t="str">
            <v>TWA5</v>
          </cell>
          <cell r="F501" t="str">
            <v>Equal treatment for TWA workers</v>
          </cell>
          <cell r="G501">
            <v>2003</v>
          </cell>
        </row>
        <row r="502">
          <cell r="A502" t="str">
            <v>SWECD12003</v>
          </cell>
          <cell r="B502" t="str">
            <v>SWE</v>
          </cell>
          <cell r="C502" t="str">
            <v>Sweden</v>
          </cell>
          <cell r="D502" t="str">
            <v>Item 18</v>
          </cell>
          <cell r="E502" t="str">
            <v>CD1</v>
          </cell>
          <cell r="F502" t="str">
            <v>Definition of collective dismissal</v>
          </cell>
          <cell r="G502">
            <v>2003</v>
          </cell>
          <cell r="I502"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502">
            <v>4</v>
          </cell>
          <cell r="M502">
            <v>6</v>
          </cell>
        </row>
        <row r="503">
          <cell r="A503" t="str">
            <v>SWECD22003</v>
          </cell>
          <cell r="B503" t="str">
            <v>SWE</v>
          </cell>
          <cell r="C503" t="str">
            <v>Sweden</v>
          </cell>
          <cell r="D503" t="str">
            <v>Item 19</v>
          </cell>
          <cell r="E503" t="str">
            <v>CD2</v>
          </cell>
          <cell r="F503" t="str">
            <v>Additional notification requirements in case of collective dismissals</v>
          </cell>
          <cell r="G503">
            <v>2003</v>
          </cell>
          <cell r="I503" t="str">
            <v>Notification of employee representatives: Duty to inform and consult with competent trade union. Notification of public authorities: Notification of county labour board.</v>
          </cell>
          <cell r="J503">
            <v>1</v>
          </cell>
          <cell r="M503">
            <v>3</v>
          </cell>
        </row>
        <row r="504">
          <cell r="A504" t="str">
            <v>SWECD32003</v>
          </cell>
          <cell r="B504" t="str">
            <v>SWE</v>
          </cell>
          <cell r="C504" t="str">
            <v>Sweden</v>
          </cell>
          <cell r="D504" t="str">
            <v>Item 20</v>
          </cell>
          <cell r="E504" t="str">
            <v>CD3</v>
          </cell>
          <cell r="F504" t="str">
            <v>Additional delays involved in case of collective dismissals</v>
          </cell>
          <cell r="G504">
            <v>2003</v>
          </cell>
          <cell r="I504" t="str">
            <v>Waiting periods after notification of employment service are from 2 months (when 5-24 workers involved) to 6 months (when 100+ workers involved).</v>
          </cell>
          <cell r="J504">
            <v>113</v>
          </cell>
          <cell r="M504">
            <v>6</v>
          </cell>
        </row>
        <row r="505">
          <cell r="A505" t="str">
            <v>SWECD42003</v>
          </cell>
          <cell r="B505" t="str">
            <v>SWE</v>
          </cell>
          <cell r="C505" t="str">
            <v>Sweden</v>
          </cell>
          <cell r="D505" t="str">
            <v>Item 21</v>
          </cell>
          <cell r="E505" t="str">
            <v>CD4</v>
          </cell>
          <cell r="F505" t="str">
            <v>Other special costs to employers in case of collective dismissals</v>
          </cell>
          <cell r="G505">
            <v>2003</v>
          </cell>
          <cell r="I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J505">
            <v>0</v>
          </cell>
          <cell r="M505">
            <v>0</v>
          </cell>
        </row>
        <row r="506">
          <cell r="A506" t="str">
            <v>CHEREG12003</v>
          </cell>
          <cell r="B506" t="str">
            <v>CHE</v>
          </cell>
          <cell r="C506" t="str">
            <v>Switzerland</v>
          </cell>
          <cell r="D506" t="str">
            <v>Item 1</v>
          </cell>
          <cell r="E506" t="str">
            <v>REG1</v>
          </cell>
          <cell r="F506" t="str">
            <v>Notification procedures</v>
          </cell>
          <cell r="G506">
            <v>2003</v>
          </cell>
          <cell r="H506">
            <v>2003</v>
          </cell>
          <cell r="I506" t="str">
            <v>Notification to employee who has the right to request a statement of reasons.</v>
          </cell>
          <cell r="J506">
            <v>0.5</v>
          </cell>
          <cell r="M506">
            <v>1</v>
          </cell>
        </row>
        <row r="507">
          <cell r="A507" t="str">
            <v>CHEREG22003</v>
          </cell>
          <cell r="B507" t="str">
            <v>CHE</v>
          </cell>
          <cell r="C507" t="str">
            <v>Switzerland</v>
          </cell>
          <cell r="D507" t="str">
            <v>Item 2</v>
          </cell>
          <cell r="E507" t="str">
            <v>REG2</v>
          </cell>
          <cell r="F507" t="str">
            <v>Delay before notice can start</v>
          </cell>
          <cell r="G507">
            <v>2003</v>
          </cell>
          <cell r="I507"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507">
            <v>16</v>
          </cell>
          <cell r="M507">
            <v>2</v>
          </cell>
        </row>
        <row r="508">
          <cell r="A508" t="str">
            <v>CHEREG32003</v>
          </cell>
          <cell r="B508" t="str">
            <v>CHE</v>
          </cell>
          <cell r="C508" t="str">
            <v>Switzerland</v>
          </cell>
          <cell r="D508" t="str">
            <v>Item 3</v>
          </cell>
          <cell r="E508" t="str">
            <v>REG3A, REG3B, REG3C</v>
          </cell>
          <cell r="F508" t="str">
            <v>Notice / tenure</v>
          </cell>
          <cell r="G508">
            <v>2003</v>
          </cell>
          <cell r="I508" t="str">
            <v>All workers: 7d during the trial period (1 to 3 months), 1m&lt;1y, 2m&lt;10y, 3m&gt;10y, always to the end of a calendar month.
9 months tenure: 1 month, 4 years tenure: 2 months, 20 years tenure: 3 months.</v>
          </cell>
          <cell r="J508">
            <v>1</v>
          </cell>
          <cell r="K508">
            <v>2</v>
          </cell>
          <cell r="L508">
            <v>3</v>
          </cell>
          <cell r="M508">
            <v>3</v>
          </cell>
          <cell r="N508">
            <v>4</v>
          </cell>
          <cell r="O508">
            <v>2</v>
          </cell>
        </row>
        <row r="509">
          <cell r="A509" t="str">
            <v>CHEREG42003</v>
          </cell>
          <cell r="B509" t="str">
            <v>CHE</v>
          </cell>
          <cell r="C509" t="str">
            <v>Switzerland</v>
          </cell>
          <cell r="D509" t="str">
            <v>Item 4</v>
          </cell>
          <cell r="E509" t="str">
            <v>REG4A, REG4B, REG4C</v>
          </cell>
          <cell r="F509" t="str">
            <v>Severance pay / tenure</v>
          </cell>
          <cell r="G509">
            <v>2003</v>
          </cell>
          <cell r="I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J509">
            <v>0</v>
          </cell>
          <cell r="K509">
            <v>0</v>
          </cell>
          <cell r="L509">
            <v>2.5</v>
          </cell>
          <cell r="M509">
            <v>0</v>
          </cell>
          <cell r="N509">
            <v>0</v>
          </cell>
          <cell r="O509">
            <v>1</v>
          </cell>
        </row>
        <row r="510">
          <cell r="A510" t="str">
            <v>CHEREG52003</v>
          </cell>
          <cell r="B510" t="str">
            <v>CHE</v>
          </cell>
          <cell r="C510" t="str">
            <v>Switzerland</v>
          </cell>
          <cell r="D510" t="str">
            <v>Item 5</v>
          </cell>
          <cell r="E510" t="str">
            <v>REG5</v>
          </cell>
          <cell r="F510" t="str">
            <v>Definition of justified or unfair dismissal</v>
          </cell>
          <cell r="G510">
            <v>2003</v>
          </cell>
          <cell r="I510" t="str">
            <v xml:space="preserve">Unfair: Dismissals based, inter alia, on personal grounds such as sex, religion, union membership, marital status or family responsibilities, or on the exercise of an employee’s constitutional rights or legal obligations, such as military service. </v>
          </cell>
          <cell r="J510">
            <v>0</v>
          </cell>
          <cell r="M510">
            <v>0</v>
          </cell>
        </row>
        <row r="511">
          <cell r="A511" t="str">
            <v>CHEREG62003</v>
          </cell>
          <cell r="B511" t="str">
            <v>CHE</v>
          </cell>
          <cell r="C511" t="str">
            <v>Switzerland</v>
          </cell>
          <cell r="D511" t="str">
            <v>Item 6</v>
          </cell>
          <cell r="E511" t="str">
            <v>REG6</v>
          </cell>
          <cell r="F511" t="str">
            <v>Trial period</v>
          </cell>
          <cell r="G511">
            <v>2003</v>
          </cell>
          <cell r="I511" t="str">
            <v>All workers: 1 month, often extended to 3 months in individual employment contracts.</v>
          </cell>
          <cell r="J511">
            <v>2</v>
          </cell>
          <cell r="M511">
            <v>5</v>
          </cell>
        </row>
        <row r="512">
          <cell r="A512" t="str">
            <v>CHEREG72003</v>
          </cell>
          <cell r="B512" t="str">
            <v>CHE</v>
          </cell>
          <cell r="C512" t="str">
            <v>Switzerland</v>
          </cell>
          <cell r="D512" t="str">
            <v>Item 7</v>
          </cell>
          <cell r="E512" t="str">
            <v>REG7</v>
          </cell>
          <cell r="F512" t="str">
            <v xml:space="preserve">Compensation following unfair dismissal </v>
          </cell>
          <cell r="G512">
            <v>2003</v>
          </cell>
          <cell r="I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J512">
            <v>6</v>
          </cell>
          <cell r="M512">
            <v>1</v>
          </cell>
        </row>
        <row r="513">
          <cell r="A513" t="str">
            <v>CHEREG82003</v>
          </cell>
          <cell r="B513" t="str">
            <v>CHE</v>
          </cell>
          <cell r="C513" t="str">
            <v>Switzerland</v>
          </cell>
          <cell r="D513" t="str">
            <v>Item 8</v>
          </cell>
          <cell r="E513" t="str">
            <v>REG8</v>
          </cell>
          <cell r="F513" t="str">
            <v>Possibility of reinstatement following unfair dismissal</v>
          </cell>
          <cell r="G513">
            <v>2003</v>
          </cell>
          <cell r="I513" t="str">
            <v>Courts are not empowered to order reinstatement (except in case of discrimination against women).</v>
          </cell>
          <cell r="J513">
            <v>0</v>
          </cell>
          <cell r="M513">
            <v>0</v>
          </cell>
        </row>
        <row r="514">
          <cell r="A514" t="str">
            <v>CHEREG92003</v>
          </cell>
          <cell r="B514" t="str">
            <v>CHE</v>
          </cell>
          <cell r="C514" t="str">
            <v>Switzerland</v>
          </cell>
          <cell r="D514" t="str">
            <v>Item 9</v>
          </cell>
          <cell r="E514" t="str">
            <v>REG9</v>
          </cell>
          <cell r="F514" t="str">
            <v>Maximum time for claim</v>
          </cell>
          <cell r="G514">
            <v>2003</v>
          </cell>
        </row>
        <row r="515">
          <cell r="A515" t="str">
            <v>CHEFTC12003</v>
          </cell>
          <cell r="B515" t="str">
            <v>CHE</v>
          </cell>
          <cell r="C515" t="str">
            <v>Switzerland</v>
          </cell>
          <cell r="D515" t="str">
            <v>Item 10</v>
          </cell>
          <cell r="E515" t="str">
            <v>FTC1</v>
          </cell>
          <cell r="F515" t="str">
            <v>Valid cases for use of fixed-term contracts, other than  “objective”  or “material” situation</v>
          </cell>
          <cell r="G515">
            <v>2003</v>
          </cell>
          <cell r="I515" t="str">
            <v xml:space="preserve">General </v>
          </cell>
          <cell r="J515">
            <v>3</v>
          </cell>
          <cell r="M515">
            <v>0</v>
          </cell>
        </row>
        <row r="516">
          <cell r="A516" t="str">
            <v>CHEFTC22003</v>
          </cell>
          <cell r="B516" t="str">
            <v>CHE</v>
          </cell>
          <cell r="C516" t="str">
            <v>Switzerland</v>
          </cell>
          <cell r="D516" t="str">
            <v>Item 11</v>
          </cell>
          <cell r="E516" t="str">
            <v>FTC2</v>
          </cell>
          <cell r="F516" t="str">
            <v>Maximum number of successive fixed-term contracts</v>
          </cell>
          <cell r="G516">
            <v>2003</v>
          </cell>
          <cell r="I516" t="str">
            <v>Estimated 1.5
No limit specified, but successive contracts imply the risk of a court declaring the fixed-term contract null and void.</v>
          </cell>
          <cell r="J516">
            <v>1.5</v>
          </cell>
          <cell r="M516">
            <v>5</v>
          </cell>
        </row>
        <row r="517">
          <cell r="A517" t="str">
            <v>CHEFTC32003</v>
          </cell>
          <cell r="B517" t="str">
            <v>CHE</v>
          </cell>
          <cell r="C517" t="str">
            <v>Switzerland</v>
          </cell>
          <cell r="D517" t="str">
            <v>Item 12</v>
          </cell>
          <cell r="E517" t="str">
            <v>FTC3</v>
          </cell>
          <cell r="F517" t="str">
            <v>Maximum cumulated duration of successive fixed-term contracts</v>
          </cell>
          <cell r="G517">
            <v>2003</v>
          </cell>
          <cell r="I517" t="str">
            <v>No limit specified.</v>
          </cell>
          <cell r="J517">
            <v>200</v>
          </cell>
          <cell r="M517">
            <v>0</v>
          </cell>
        </row>
        <row r="518">
          <cell r="A518" t="str">
            <v>CHETWA12003</v>
          </cell>
          <cell r="B518" t="str">
            <v>CHE</v>
          </cell>
          <cell r="C518" t="str">
            <v>Switzerland</v>
          </cell>
          <cell r="D518" t="str">
            <v>Item 13</v>
          </cell>
          <cell r="E518" t="str">
            <v>TWA1</v>
          </cell>
          <cell r="F518" t="str">
            <v>Types of work for which TWA employment is legal</v>
          </cell>
          <cell r="G518">
            <v>2003</v>
          </cell>
          <cell r="I518" t="str">
            <v>General</v>
          </cell>
          <cell r="J518">
            <v>4</v>
          </cell>
          <cell r="M518">
            <v>0</v>
          </cell>
        </row>
        <row r="519">
          <cell r="A519" t="str">
            <v>CHETWA22003</v>
          </cell>
          <cell r="B519" t="str">
            <v>CHE</v>
          </cell>
          <cell r="C519" t="str">
            <v>Switzerland</v>
          </cell>
          <cell r="D519" t="str">
            <v>Item 14</v>
          </cell>
          <cell r="E519" t="str">
            <v>TWA2A, TWA2B</v>
          </cell>
          <cell r="F519" t="str">
            <v>Are there any restrictions on the number of renewals of a TWA contract?</v>
          </cell>
          <cell r="G519">
            <v>2003</v>
          </cell>
          <cell r="I519" t="str">
            <v>No renewals possible with the same client employer</v>
          </cell>
          <cell r="J519" t="str">
            <v>Yes</v>
          </cell>
          <cell r="K519" t="str">
            <v>Yes</v>
          </cell>
          <cell r="M519">
            <v>4</v>
          </cell>
          <cell r="N519">
            <v>4</v>
          </cell>
        </row>
        <row r="520">
          <cell r="A520" t="str">
            <v>CHETWA32003</v>
          </cell>
          <cell r="B520" t="str">
            <v>CHE</v>
          </cell>
          <cell r="C520" t="str">
            <v>Switzerland</v>
          </cell>
          <cell r="D520" t="str">
            <v>Item 15</v>
          </cell>
          <cell r="E520" t="str">
            <v>TWA3A, TWA3B</v>
          </cell>
          <cell r="F520" t="str">
            <v>Maximum cumulated duration of temporary work contracts</v>
          </cell>
          <cell r="G520">
            <v>2003</v>
          </cell>
          <cell r="I520" t="str">
            <v>No limit</v>
          </cell>
          <cell r="J520">
            <v>100</v>
          </cell>
          <cell r="K520">
            <v>100</v>
          </cell>
          <cell r="M520">
            <v>0</v>
          </cell>
          <cell r="N520">
            <v>0</v>
          </cell>
        </row>
        <row r="521">
          <cell r="A521" t="str">
            <v>CHETWA42003</v>
          </cell>
          <cell r="B521" t="str">
            <v>CHE</v>
          </cell>
          <cell r="C521" t="str">
            <v>Switzerland</v>
          </cell>
          <cell r="D521" t="str">
            <v>Item 16</v>
          </cell>
          <cell r="E521" t="str">
            <v>TWA4</v>
          </cell>
          <cell r="F521" t="str">
            <v>Authorisation and reporting obligations</v>
          </cell>
          <cell r="G521">
            <v>2003</v>
          </cell>
        </row>
        <row r="522">
          <cell r="A522" t="str">
            <v>CHETWA52003</v>
          </cell>
          <cell r="B522" t="str">
            <v>CHE</v>
          </cell>
          <cell r="C522" t="str">
            <v>Switzerland</v>
          </cell>
          <cell r="D522" t="str">
            <v>Item 17</v>
          </cell>
          <cell r="E522" t="str">
            <v>TWA5</v>
          </cell>
          <cell r="F522" t="str">
            <v>Equal treatment for TWA workers</v>
          </cell>
          <cell r="G522">
            <v>2003</v>
          </cell>
        </row>
        <row r="523">
          <cell r="A523" t="str">
            <v>CHECD12003</v>
          </cell>
          <cell r="B523" t="str">
            <v>CHE</v>
          </cell>
          <cell r="C523" t="str">
            <v>Switzerland</v>
          </cell>
          <cell r="D523" t="str">
            <v>Item 18</v>
          </cell>
          <cell r="E523" t="str">
            <v>CD1</v>
          </cell>
          <cell r="F523" t="str">
            <v>Definition of collective dismissal</v>
          </cell>
          <cell r="G523">
            <v>2003</v>
          </cell>
          <cell r="I523" t="str">
            <v>10+ workers in firms 20-99 employees; 10%+ in firms 100-299; 30+ in firms with 300+ employees.</v>
          </cell>
          <cell r="J523">
            <v>3</v>
          </cell>
          <cell r="M523">
            <v>4.5</v>
          </cell>
        </row>
        <row r="524">
          <cell r="A524" t="str">
            <v>CHECD22003</v>
          </cell>
          <cell r="B524" t="str">
            <v>CHE</v>
          </cell>
          <cell r="C524" t="str">
            <v>Switzerland</v>
          </cell>
          <cell r="D524" t="str">
            <v>Item 19</v>
          </cell>
          <cell r="E524" t="str">
            <v>CD2</v>
          </cell>
          <cell r="F524" t="str">
            <v>Additional notification requirements in case of collective dismissals</v>
          </cell>
          <cell r="G524">
            <v>2003</v>
          </cell>
          <cell r="I524" t="str">
            <v>Notification of employee representatives: Obligation to inform and consult with Works Council or trade union delegation.
Notification of public authorities: Duty to notify cantonal employment service.</v>
          </cell>
          <cell r="J524">
            <v>2</v>
          </cell>
          <cell r="M524">
            <v>6</v>
          </cell>
        </row>
        <row r="525">
          <cell r="A525" t="str">
            <v>CHECD32003</v>
          </cell>
          <cell r="B525" t="str">
            <v>CHE</v>
          </cell>
          <cell r="C525" t="str">
            <v>Switzerland</v>
          </cell>
          <cell r="D525" t="str">
            <v>Item 20</v>
          </cell>
          <cell r="E525" t="str">
            <v>CD3</v>
          </cell>
          <cell r="F525" t="str">
            <v>Additional delays involved in case of collective dismissals</v>
          </cell>
          <cell r="G525">
            <v>2003</v>
          </cell>
          <cell r="I525" t="str">
            <v>30 days waiting period.</v>
          </cell>
          <cell r="J525">
            <v>29</v>
          </cell>
          <cell r="M525">
            <v>2</v>
          </cell>
        </row>
        <row r="526">
          <cell r="A526" t="str">
            <v>CHECD42003</v>
          </cell>
          <cell r="B526" t="str">
            <v>CHE</v>
          </cell>
          <cell r="C526" t="str">
            <v>Switzerland</v>
          </cell>
          <cell r="D526" t="str">
            <v>Item 21</v>
          </cell>
          <cell r="E526" t="str">
            <v>CD4</v>
          </cell>
          <cell r="F526" t="str">
            <v>Other special costs to employers in case of collective dismissals</v>
          </cell>
          <cell r="G526">
            <v>2003</v>
          </cell>
          <cell r="I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526">
            <v>1</v>
          </cell>
          <cell r="M526">
            <v>3</v>
          </cell>
        </row>
        <row r="527">
          <cell r="A527" t="str">
            <v>TURREG12003</v>
          </cell>
          <cell r="B527" t="str">
            <v>TUR</v>
          </cell>
          <cell r="C527" t="str">
            <v>Turkey</v>
          </cell>
          <cell r="D527" t="str">
            <v>Item 1</v>
          </cell>
          <cell r="E527" t="str">
            <v>REG1</v>
          </cell>
          <cell r="F527" t="str">
            <v>Notification procedures</v>
          </cell>
          <cell r="G527">
            <v>2003</v>
          </cell>
          <cell r="I527" t="str">
            <v>Written notice to employee and notification, within 15 days, to Ministry of Labour and regional public employment service.</v>
          </cell>
          <cell r="J527">
            <v>2</v>
          </cell>
          <cell r="M527">
            <v>4</v>
          </cell>
        </row>
        <row r="528">
          <cell r="A528" t="str">
            <v>TURREG22003</v>
          </cell>
          <cell r="B528" t="str">
            <v>TUR</v>
          </cell>
          <cell r="C528" t="str">
            <v>Turkey</v>
          </cell>
          <cell r="D528" t="str">
            <v>Item 2</v>
          </cell>
          <cell r="E528" t="str">
            <v>REG2</v>
          </cell>
          <cell r="F528" t="str">
            <v>Delay before notice can start</v>
          </cell>
          <cell r="G528">
            <v>2003</v>
          </cell>
          <cell r="I528" t="str">
            <v xml:space="preserve">Letter sent by mail or handed directly to employee. </v>
          </cell>
          <cell r="J528">
            <v>1</v>
          </cell>
          <cell r="M528">
            <v>0</v>
          </cell>
        </row>
        <row r="529">
          <cell r="A529" t="str">
            <v>TURREG32003</v>
          </cell>
          <cell r="B529" t="str">
            <v>TUR</v>
          </cell>
          <cell r="C529" t="str">
            <v>Turkey</v>
          </cell>
          <cell r="D529" t="str">
            <v>Item 3</v>
          </cell>
          <cell r="E529" t="str">
            <v>REG3A, REG3B, REG3C</v>
          </cell>
          <cell r="F529" t="str">
            <v>Notice / tenure</v>
          </cell>
          <cell r="G529">
            <v>2003</v>
          </cell>
          <cell r="I529" t="str">
            <v>All workers: 0&lt;1m, 2w&lt;6m, 4w&lt;18m, 6w&lt;3y, 8w&gt;3y (can be extended by collective agreements).
9 months tenure: 4 weeks, 4 years tenure: 8 weeks, 20 years tenure: 8 weeks.</v>
          </cell>
          <cell r="J529">
            <v>1</v>
          </cell>
          <cell r="K529">
            <v>2</v>
          </cell>
          <cell r="L529">
            <v>2</v>
          </cell>
          <cell r="M529">
            <v>3</v>
          </cell>
          <cell r="N529">
            <v>4</v>
          </cell>
          <cell r="O529">
            <v>1</v>
          </cell>
        </row>
        <row r="530">
          <cell r="A530" t="str">
            <v>TURREG42003</v>
          </cell>
          <cell r="B530" t="str">
            <v>TUR</v>
          </cell>
          <cell r="C530" t="str">
            <v>Turkey</v>
          </cell>
          <cell r="D530" t="str">
            <v>Item 4</v>
          </cell>
          <cell r="E530" t="str">
            <v>REG4A, REG4B, REG4C</v>
          </cell>
          <cell r="F530" t="str">
            <v>Severance pay / tenure</v>
          </cell>
          <cell r="G530">
            <v>2003</v>
          </cell>
          <cell r="I530" t="str">
            <v>All workers: After one year’s employment, one month for each year of service (can be extended by collective agreements).
9 months tenure: 0, 4 years tenure: 4 months, 20 years tenure: 20 months.</v>
          </cell>
          <cell r="J530">
            <v>0</v>
          </cell>
          <cell r="K530">
            <v>4</v>
          </cell>
          <cell r="L530">
            <v>20</v>
          </cell>
          <cell r="M530">
            <v>0</v>
          </cell>
          <cell r="N530">
            <v>6</v>
          </cell>
          <cell r="O530">
            <v>6</v>
          </cell>
        </row>
        <row r="531">
          <cell r="A531" t="str">
            <v>TURREG52003</v>
          </cell>
          <cell r="B531" t="str">
            <v>TUR</v>
          </cell>
          <cell r="C531" t="str">
            <v>Turkey</v>
          </cell>
          <cell r="D531" t="str">
            <v>Item 5</v>
          </cell>
          <cell r="E531" t="str">
            <v>REG5</v>
          </cell>
          <cell r="F531" t="str">
            <v>Definition of justified or unfair dismissal</v>
          </cell>
          <cell r="G531">
            <v>2003</v>
          </cell>
          <cell r="I531" t="str">
            <v xml:space="preserve">Unfair: Dismissals of shop stewards, and on grounds of trade union membership, strike activity, pregnancy and after occupational accidents. Dismissals based on discrimination by race, sex, etc. </v>
          </cell>
          <cell r="J531">
            <v>0</v>
          </cell>
          <cell r="M531">
            <v>0</v>
          </cell>
        </row>
        <row r="532">
          <cell r="A532" t="str">
            <v>TURREG62003</v>
          </cell>
          <cell r="B532" t="str">
            <v>TUR</v>
          </cell>
          <cell r="C532" t="str">
            <v>Turkey</v>
          </cell>
          <cell r="D532" t="str">
            <v>Item 6</v>
          </cell>
          <cell r="E532" t="str">
            <v>REG6</v>
          </cell>
          <cell r="F532" t="str">
            <v>Trial period</v>
          </cell>
          <cell r="G532">
            <v>2003</v>
          </cell>
          <cell r="I532" t="str">
            <v>All workers: Maximum 2 months, can be extended by collective agreements to 4 months.</v>
          </cell>
          <cell r="J532">
            <v>3</v>
          </cell>
          <cell r="M532">
            <v>4</v>
          </cell>
        </row>
        <row r="533">
          <cell r="A533" t="str">
            <v>TURREG72003</v>
          </cell>
          <cell r="B533" t="str">
            <v>TUR</v>
          </cell>
          <cell r="C533" t="str">
            <v>Turkey</v>
          </cell>
          <cell r="D533" t="str">
            <v>Item 7</v>
          </cell>
          <cell r="E533" t="str">
            <v>REG7</v>
          </cell>
          <cell r="F533" t="str">
            <v xml:space="preserve">Compensation following unfair dismissal </v>
          </cell>
          <cell r="G533">
            <v>2003</v>
          </cell>
          <cell r="I533" t="str">
            <v>Right to compensation of 4 months minimum and 8 months maximum, plus regular severance pay (and additional indemnity of up to 4 months for the period of time between notice of termination and court ruling).
Typical compensation at 20 years tenure: 26 months</v>
          </cell>
          <cell r="J533">
            <v>26</v>
          </cell>
          <cell r="M533">
            <v>5</v>
          </cell>
        </row>
        <row r="534">
          <cell r="A534" t="str">
            <v>TURREG82003</v>
          </cell>
          <cell r="B534" t="str">
            <v>TUR</v>
          </cell>
          <cell r="C534" t="str">
            <v>Turkey</v>
          </cell>
          <cell r="D534" t="str">
            <v>Item 8</v>
          </cell>
          <cell r="E534" t="str">
            <v>REG8</v>
          </cell>
          <cell r="F534" t="str">
            <v>Possibility of reinstatement following unfair dismissal</v>
          </cell>
          <cell r="G534">
            <v>2003</v>
          </cell>
          <cell r="I534" t="str">
            <v>The employer has to reinstate the employee concerned within the month following the court decision, otherwise he has to pay compensation.</v>
          </cell>
          <cell r="J534">
            <v>0</v>
          </cell>
          <cell r="M534">
            <v>0</v>
          </cell>
        </row>
        <row r="535">
          <cell r="A535" t="str">
            <v>TURREG92003</v>
          </cell>
          <cell r="B535" t="str">
            <v>TUR</v>
          </cell>
          <cell r="C535" t="str">
            <v>Turkey</v>
          </cell>
          <cell r="D535" t="str">
            <v>Item 9</v>
          </cell>
          <cell r="E535" t="str">
            <v>REG9</v>
          </cell>
          <cell r="F535" t="str">
            <v>Maximum time for claim</v>
          </cell>
          <cell r="G535">
            <v>2003</v>
          </cell>
        </row>
        <row r="536">
          <cell r="A536" t="str">
            <v>TURFTC12003</v>
          </cell>
          <cell r="B536" t="str">
            <v>TUR</v>
          </cell>
          <cell r="C536" t="str">
            <v>Turkey</v>
          </cell>
          <cell r="D536" t="str">
            <v>Item 10</v>
          </cell>
          <cell r="E536" t="str">
            <v>FTC1</v>
          </cell>
          <cell r="F536" t="str">
            <v>Valid cases for use of fixed-term contracts, other than  “objective”  or “material” situation</v>
          </cell>
          <cell r="G536">
            <v>2003</v>
          </cell>
          <cell r="I536" t="str">
            <v>Restricted to “objective situations”, particularly seasonal and agricultural work.</v>
          </cell>
          <cell r="J536">
            <v>0</v>
          </cell>
          <cell r="M536">
            <v>6</v>
          </cell>
        </row>
        <row r="537">
          <cell r="A537" t="str">
            <v>TURFTC22003</v>
          </cell>
          <cell r="B537" t="str">
            <v>TUR</v>
          </cell>
          <cell r="C537" t="str">
            <v>Turkey</v>
          </cell>
          <cell r="D537" t="str">
            <v>Item 11</v>
          </cell>
          <cell r="E537" t="str">
            <v>FTC2</v>
          </cell>
          <cell r="F537" t="str">
            <v>Maximum number of successive fixed-term contracts</v>
          </cell>
          <cell r="G537">
            <v>2003</v>
          </cell>
          <cell r="I537" t="str">
            <v>Estimated 1.5 Fixed-term contracts cannot be successively renewed without serious reason, otherwise the renewal will alter the fixed-term contract into a contract of indefinite time.
In case of valuable reasons for renewal, no limit specified.</v>
          </cell>
          <cell r="J537">
            <v>1.5</v>
          </cell>
          <cell r="M537">
            <v>5</v>
          </cell>
        </row>
        <row r="538">
          <cell r="A538" t="str">
            <v>TURFTC32003</v>
          </cell>
          <cell r="B538" t="str">
            <v>TUR</v>
          </cell>
          <cell r="C538" t="str">
            <v>Turkey</v>
          </cell>
          <cell r="D538" t="str">
            <v>Item 12</v>
          </cell>
          <cell r="E538" t="str">
            <v>FTC3</v>
          </cell>
          <cell r="F538" t="str">
            <v>Maximum cumulated duration of successive fixed-term contracts</v>
          </cell>
          <cell r="G538">
            <v>2003</v>
          </cell>
          <cell r="I538" t="str">
            <v>No limit specified.</v>
          </cell>
          <cell r="J538">
            <v>200</v>
          </cell>
          <cell r="M538">
            <v>0</v>
          </cell>
        </row>
        <row r="539">
          <cell r="A539" t="str">
            <v>TURTWA12003</v>
          </cell>
          <cell r="B539" t="str">
            <v>TUR</v>
          </cell>
          <cell r="C539" t="str">
            <v>Turkey</v>
          </cell>
          <cell r="D539" t="str">
            <v>Item 13</v>
          </cell>
          <cell r="E539" t="str">
            <v>TWA1</v>
          </cell>
          <cell r="F539" t="str">
            <v>Types of work for which TWA employment is legal</v>
          </cell>
          <cell r="G539">
            <v>2003</v>
          </cell>
          <cell r="I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539">
            <v>0</v>
          </cell>
          <cell r="M539">
            <v>6</v>
          </cell>
        </row>
        <row r="540">
          <cell r="A540" t="str">
            <v>TURTWA22003</v>
          </cell>
          <cell r="B540" t="str">
            <v>TUR</v>
          </cell>
          <cell r="C540" t="str">
            <v>Turkey</v>
          </cell>
          <cell r="D540" t="str">
            <v>Item 14</v>
          </cell>
          <cell r="E540" t="str">
            <v>TWA2A, TWA2B</v>
          </cell>
          <cell r="F540" t="str">
            <v>Are there any restrictions on the number of renewals of a TWA contract?</v>
          </cell>
          <cell r="G540">
            <v>2003</v>
          </cell>
          <cell r="I540" t="str">
            <v>Not applicable</v>
          </cell>
          <cell r="J540" t="str">
            <v>-</v>
          </cell>
          <cell r="K540" t="str">
            <v>-</v>
          </cell>
          <cell r="M540">
            <v>4</v>
          </cell>
          <cell r="N540">
            <v>4</v>
          </cell>
        </row>
        <row r="541">
          <cell r="A541" t="str">
            <v>TURTWA32003</v>
          </cell>
          <cell r="B541" t="str">
            <v>TUR</v>
          </cell>
          <cell r="C541" t="str">
            <v>Turkey</v>
          </cell>
          <cell r="D541" t="str">
            <v>Item 15</v>
          </cell>
          <cell r="E541" t="str">
            <v>TWA3A, TWA3B</v>
          </cell>
          <cell r="F541" t="str">
            <v>Maximum cumulated duration of temporary work contracts</v>
          </cell>
          <cell r="G541">
            <v>2003</v>
          </cell>
          <cell r="I541" t="str">
            <v>Not applicable</v>
          </cell>
          <cell r="J541">
            <v>0</v>
          </cell>
          <cell r="K541">
            <v>0</v>
          </cell>
          <cell r="M541">
            <v>6</v>
          </cell>
          <cell r="N541">
            <v>6</v>
          </cell>
        </row>
        <row r="542">
          <cell r="A542" t="str">
            <v>TURTWA42003</v>
          </cell>
          <cell r="B542" t="str">
            <v>TUR</v>
          </cell>
          <cell r="C542" t="str">
            <v>Turkey</v>
          </cell>
          <cell r="D542" t="str">
            <v>Item 16</v>
          </cell>
          <cell r="E542" t="str">
            <v>TWA4</v>
          </cell>
          <cell r="F542" t="str">
            <v>Authorisation and reporting obligations</v>
          </cell>
          <cell r="G542">
            <v>2003</v>
          </cell>
        </row>
        <row r="543">
          <cell r="A543" t="str">
            <v>TURTWA52003</v>
          </cell>
          <cell r="B543" t="str">
            <v>TUR</v>
          </cell>
          <cell r="C543" t="str">
            <v>Turkey</v>
          </cell>
          <cell r="D543" t="str">
            <v>Item 17</v>
          </cell>
          <cell r="E543" t="str">
            <v>TWA5</v>
          </cell>
          <cell r="F543" t="str">
            <v>Equal treatment for TWA workers</v>
          </cell>
          <cell r="G543">
            <v>2003</v>
          </cell>
        </row>
        <row r="544">
          <cell r="A544" t="str">
            <v>TURCD12003</v>
          </cell>
          <cell r="B544" t="str">
            <v>TUR</v>
          </cell>
          <cell r="C544" t="str">
            <v>Turkey</v>
          </cell>
          <cell r="D544" t="str">
            <v>Item 18</v>
          </cell>
          <cell r="E544" t="str">
            <v>CD1</v>
          </cell>
          <cell r="F544" t="str">
            <v>Definition of collective dismissal</v>
          </cell>
          <cell r="G544">
            <v>2003</v>
          </cell>
          <cell r="I544" t="str">
            <v>Within one month, 10 workers in firms with 20-100 employees, 20 workers in firms with 101-300, 30 workers in firms with 300+ employees.</v>
          </cell>
          <cell r="J544">
            <v>3</v>
          </cell>
          <cell r="M544">
            <v>4.5</v>
          </cell>
        </row>
        <row r="545">
          <cell r="A545" t="str">
            <v>TURCD22003</v>
          </cell>
          <cell r="B545" t="str">
            <v>TUR</v>
          </cell>
          <cell r="C545" t="str">
            <v>Turkey</v>
          </cell>
          <cell r="D545" t="str">
            <v>Item 19</v>
          </cell>
          <cell r="E545" t="str">
            <v>CD2</v>
          </cell>
          <cell r="F545" t="str">
            <v>Additional notification requirements in case of collective dismissals</v>
          </cell>
          <cell r="G545">
            <v>2003</v>
          </cell>
          <cell r="I545" t="str">
            <v xml:space="preserve">Notification of employee representatives: Not legally regulated.
Notification of public authorities: Duty to notify regional employment office of number and categories of employees to be dismissed, reasons and periods planned for dismissals.
</v>
          </cell>
          <cell r="J545">
            <v>0</v>
          </cell>
          <cell r="M545">
            <v>0</v>
          </cell>
          <cell r="P545" t="str">
            <v>to change</v>
          </cell>
        </row>
        <row r="546">
          <cell r="A546" t="str">
            <v>TURCD32003</v>
          </cell>
          <cell r="B546" t="str">
            <v>TUR</v>
          </cell>
          <cell r="C546" t="str">
            <v>Turkey</v>
          </cell>
          <cell r="D546" t="str">
            <v>Item 20</v>
          </cell>
          <cell r="E546" t="str">
            <v>CD3</v>
          </cell>
          <cell r="F546" t="str">
            <v>Additional delays involved in case of collective dismissals</v>
          </cell>
          <cell r="G546">
            <v>2003</v>
          </cell>
          <cell r="I546" t="str">
            <v>1 month waiting period starting from the notification to public authorities.</v>
          </cell>
          <cell r="J546">
            <v>29</v>
          </cell>
          <cell r="M546">
            <v>2</v>
          </cell>
        </row>
        <row r="547">
          <cell r="A547" t="str">
            <v>TURCD42003</v>
          </cell>
          <cell r="B547" t="str">
            <v>TUR</v>
          </cell>
          <cell r="C547" t="str">
            <v>Turkey</v>
          </cell>
          <cell r="D547" t="str">
            <v>Item 21</v>
          </cell>
          <cell r="E547" t="str">
            <v>CD4</v>
          </cell>
          <cell r="F547" t="str">
            <v>Other special costs to employers in case of collective dismissals</v>
          </cell>
          <cell r="G547">
            <v>2003</v>
          </cell>
          <cell r="I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J547">
            <v>1</v>
          </cell>
          <cell r="M547">
            <v>3</v>
          </cell>
        </row>
        <row r="548">
          <cell r="A548" t="str">
            <v>GBRREG12003</v>
          </cell>
          <cell r="B548" t="str">
            <v>GBR</v>
          </cell>
          <cell r="C548" t="str">
            <v>United Kingdom</v>
          </cell>
          <cell r="D548" t="str">
            <v>Item 1</v>
          </cell>
          <cell r="E548" t="str">
            <v>REG1</v>
          </cell>
          <cell r="F548" t="str">
            <v>Notification procedures</v>
          </cell>
          <cell r="G548">
            <v>2003</v>
          </cell>
          <cell r="I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J548">
            <v>1</v>
          </cell>
          <cell r="M548">
            <v>2</v>
          </cell>
        </row>
        <row r="549">
          <cell r="A549" t="str">
            <v>GBRREG22003</v>
          </cell>
          <cell r="B549" t="str">
            <v>GBR</v>
          </cell>
          <cell r="C549" t="str">
            <v>United Kingdom</v>
          </cell>
          <cell r="D549" t="str">
            <v>Item 2</v>
          </cell>
          <cell r="E549" t="str">
            <v>REG2</v>
          </cell>
          <cell r="F549" t="str">
            <v>Delay before notice can start</v>
          </cell>
          <cell r="G549">
            <v>2003</v>
          </cell>
          <cell r="I549" t="str">
            <v>Individual termination: Written or oral notification.
Collective redundancy: “Reasonable notice” that redundancy is being considered.</v>
          </cell>
          <cell r="J549">
            <v>1</v>
          </cell>
          <cell r="M549">
            <v>0</v>
          </cell>
        </row>
        <row r="550">
          <cell r="A550" t="str">
            <v>GBRREG32003</v>
          </cell>
          <cell r="B550" t="str">
            <v>GBR</v>
          </cell>
          <cell r="C550" t="str">
            <v>United Kingdom</v>
          </cell>
          <cell r="D550" t="str">
            <v>Item 3</v>
          </cell>
          <cell r="E550" t="str">
            <v>REG3A, REG3B, REG3C</v>
          </cell>
          <cell r="F550" t="str">
            <v>Notice / tenure</v>
          </cell>
          <cell r="G550">
            <v>2003</v>
          </cell>
          <cell r="I550" t="str">
            <v>All workers: 0&lt;1m, 1w&lt;2y, plus one additional week of notice per year of service up to a maximum of 12 weeks.
9 months tenure: 1 week, 4 years tenure: 4 weeks, 20 years tenure: 12 weeks.</v>
          </cell>
          <cell r="J550">
            <v>0.25</v>
          </cell>
          <cell r="K550">
            <v>1</v>
          </cell>
          <cell r="L550">
            <v>3</v>
          </cell>
          <cell r="M550">
            <v>1</v>
          </cell>
          <cell r="N550">
            <v>2</v>
          </cell>
          <cell r="O550">
            <v>2</v>
          </cell>
        </row>
        <row r="551">
          <cell r="A551" t="str">
            <v>GBRREG42003</v>
          </cell>
          <cell r="B551" t="str">
            <v>GBR</v>
          </cell>
          <cell r="C551" t="str">
            <v>United Kingdom</v>
          </cell>
          <cell r="D551" t="str">
            <v>Item 4</v>
          </cell>
          <cell r="E551" t="str">
            <v>REG4A, REG4B, REG4C</v>
          </cell>
          <cell r="F551" t="str">
            <v>Severance pay / tenure</v>
          </cell>
          <cell r="G551">
            <v>2003</v>
          </cell>
          <cell r="I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J551">
            <v>0</v>
          </cell>
          <cell r="K551">
            <v>0.5</v>
          </cell>
          <cell r="L551">
            <v>2.5</v>
          </cell>
          <cell r="M551">
            <v>0</v>
          </cell>
          <cell r="N551">
            <v>1</v>
          </cell>
          <cell r="O551">
            <v>1</v>
          </cell>
        </row>
        <row r="552">
          <cell r="A552" t="str">
            <v>GBRREG52003</v>
          </cell>
          <cell r="B552" t="str">
            <v>GBR</v>
          </cell>
          <cell r="C552" t="str">
            <v>United Kingdom</v>
          </cell>
          <cell r="D552" t="str">
            <v>Item 5</v>
          </cell>
          <cell r="E552" t="str">
            <v>REG5</v>
          </cell>
          <cell r="F552" t="str">
            <v>Definition of justified or unfair dismissal</v>
          </cell>
          <cell r="G552">
            <v>2003</v>
          </cell>
          <cell r="I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552">
            <v>0</v>
          </cell>
          <cell r="M552">
            <v>0</v>
          </cell>
        </row>
        <row r="553">
          <cell r="A553" t="str">
            <v>GBRREG62003</v>
          </cell>
          <cell r="B553" t="str">
            <v>GBR</v>
          </cell>
          <cell r="C553" t="str">
            <v>United Kingdom</v>
          </cell>
          <cell r="D553" t="str">
            <v>Item 6</v>
          </cell>
          <cell r="E553" t="str">
            <v>REG6</v>
          </cell>
          <cell r="F553" t="str">
            <v>Trial period</v>
          </cell>
          <cell r="G553">
            <v>2003</v>
          </cell>
          <cell r="I553" t="str">
            <v>Trial periods are for agreement between employer and employee, but do not affect the employee’s statutory employment rights. Claims under unfair dismissal legislation are not normally possible until 1 year’s service has been completed.</v>
          </cell>
          <cell r="J553">
            <v>12</v>
          </cell>
          <cell r="M553">
            <v>2</v>
          </cell>
        </row>
        <row r="554">
          <cell r="A554" t="str">
            <v>GBRREG72003</v>
          </cell>
          <cell r="B554" t="str">
            <v>GBR</v>
          </cell>
          <cell r="C554" t="str">
            <v>United Kingdom</v>
          </cell>
          <cell r="D554" t="str">
            <v>Item 7</v>
          </cell>
          <cell r="E554" t="str">
            <v>REG7</v>
          </cell>
          <cell r="F554" t="str">
            <v xml:space="preserve">Compensation following unfair dismissal </v>
          </cell>
          <cell r="G554">
            <v>2003</v>
          </cell>
          <cell r="I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J554">
            <v>8</v>
          </cell>
          <cell r="M554">
            <v>1</v>
          </cell>
        </row>
        <row r="555">
          <cell r="A555" t="str">
            <v>GBRREG82003</v>
          </cell>
          <cell r="B555" t="str">
            <v>GBR</v>
          </cell>
          <cell r="C555" t="str">
            <v>United Kingdom</v>
          </cell>
          <cell r="D555" t="str">
            <v>Item 8</v>
          </cell>
          <cell r="E555" t="str">
            <v>REG8</v>
          </cell>
          <cell r="F555" t="str">
            <v>Possibility of reinstatement following unfair dismissal</v>
          </cell>
          <cell r="G555">
            <v>2003</v>
          </cell>
          <cell r="I555" t="str">
            <v> Employers are not obliged to reinstate but if a tribunal orders reinstatement or re-engagement in a comparable job and the employer refuses to comply, the tribunal may make an additional award on top of the basic and compensatory awards.</v>
          </cell>
          <cell r="J555">
            <v>1</v>
          </cell>
          <cell r="M555">
            <v>2</v>
          </cell>
        </row>
        <row r="556">
          <cell r="A556" t="str">
            <v>GBRREG92003</v>
          </cell>
          <cell r="B556" t="str">
            <v>GBR</v>
          </cell>
          <cell r="C556" t="str">
            <v>United Kingdom</v>
          </cell>
          <cell r="D556" t="str">
            <v>Item 9</v>
          </cell>
          <cell r="E556" t="str">
            <v>REG9</v>
          </cell>
          <cell r="F556" t="str">
            <v>Maximum time for claim</v>
          </cell>
          <cell r="G556">
            <v>2003</v>
          </cell>
        </row>
        <row r="557">
          <cell r="A557" t="str">
            <v>GBRFTC12003</v>
          </cell>
          <cell r="B557" t="str">
            <v>GBR</v>
          </cell>
          <cell r="C557" t="str">
            <v>United Kingdom</v>
          </cell>
          <cell r="D557" t="str">
            <v>Item 10</v>
          </cell>
          <cell r="E557" t="str">
            <v>FTC1</v>
          </cell>
          <cell r="F557" t="str">
            <v>Valid cases for use of fixed-term contracts, other than  “objective”  or “material” situation</v>
          </cell>
          <cell r="G557">
            <v>2003</v>
          </cell>
          <cell r="I557" t="str">
            <v> No restrictions.</v>
          </cell>
          <cell r="J557">
            <v>3</v>
          </cell>
          <cell r="M557">
            <v>0</v>
          </cell>
        </row>
        <row r="558">
          <cell r="A558" t="str">
            <v>GBRFTC22003</v>
          </cell>
          <cell r="B558" t="str">
            <v>GBR</v>
          </cell>
          <cell r="C558" t="str">
            <v>United Kingdom</v>
          </cell>
          <cell r="D558" t="str">
            <v>Item 11</v>
          </cell>
          <cell r="E558" t="str">
            <v>FTC2</v>
          </cell>
          <cell r="F558" t="str">
            <v>Maximum number of successive fixed-term contracts</v>
          </cell>
          <cell r="G558">
            <v>2003</v>
          </cell>
          <cell r="I558" t="str">
            <v> No limit</v>
          </cell>
          <cell r="J558">
            <v>100</v>
          </cell>
          <cell r="M558">
            <v>0</v>
          </cell>
        </row>
        <row r="559">
          <cell r="A559" t="str">
            <v>GBRFTC32003</v>
          </cell>
          <cell r="B559" t="str">
            <v>GBR</v>
          </cell>
          <cell r="C559" t="str">
            <v>United Kingdom</v>
          </cell>
          <cell r="D559" t="str">
            <v>Item 12</v>
          </cell>
          <cell r="E559" t="str">
            <v>FTC3</v>
          </cell>
          <cell r="F559" t="str">
            <v>Maximum cumulated duration of successive fixed-term contracts</v>
          </cell>
          <cell r="G559">
            <v>2003</v>
          </cell>
          <cell r="I559" t="str">
            <v> 4 years, after which will be treated as a permanent employee.</v>
          </cell>
          <cell r="J559">
            <v>48</v>
          </cell>
          <cell r="M559">
            <v>1</v>
          </cell>
        </row>
        <row r="560">
          <cell r="A560" t="str">
            <v>GBRTWA12003</v>
          </cell>
          <cell r="B560" t="str">
            <v>GBR</v>
          </cell>
          <cell r="C560" t="str">
            <v>United Kingdom</v>
          </cell>
          <cell r="D560" t="str">
            <v>Item 13</v>
          </cell>
          <cell r="E560" t="str">
            <v>TWA1</v>
          </cell>
          <cell r="F560" t="str">
            <v>Types of work for which TWA employment is legal</v>
          </cell>
          <cell r="G560">
            <v>2003</v>
          </cell>
          <cell r="I560" t="str">
            <v> General</v>
          </cell>
          <cell r="J560">
            <v>4</v>
          </cell>
          <cell r="M560">
            <v>0</v>
          </cell>
        </row>
        <row r="561">
          <cell r="A561" t="str">
            <v>GBRTWA22003</v>
          </cell>
          <cell r="B561" t="str">
            <v>GBR</v>
          </cell>
          <cell r="C561" t="str">
            <v>United Kingdom</v>
          </cell>
          <cell r="D561" t="str">
            <v>Item 14</v>
          </cell>
          <cell r="E561" t="str">
            <v>TWA2A, TWA2B</v>
          </cell>
          <cell r="F561" t="str">
            <v>Are there any restrictions on the number of renewals of a TWA contract?</v>
          </cell>
          <cell r="G561">
            <v>2003</v>
          </cell>
          <cell r="I561" t="str">
            <v> No</v>
          </cell>
          <cell r="J561" t="str">
            <v>No</v>
          </cell>
          <cell r="K561" t="str">
            <v>No</v>
          </cell>
          <cell r="M561">
            <v>2</v>
          </cell>
          <cell r="N561">
            <v>2</v>
          </cell>
        </row>
        <row r="562">
          <cell r="A562" t="str">
            <v>GBRTWA32003</v>
          </cell>
          <cell r="B562" t="str">
            <v>GBR</v>
          </cell>
          <cell r="C562" t="str">
            <v>United Kingdom</v>
          </cell>
          <cell r="D562" t="str">
            <v>Item 15</v>
          </cell>
          <cell r="E562" t="str">
            <v>TWA3A, TWA3B</v>
          </cell>
          <cell r="F562" t="str">
            <v>Maximum cumulated duration of temporary work contracts</v>
          </cell>
          <cell r="G562">
            <v>2003</v>
          </cell>
          <cell r="I562" t="str">
            <v> No limit</v>
          </cell>
          <cell r="J562">
            <v>100</v>
          </cell>
          <cell r="K562">
            <v>100</v>
          </cell>
          <cell r="M562">
            <v>0</v>
          </cell>
          <cell r="N562">
            <v>0</v>
          </cell>
        </row>
        <row r="563">
          <cell r="A563" t="str">
            <v>GBRTWA42003</v>
          </cell>
          <cell r="B563" t="str">
            <v>GBR</v>
          </cell>
          <cell r="C563" t="str">
            <v>United Kingdom</v>
          </cell>
          <cell r="D563" t="str">
            <v>Item 16</v>
          </cell>
          <cell r="E563" t="str">
            <v>TWA4</v>
          </cell>
          <cell r="F563" t="str">
            <v>Authorisation and reporting obligations</v>
          </cell>
          <cell r="G563">
            <v>2003</v>
          </cell>
        </row>
        <row r="564">
          <cell r="A564" t="str">
            <v>GBRTWA52003</v>
          </cell>
          <cell r="B564" t="str">
            <v>GBR</v>
          </cell>
          <cell r="C564" t="str">
            <v>United Kingdom</v>
          </cell>
          <cell r="D564" t="str">
            <v>Item 17</v>
          </cell>
          <cell r="E564" t="str">
            <v>TWA5</v>
          </cell>
          <cell r="F564" t="str">
            <v>Equal treatment for TWA workers</v>
          </cell>
          <cell r="G564">
            <v>2003</v>
          </cell>
        </row>
        <row r="565">
          <cell r="A565" t="str">
            <v>GBRCD12003</v>
          </cell>
          <cell r="B565" t="str">
            <v>GBR</v>
          </cell>
          <cell r="C565" t="str">
            <v>United Kingdom</v>
          </cell>
          <cell r="D565" t="str">
            <v>Item 18</v>
          </cell>
          <cell r="E565" t="str">
            <v>CD1</v>
          </cell>
          <cell r="F565" t="str">
            <v>Definition of collective dismissal</v>
          </cell>
          <cell r="G565">
            <v>2003</v>
          </cell>
          <cell r="I565" t="str">
            <v> Within 90 days, 20+ employees.</v>
          </cell>
          <cell r="J565">
            <v>2</v>
          </cell>
          <cell r="M565">
            <v>3</v>
          </cell>
        </row>
        <row r="566">
          <cell r="A566" t="str">
            <v>GBRCD22003</v>
          </cell>
          <cell r="B566" t="str">
            <v>GBR</v>
          </cell>
          <cell r="C566" t="str">
            <v>United Kingdom</v>
          </cell>
          <cell r="D566" t="str">
            <v>Item 19</v>
          </cell>
          <cell r="E566" t="str">
            <v>CD2</v>
          </cell>
          <cell r="F566" t="str">
            <v>Additional notification requirements in case of collective dismissals</v>
          </cell>
          <cell r="G566">
            <v>2003</v>
          </cell>
          <cell r="I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J566">
            <v>1.5</v>
          </cell>
          <cell r="M566">
            <v>4.5</v>
          </cell>
        </row>
        <row r="567">
          <cell r="A567" t="str">
            <v>GBRCD32003</v>
          </cell>
          <cell r="B567" t="str">
            <v>GBR</v>
          </cell>
          <cell r="C567" t="str">
            <v>United Kingdom</v>
          </cell>
          <cell r="D567" t="str">
            <v>Item 20</v>
          </cell>
          <cell r="E567" t="str">
            <v>CD3</v>
          </cell>
          <cell r="F567" t="str">
            <v>Additional delays involved in case of collective dismissals</v>
          </cell>
          <cell r="G567">
            <v>2003</v>
          </cell>
          <cell r="I567" t="str">
            <v>Dismissals may not take effect until 30 days after notifying DTI if 20-99 workers are involved, and 90 days when 100+ workers are involved. (60-3 for individual redundancy)</v>
          </cell>
          <cell r="J567">
            <v>60</v>
          </cell>
          <cell r="M567">
            <v>4</v>
          </cell>
        </row>
        <row r="568">
          <cell r="A568" t="str">
            <v>GBRCD42003</v>
          </cell>
          <cell r="B568" t="str">
            <v>GBR</v>
          </cell>
          <cell r="C568" t="str">
            <v>United Kingdom</v>
          </cell>
          <cell r="D568" t="str">
            <v>Item 21</v>
          </cell>
          <cell r="E568" t="str">
            <v>CD4</v>
          </cell>
          <cell r="F568" t="str">
            <v>Other special costs to employers in case of collective dismissals</v>
          </cell>
          <cell r="G568">
            <v>2003</v>
          </cell>
          <cell r="I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J568">
            <v>0</v>
          </cell>
          <cell r="M568">
            <v>0</v>
          </cell>
        </row>
        <row r="569">
          <cell r="A569" t="str">
            <v>USAREG12003</v>
          </cell>
          <cell r="B569" t="str">
            <v>USA</v>
          </cell>
          <cell r="C569" t="str">
            <v>United States</v>
          </cell>
          <cell r="D569" t="str">
            <v>Item 1</v>
          </cell>
          <cell r="E569" t="str">
            <v>REG1</v>
          </cell>
          <cell r="F569" t="str">
            <v>Notification procedures</v>
          </cell>
          <cell r="G569">
            <v>2003</v>
          </cell>
          <cell r="I569" t="str">
            <v>No prescribed procedures.  Only a few States prescribe a “service letter” a certain period after dismissal, noting the reasons for termination.</v>
          </cell>
          <cell r="J569">
            <v>0</v>
          </cell>
          <cell r="M569">
            <v>0</v>
          </cell>
        </row>
        <row r="570">
          <cell r="A570" t="str">
            <v>USAREG22003</v>
          </cell>
          <cell r="B570" t="str">
            <v>USA</v>
          </cell>
          <cell r="C570" t="str">
            <v>United States</v>
          </cell>
          <cell r="D570" t="str">
            <v>Item 2</v>
          </cell>
          <cell r="E570" t="str">
            <v>REG2</v>
          </cell>
          <cell r="F570" t="str">
            <v>Delay before notice can start</v>
          </cell>
          <cell r="G570">
            <v>2003</v>
          </cell>
          <cell r="I570" t="str">
            <v>Written or oral notification.</v>
          </cell>
          <cell r="J570">
            <v>1</v>
          </cell>
          <cell r="M570">
            <v>0</v>
          </cell>
        </row>
        <row r="571">
          <cell r="A571" t="str">
            <v>USAREG32003</v>
          </cell>
          <cell r="B571" t="str">
            <v>USA</v>
          </cell>
          <cell r="C571" t="str">
            <v>United States</v>
          </cell>
          <cell r="D571" t="str">
            <v>Item 3</v>
          </cell>
          <cell r="E571" t="str">
            <v>REG3A, REG3B, REG3C</v>
          </cell>
          <cell r="F571" t="str">
            <v>Notice / tenure</v>
          </cell>
          <cell r="G571">
            <v>2003</v>
          </cell>
          <cell r="I571" t="str">
            <v>All workers: No legal regulations (but can be regulated in collective agreements or company policy manuals).</v>
          </cell>
          <cell r="J571">
            <v>0</v>
          </cell>
          <cell r="K571">
            <v>0</v>
          </cell>
          <cell r="L571">
            <v>0</v>
          </cell>
          <cell r="M571">
            <v>0</v>
          </cell>
          <cell r="N571">
            <v>0</v>
          </cell>
          <cell r="O571">
            <v>0</v>
          </cell>
        </row>
        <row r="572">
          <cell r="A572" t="str">
            <v>USAREG42003</v>
          </cell>
          <cell r="B572" t="str">
            <v>USA</v>
          </cell>
          <cell r="C572" t="str">
            <v>United States</v>
          </cell>
          <cell r="D572" t="str">
            <v>Item 4</v>
          </cell>
          <cell r="E572" t="str">
            <v>REG4A, REG4B, REG4C</v>
          </cell>
          <cell r="F572" t="str">
            <v>Severance pay / tenure</v>
          </cell>
          <cell r="G572">
            <v>2003</v>
          </cell>
          <cell r="I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J572">
            <v>0</v>
          </cell>
          <cell r="K572">
            <v>0</v>
          </cell>
          <cell r="L572">
            <v>0</v>
          </cell>
          <cell r="M572">
            <v>0</v>
          </cell>
          <cell r="N572">
            <v>0</v>
          </cell>
          <cell r="O572">
            <v>0</v>
          </cell>
        </row>
        <row r="573">
          <cell r="A573" t="str">
            <v>USAREG52003</v>
          </cell>
          <cell r="B573" t="str">
            <v>USA</v>
          </cell>
          <cell r="C573" t="str">
            <v>United States</v>
          </cell>
          <cell r="D573" t="str">
            <v>Item 5</v>
          </cell>
          <cell r="E573" t="str">
            <v>REG5</v>
          </cell>
          <cell r="F573" t="str">
            <v>Definition of justified or unfair dismissal</v>
          </cell>
          <cell r="G573">
            <v>2003</v>
          </cell>
          <cell r="I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J573">
            <v>0</v>
          </cell>
          <cell r="M573">
            <v>0</v>
          </cell>
        </row>
        <row r="574">
          <cell r="A574" t="str">
            <v>USAREG62003</v>
          </cell>
          <cell r="B574" t="str">
            <v>USA</v>
          </cell>
          <cell r="C574" t="str">
            <v>United States</v>
          </cell>
          <cell r="D574" t="str">
            <v>Item 6</v>
          </cell>
          <cell r="E574" t="str">
            <v>REG6</v>
          </cell>
          <cell r="F574" t="str">
            <v>Trial period</v>
          </cell>
          <cell r="G574">
            <v>2003</v>
          </cell>
          <cell r="I574" t="str">
            <v>Wide range</v>
          </cell>
          <cell r="J574" t="str">
            <v>..</v>
          </cell>
          <cell r="M574" t="e">
            <v>#N/A</v>
          </cell>
        </row>
        <row r="575">
          <cell r="A575" t="str">
            <v>USAREG72003</v>
          </cell>
          <cell r="B575" t="str">
            <v>USA</v>
          </cell>
          <cell r="C575" t="str">
            <v>United States</v>
          </cell>
          <cell r="D575" t="str">
            <v>Item 7</v>
          </cell>
          <cell r="E575" t="str">
            <v>REG7</v>
          </cell>
          <cell r="F575" t="str">
            <v xml:space="preserve">Compensation following unfair dismissal </v>
          </cell>
          <cell r="G575">
            <v>2003</v>
          </cell>
          <cell r="I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J575" t="str">
            <v>..</v>
          </cell>
          <cell r="M575" t="e">
            <v>#N/A</v>
          </cell>
        </row>
        <row r="576">
          <cell r="A576" t="str">
            <v>USAREG82003</v>
          </cell>
          <cell r="B576" t="str">
            <v>USA</v>
          </cell>
          <cell r="C576" t="str">
            <v>United States</v>
          </cell>
          <cell r="D576" t="str">
            <v>Item 8</v>
          </cell>
          <cell r="E576" t="str">
            <v>REG8</v>
          </cell>
          <cell r="F576" t="str">
            <v>Possibility of reinstatement following unfair dismissal</v>
          </cell>
          <cell r="G576">
            <v>2003</v>
          </cell>
          <cell r="I576" t="str">
            <v>Reinstatement often ordered where worker has been discharged in violation of laws such as the National Labor Relations Act or the Equal Rights Act. But in general, the option of  reinstatement is almost never made available to the employee.</v>
          </cell>
          <cell r="J576">
            <v>0.5</v>
          </cell>
          <cell r="M576">
            <v>1</v>
          </cell>
        </row>
        <row r="577">
          <cell r="A577" t="str">
            <v>USAREG92003</v>
          </cell>
          <cell r="B577" t="str">
            <v>USA</v>
          </cell>
          <cell r="C577" t="str">
            <v>United States</v>
          </cell>
          <cell r="D577" t="str">
            <v>Item 9</v>
          </cell>
          <cell r="E577" t="str">
            <v>REG9</v>
          </cell>
          <cell r="F577" t="str">
            <v>Maximum time for claim</v>
          </cell>
          <cell r="G577">
            <v>2003</v>
          </cell>
        </row>
        <row r="578">
          <cell r="A578" t="str">
            <v>USAFTC12003</v>
          </cell>
          <cell r="B578" t="str">
            <v>USA</v>
          </cell>
          <cell r="C578" t="str">
            <v>United States</v>
          </cell>
          <cell r="D578" t="str">
            <v>Item 10</v>
          </cell>
          <cell r="E578" t="str">
            <v>FTC1</v>
          </cell>
          <cell r="F578" t="str">
            <v>Valid cases for use of fixed-term contracts, other than  “objective”  or “material” situation</v>
          </cell>
          <cell r="G578">
            <v>2003</v>
          </cell>
          <cell r="I578" t="str">
            <v>No restrictions.</v>
          </cell>
          <cell r="J578">
            <v>3</v>
          </cell>
          <cell r="M578">
            <v>0</v>
          </cell>
        </row>
        <row r="579">
          <cell r="A579" t="str">
            <v>USAFTC22003</v>
          </cell>
          <cell r="B579" t="str">
            <v>USA</v>
          </cell>
          <cell r="C579" t="str">
            <v>United States</v>
          </cell>
          <cell r="D579" t="str">
            <v>Item 11</v>
          </cell>
          <cell r="E579" t="str">
            <v>FTC2</v>
          </cell>
          <cell r="F579" t="str">
            <v>Maximum number of successive fixed-term contracts</v>
          </cell>
          <cell r="G579">
            <v>2003</v>
          </cell>
          <cell r="I579" t="str">
            <v>No limit</v>
          </cell>
          <cell r="J579">
            <v>100</v>
          </cell>
          <cell r="M579">
            <v>0</v>
          </cell>
        </row>
        <row r="580">
          <cell r="A580" t="str">
            <v>USAFTC32003</v>
          </cell>
          <cell r="B580" t="str">
            <v>USA</v>
          </cell>
          <cell r="C580" t="str">
            <v>United States</v>
          </cell>
          <cell r="D580" t="str">
            <v>Item 12</v>
          </cell>
          <cell r="E580" t="str">
            <v>FTC3</v>
          </cell>
          <cell r="F580" t="str">
            <v>Maximum cumulated duration of successive fixed-term contracts</v>
          </cell>
          <cell r="G580">
            <v>2003</v>
          </cell>
          <cell r="I580" t="str">
            <v>No limit</v>
          </cell>
          <cell r="J580">
            <v>200</v>
          </cell>
          <cell r="M580">
            <v>0</v>
          </cell>
        </row>
        <row r="581">
          <cell r="A581" t="str">
            <v>USATWA12003</v>
          </cell>
          <cell r="B581" t="str">
            <v>USA</v>
          </cell>
          <cell r="C581" t="str">
            <v>United States</v>
          </cell>
          <cell r="D581" t="str">
            <v>Item 13</v>
          </cell>
          <cell r="E581" t="str">
            <v>TWA1</v>
          </cell>
          <cell r="F581" t="str">
            <v>Types of work for which TWA employment is legal</v>
          </cell>
          <cell r="G581">
            <v>2003</v>
          </cell>
          <cell r="I581" t="str">
            <v>General</v>
          </cell>
          <cell r="J581">
            <v>4</v>
          </cell>
          <cell r="M581">
            <v>0</v>
          </cell>
        </row>
        <row r="582">
          <cell r="A582" t="str">
            <v>USATWA22003</v>
          </cell>
          <cell r="B582" t="str">
            <v>USA</v>
          </cell>
          <cell r="C582" t="str">
            <v>United States</v>
          </cell>
          <cell r="D582" t="str">
            <v>Item 14</v>
          </cell>
          <cell r="E582" t="str">
            <v>TWA2A, TWA2B</v>
          </cell>
          <cell r="F582" t="str">
            <v>Are there any restrictions on the number of renewals of a TWA contract?</v>
          </cell>
          <cell r="G582">
            <v>2003</v>
          </cell>
          <cell r="I582" t="str">
            <v>No</v>
          </cell>
          <cell r="J582" t="str">
            <v>No</v>
          </cell>
          <cell r="K582" t="str">
            <v>No</v>
          </cell>
          <cell r="M582">
            <v>2</v>
          </cell>
          <cell r="N582">
            <v>2</v>
          </cell>
        </row>
        <row r="583">
          <cell r="A583" t="str">
            <v>USATWA32003</v>
          </cell>
          <cell r="B583" t="str">
            <v>USA</v>
          </cell>
          <cell r="C583" t="str">
            <v>United States</v>
          </cell>
          <cell r="D583" t="str">
            <v>Item 15</v>
          </cell>
          <cell r="E583" t="str">
            <v>TWA3A, TWA3B</v>
          </cell>
          <cell r="F583" t="str">
            <v>Maximum cumulated duration of temporary work contracts</v>
          </cell>
          <cell r="G583">
            <v>2003</v>
          </cell>
          <cell r="I583" t="str">
            <v>No limit</v>
          </cell>
          <cell r="J583">
            <v>100</v>
          </cell>
          <cell r="K583">
            <v>100</v>
          </cell>
          <cell r="M583">
            <v>0</v>
          </cell>
          <cell r="N583">
            <v>0</v>
          </cell>
        </row>
        <row r="584">
          <cell r="A584" t="str">
            <v>USATWA42003</v>
          </cell>
          <cell r="B584" t="str">
            <v>USA</v>
          </cell>
          <cell r="C584" t="str">
            <v>United States</v>
          </cell>
          <cell r="D584" t="str">
            <v>Item 16</v>
          </cell>
          <cell r="E584" t="str">
            <v>TWA4</v>
          </cell>
          <cell r="F584" t="str">
            <v>Authorisation and reporting obligations</v>
          </cell>
          <cell r="G584">
            <v>2003</v>
          </cell>
        </row>
        <row r="585">
          <cell r="A585" t="str">
            <v>USATWA52003</v>
          </cell>
          <cell r="B585" t="str">
            <v>USA</v>
          </cell>
          <cell r="C585" t="str">
            <v>United States</v>
          </cell>
          <cell r="D585" t="str">
            <v>Item 17</v>
          </cell>
          <cell r="E585" t="str">
            <v>TWA5</v>
          </cell>
          <cell r="F585" t="str">
            <v>Equal treatment for TWA workers</v>
          </cell>
          <cell r="G585">
            <v>2003</v>
          </cell>
        </row>
        <row r="586">
          <cell r="A586" t="str">
            <v>USACD12003</v>
          </cell>
          <cell r="B586" t="str">
            <v>USA</v>
          </cell>
          <cell r="C586" t="str">
            <v>United States</v>
          </cell>
          <cell r="D586" t="str">
            <v>Item 18</v>
          </cell>
          <cell r="E586" t="str">
            <v>CD1</v>
          </cell>
          <cell r="F586" t="str">
            <v>Definition of collective dismissal</v>
          </cell>
          <cell r="G586">
            <v>2003</v>
          </cell>
          <cell r="I586" t="str">
            <v xml:space="preserve">In firms with 100 or more employees and over a period of 30 days, 50+ workers in case of plant closure; 500+ workers in case of layoff; 50-499 workers, if they make up at least one third of the workforce. </v>
          </cell>
          <cell r="J586">
            <v>1</v>
          </cell>
          <cell r="M586">
            <v>1.5</v>
          </cell>
        </row>
        <row r="587">
          <cell r="A587" t="str">
            <v>USACD22003</v>
          </cell>
          <cell r="B587" t="str">
            <v>USA</v>
          </cell>
          <cell r="C587" t="str">
            <v>United States</v>
          </cell>
          <cell r="D587" t="str">
            <v>Item 19</v>
          </cell>
          <cell r="E587" t="str">
            <v>CD2</v>
          </cell>
          <cell r="F587" t="str">
            <v>Additional notification requirements in case of collective dismissals</v>
          </cell>
          <cell r="G587">
            <v>2003</v>
          </cell>
          <cell r="I587" t="str">
            <v>Notification of employee representatives: Duty to inform affected workers or labour unions (where they exist). Notification of public authorities: Duty to notify state and local authorities.</v>
          </cell>
          <cell r="J587">
            <v>2</v>
          </cell>
          <cell r="M587">
            <v>6</v>
          </cell>
        </row>
        <row r="588">
          <cell r="A588" t="str">
            <v>USACD32003</v>
          </cell>
          <cell r="B588" t="str">
            <v>USA</v>
          </cell>
          <cell r="C588" t="str">
            <v>United States</v>
          </cell>
          <cell r="D588" t="str">
            <v>Item 20</v>
          </cell>
          <cell r="E588" t="str">
            <v>CD3</v>
          </cell>
          <cell r="F588" t="str">
            <v>Additional delays involved in case of collective dismissals</v>
          </cell>
          <cell r="G588">
            <v>2003</v>
          </cell>
          <cell r="I588" t="str">
            <v>Special 60-day notice period. Exceptions to the notice period include layoffs due to risk of bankrupcy, unforeseen circumstances, or ending of a temporary business activity.</v>
          </cell>
          <cell r="J588">
            <v>59</v>
          </cell>
          <cell r="M588">
            <v>4</v>
          </cell>
        </row>
        <row r="589">
          <cell r="A589" t="str">
            <v>USACD42003</v>
          </cell>
          <cell r="B589" t="str">
            <v>USA</v>
          </cell>
          <cell r="C589" t="str">
            <v>United States</v>
          </cell>
          <cell r="D589" t="str">
            <v>Item 21</v>
          </cell>
          <cell r="E589" t="str">
            <v>CD4</v>
          </cell>
          <cell r="F589" t="str">
            <v>Other special costs to employers in case of collective dismissals</v>
          </cell>
          <cell r="G589">
            <v>2003</v>
          </cell>
          <cell r="I589" t="str">
            <v>Type of negotiation requiredf: No legal requirements. Selection criteria: As laid down in collective agreements or company manuals; usually seniority-based. Severance pay: No special regulations for collective dismissal.</v>
          </cell>
          <cell r="J589">
            <v>0</v>
          </cell>
          <cell r="M589">
            <v>0</v>
          </cell>
        </row>
        <row r="590">
          <cell r="A590" t="str">
            <v>BRAREG12003</v>
          </cell>
          <cell r="B590" t="str">
            <v>BRA</v>
          </cell>
          <cell r="C590" t="str">
            <v>Brazil</v>
          </cell>
          <cell r="D590" t="str">
            <v>Item 1</v>
          </cell>
          <cell r="E590" t="str">
            <v>REG1</v>
          </cell>
          <cell r="F590" t="str">
            <v>Notification procedures</v>
          </cell>
          <cell r="G590">
            <v>2003</v>
          </cell>
        </row>
        <row r="591">
          <cell r="A591" t="str">
            <v>BRAREG22003</v>
          </cell>
          <cell r="B591" t="str">
            <v>BRA</v>
          </cell>
          <cell r="C591" t="str">
            <v>Brazil</v>
          </cell>
          <cell r="D591" t="str">
            <v>Item 2</v>
          </cell>
          <cell r="E591" t="str">
            <v>REG2</v>
          </cell>
          <cell r="F591" t="str">
            <v>Delay before notice can start</v>
          </cell>
          <cell r="G591">
            <v>2003</v>
          </cell>
        </row>
        <row r="592">
          <cell r="A592" t="str">
            <v>BRAREG32003</v>
          </cell>
          <cell r="B592" t="str">
            <v>BRA</v>
          </cell>
          <cell r="C592" t="str">
            <v>Brazil</v>
          </cell>
          <cell r="D592" t="str">
            <v>Item 3</v>
          </cell>
          <cell r="E592" t="str">
            <v>REG3A, REG3B, REG3C</v>
          </cell>
          <cell r="F592" t="str">
            <v>Notice / tenure</v>
          </cell>
          <cell r="G592">
            <v>2003</v>
          </cell>
        </row>
        <row r="593">
          <cell r="A593" t="str">
            <v>BRAREG42003</v>
          </cell>
          <cell r="B593" t="str">
            <v>BRA</v>
          </cell>
          <cell r="C593" t="str">
            <v>Brazil</v>
          </cell>
          <cell r="D593" t="str">
            <v>Item 4</v>
          </cell>
          <cell r="E593" t="str">
            <v>REG4A, REG4B, REG4C</v>
          </cell>
          <cell r="F593" t="str">
            <v>Severance pay / tenure</v>
          </cell>
          <cell r="G593">
            <v>2003</v>
          </cell>
        </row>
        <row r="594">
          <cell r="A594" t="str">
            <v>BRAREG52003</v>
          </cell>
          <cell r="B594" t="str">
            <v>BRA</v>
          </cell>
          <cell r="C594" t="str">
            <v>Brazil</v>
          </cell>
          <cell r="D594" t="str">
            <v>Item 5</v>
          </cell>
          <cell r="E594" t="str">
            <v>REG5</v>
          </cell>
          <cell r="F594" t="str">
            <v>Definition of justified or unfair dismissal</v>
          </cell>
          <cell r="G594">
            <v>2003</v>
          </cell>
        </row>
        <row r="595">
          <cell r="A595" t="str">
            <v>BRAREG62003</v>
          </cell>
          <cell r="B595" t="str">
            <v>BRA</v>
          </cell>
          <cell r="C595" t="str">
            <v>Brazil</v>
          </cell>
          <cell r="D595" t="str">
            <v>Item 6</v>
          </cell>
          <cell r="E595" t="str">
            <v>REG6</v>
          </cell>
          <cell r="F595" t="str">
            <v>Trial period</v>
          </cell>
          <cell r="G595">
            <v>2003</v>
          </cell>
        </row>
        <row r="596">
          <cell r="A596" t="str">
            <v>BRAREG72003</v>
          </cell>
          <cell r="B596" t="str">
            <v>BRA</v>
          </cell>
          <cell r="C596" t="str">
            <v>Brazil</v>
          </cell>
          <cell r="D596" t="str">
            <v>Item 7</v>
          </cell>
          <cell r="E596" t="str">
            <v>REG7</v>
          </cell>
          <cell r="F596" t="str">
            <v xml:space="preserve">Compensation following unfair dismissal </v>
          </cell>
          <cell r="G596">
            <v>2003</v>
          </cell>
        </row>
        <row r="597">
          <cell r="A597" t="str">
            <v>BRAREG82003</v>
          </cell>
          <cell r="B597" t="str">
            <v>BRA</v>
          </cell>
          <cell r="C597" t="str">
            <v>Brazil</v>
          </cell>
          <cell r="D597" t="str">
            <v>Item 8</v>
          </cell>
          <cell r="E597" t="str">
            <v>REG8</v>
          </cell>
          <cell r="F597" t="str">
            <v>Possibility of reinstatement following unfair dismissal</v>
          </cell>
          <cell r="G597">
            <v>2003</v>
          </cell>
        </row>
        <row r="598">
          <cell r="A598" t="str">
            <v>BRAREG92003</v>
          </cell>
          <cell r="B598" t="str">
            <v>BRA</v>
          </cell>
          <cell r="C598" t="str">
            <v>Brazil</v>
          </cell>
          <cell r="D598" t="str">
            <v>Item 9</v>
          </cell>
          <cell r="E598" t="str">
            <v>REG9</v>
          </cell>
          <cell r="F598" t="str">
            <v>Maximum time for claim</v>
          </cell>
          <cell r="G598">
            <v>2003</v>
          </cell>
        </row>
        <row r="599">
          <cell r="A599" t="str">
            <v>BRAFTC12003</v>
          </cell>
          <cell r="B599" t="str">
            <v>BRA</v>
          </cell>
          <cell r="C599" t="str">
            <v>Brazil</v>
          </cell>
          <cell r="D599" t="str">
            <v>Item 10</v>
          </cell>
          <cell r="E599" t="str">
            <v>FTC1</v>
          </cell>
          <cell r="F599" t="str">
            <v>Valid cases for use of fixed-term contracts, other than  “objective”  or “material” situation</v>
          </cell>
          <cell r="G599">
            <v>2003</v>
          </cell>
        </row>
        <row r="600">
          <cell r="A600" t="str">
            <v>BRAFTC22003</v>
          </cell>
          <cell r="B600" t="str">
            <v>BRA</v>
          </cell>
          <cell r="C600" t="str">
            <v>Brazil</v>
          </cell>
          <cell r="D600" t="str">
            <v>Item 11</v>
          </cell>
          <cell r="E600" t="str">
            <v>FTC2</v>
          </cell>
          <cell r="F600" t="str">
            <v>Maximum number of successive fixed-term contracts</v>
          </cell>
          <cell r="G600">
            <v>2003</v>
          </cell>
        </row>
        <row r="601">
          <cell r="A601" t="str">
            <v>BRAFTC32003</v>
          </cell>
          <cell r="B601" t="str">
            <v>BRA</v>
          </cell>
          <cell r="C601" t="str">
            <v>Brazil</v>
          </cell>
          <cell r="D601" t="str">
            <v>Item 12</v>
          </cell>
          <cell r="E601" t="str">
            <v>FTC3</v>
          </cell>
          <cell r="F601" t="str">
            <v>Maximum cumulated duration of successive fixed-term contracts</v>
          </cell>
          <cell r="G601">
            <v>2003</v>
          </cell>
        </row>
        <row r="602">
          <cell r="A602" t="str">
            <v>BRATWA12003</v>
          </cell>
          <cell r="B602" t="str">
            <v>BRA</v>
          </cell>
          <cell r="C602" t="str">
            <v>Brazil</v>
          </cell>
          <cell r="D602" t="str">
            <v>Item 13</v>
          </cell>
          <cell r="E602" t="str">
            <v>TWA1</v>
          </cell>
          <cell r="F602" t="str">
            <v>Types of work for which TWA employment is legal</v>
          </cell>
          <cell r="G602">
            <v>2003</v>
          </cell>
        </row>
        <row r="603">
          <cell r="A603" t="str">
            <v>BRATWA22003</v>
          </cell>
          <cell r="B603" t="str">
            <v>BRA</v>
          </cell>
          <cell r="C603" t="str">
            <v>Brazil</v>
          </cell>
          <cell r="D603" t="str">
            <v>Item 14</v>
          </cell>
          <cell r="E603" t="str">
            <v>TWA2A, TWA2B</v>
          </cell>
          <cell r="F603" t="str">
            <v>Are there any restrictions on the number of renewals of a TWA contract?</v>
          </cell>
          <cell r="G603">
            <v>2003</v>
          </cell>
        </row>
        <row r="604">
          <cell r="A604" t="str">
            <v>BRATWA32003</v>
          </cell>
          <cell r="B604" t="str">
            <v>BRA</v>
          </cell>
          <cell r="C604" t="str">
            <v>Brazil</v>
          </cell>
          <cell r="D604" t="str">
            <v>Item 15</v>
          </cell>
          <cell r="E604" t="str">
            <v>TWA3A, TWA3B</v>
          </cell>
          <cell r="F604" t="str">
            <v>Maximum cumulated duration of temporary work contracts</v>
          </cell>
          <cell r="G604">
            <v>2003</v>
          </cell>
        </row>
        <row r="605">
          <cell r="A605" t="str">
            <v>BRATWA42003</v>
          </cell>
          <cell r="B605" t="str">
            <v>BRA</v>
          </cell>
          <cell r="C605" t="str">
            <v>Brazil</v>
          </cell>
          <cell r="D605" t="str">
            <v>Item 16</v>
          </cell>
          <cell r="E605" t="str">
            <v>TWA4</v>
          </cell>
          <cell r="F605" t="str">
            <v>Authorisation or reporting requirements</v>
          </cell>
          <cell r="G605">
            <v>2003</v>
          </cell>
        </row>
        <row r="606">
          <cell r="A606" t="str">
            <v>BRATWA52003</v>
          </cell>
          <cell r="B606" t="str">
            <v>BRA</v>
          </cell>
          <cell r="C606" t="str">
            <v>Brazil</v>
          </cell>
          <cell r="D606" t="str">
            <v>Item 17</v>
          </cell>
          <cell r="E606" t="str">
            <v>TWA5</v>
          </cell>
          <cell r="F606" t="str">
            <v>Equal treatment for TWA workers</v>
          </cell>
          <cell r="G606">
            <v>2003</v>
          </cell>
        </row>
        <row r="607">
          <cell r="A607" t="str">
            <v>BRACD12003</v>
          </cell>
          <cell r="B607" t="str">
            <v>BRA</v>
          </cell>
          <cell r="C607" t="str">
            <v>Brazil</v>
          </cell>
          <cell r="D607" t="str">
            <v>Item 18</v>
          </cell>
          <cell r="E607" t="str">
            <v>CD1</v>
          </cell>
          <cell r="F607" t="str">
            <v>Definition of collective dismissal</v>
          </cell>
          <cell r="G607">
            <v>2003</v>
          </cell>
        </row>
        <row r="608">
          <cell r="A608" t="str">
            <v>BRACD22003</v>
          </cell>
          <cell r="B608" t="str">
            <v>BRA</v>
          </cell>
          <cell r="C608" t="str">
            <v>Brazil</v>
          </cell>
          <cell r="D608" t="str">
            <v>Item 19</v>
          </cell>
          <cell r="E608" t="str">
            <v>CD2</v>
          </cell>
          <cell r="F608" t="str">
            <v>Additional notification requirements in case of collective dismissals</v>
          </cell>
          <cell r="G608">
            <v>2003</v>
          </cell>
        </row>
        <row r="609">
          <cell r="A609" t="str">
            <v>BRACD32003</v>
          </cell>
          <cell r="B609" t="str">
            <v>BRA</v>
          </cell>
          <cell r="C609" t="str">
            <v>Brazil</v>
          </cell>
          <cell r="D609" t="str">
            <v>Item 20</v>
          </cell>
          <cell r="E609" t="str">
            <v>CD3</v>
          </cell>
          <cell r="F609" t="str">
            <v>Additional delays involved in case of collective dismissals</v>
          </cell>
          <cell r="G609">
            <v>2003</v>
          </cell>
        </row>
        <row r="610">
          <cell r="A610" t="str">
            <v>BRACD42003</v>
          </cell>
          <cell r="B610" t="str">
            <v>BRA</v>
          </cell>
          <cell r="C610" t="str">
            <v>Brazil</v>
          </cell>
          <cell r="D610" t="str">
            <v>Item 21</v>
          </cell>
          <cell r="E610" t="str">
            <v>CD4</v>
          </cell>
          <cell r="F610" t="str">
            <v>Other special costs to employers in case of collective dismissals</v>
          </cell>
          <cell r="G610">
            <v>2003</v>
          </cell>
        </row>
        <row r="611">
          <cell r="A611" t="str">
            <v>CHLREG12003</v>
          </cell>
          <cell r="B611" t="str">
            <v>CHL</v>
          </cell>
          <cell r="C611" t="str">
            <v>Chile</v>
          </cell>
          <cell r="D611" t="str">
            <v>Item 1</v>
          </cell>
          <cell r="E611" t="str">
            <v>REG1</v>
          </cell>
          <cell r="F611" t="str">
            <v>Notification procedures</v>
          </cell>
          <cell r="G611">
            <v>2003</v>
          </cell>
        </row>
        <row r="612">
          <cell r="A612" t="str">
            <v>CHLREG22003</v>
          </cell>
          <cell r="B612" t="str">
            <v>CHL</v>
          </cell>
          <cell r="C612" t="str">
            <v>Chile</v>
          </cell>
          <cell r="D612" t="str">
            <v>Item 2</v>
          </cell>
          <cell r="E612" t="str">
            <v>REG2</v>
          </cell>
          <cell r="F612" t="str">
            <v>Delay before notice can start</v>
          </cell>
          <cell r="G612">
            <v>2003</v>
          </cell>
        </row>
        <row r="613">
          <cell r="A613" t="str">
            <v>CHLREG32003</v>
          </cell>
          <cell r="B613" t="str">
            <v>CHL</v>
          </cell>
          <cell r="C613" t="str">
            <v>Chile</v>
          </cell>
          <cell r="D613" t="str">
            <v>Item 3</v>
          </cell>
          <cell r="E613" t="str">
            <v>REG3A, REG3B, REG3C</v>
          </cell>
          <cell r="F613" t="str">
            <v>Notice / tenure</v>
          </cell>
          <cell r="G613">
            <v>2003</v>
          </cell>
        </row>
        <row r="614">
          <cell r="A614" t="str">
            <v>CHLREG42003</v>
          </cell>
          <cell r="B614" t="str">
            <v>CHL</v>
          </cell>
          <cell r="C614" t="str">
            <v>Chile</v>
          </cell>
          <cell r="D614" t="str">
            <v>Item 4</v>
          </cell>
          <cell r="E614" t="str">
            <v>REG4A, REG4B, REG4C</v>
          </cell>
          <cell r="F614" t="str">
            <v>Severance pay / tenure</v>
          </cell>
          <cell r="G614">
            <v>2003</v>
          </cell>
        </row>
        <row r="615">
          <cell r="A615" t="str">
            <v>CHLREG52003</v>
          </cell>
          <cell r="B615" t="str">
            <v>CHL</v>
          </cell>
          <cell r="C615" t="str">
            <v>Chile</v>
          </cell>
          <cell r="D615" t="str">
            <v>Item 5</v>
          </cell>
          <cell r="E615" t="str">
            <v>REG5</v>
          </cell>
          <cell r="F615" t="str">
            <v>Definition of justified or unfair dismissal</v>
          </cell>
          <cell r="G615">
            <v>2003</v>
          </cell>
        </row>
        <row r="616">
          <cell r="A616" t="str">
            <v>CHLREG62003</v>
          </cell>
          <cell r="B616" t="str">
            <v>CHL</v>
          </cell>
          <cell r="C616" t="str">
            <v>Chile</v>
          </cell>
          <cell r="D616" t="str">
            <v>Item 6</v>
          </cell>
          <cell r="E616" t="str">
            <v>REG6</v>
          </cell>
          <cell r="F616" t="str">
            <v>Trial period</v>
          </cell>
          <cell r="G616">
            <v>2003</v>
          </cell>
        </row>
        <row r="617">
          <cell r="A617" t="str">
            <v>CHLREG72003</v>
          </cell>
          <cell r="B617" t="str">
            <v>CHL</v>
          </cell>
          <cell r="C617" t="str">
            <v>Chile</v>
          </cell>
          <cell r="D617" t="str">
            <v>Item 7</v>
          </cell>
          <cell r="E617" t="str">
            <v>REG7</v>
          </cell>
          <cell r="F617" t="str">
            <v xml:space="preserve">Compensation following unfair dismissal </v>
          </cell>
          <cell r="G617">
            <v>2003</v>
          </cell>
        </row>
        <row r="618">
          <cell r="A618" t="str">
            <v>CHLREG82003</v>
          </cell>
          <cell r="B618" t="str">
            <v>CHL</v>
          </cell>
          <cell r="C618" t="str">
            <v>Chile</v>
          </cell>
          <cell r="D618" t="str">
            <v>Item 8</v>
          </cell>
          <cell r="E618" t="str">
            <v>REG8</v>
          </cell>
          <cell r="F618" t="str">
            <v>Possibility of reinstatement following unfair dismissal</v>
          </cell>
          <cell r="G618">
            <v>2003</v>
          </cell>
        </row>
        <row r="619">
          <cell r="A619" t="str">
            <v>CHLREG92003</v>
          </cell>
          <cell r="B619" t="str">
            <v>CHL</v>
          </cell>
          <cell r="C619" t="str">
            <v>Chile</v>
          </cell>
          <cell r="D619" t="str">
            <v>Item 9</v>
          </cell>
          <cell r="E619" t="str">
            <v>REG9</v>
          </cell>
          <cell r="F619" t="str">
            <v>Maximum time for claim</v>
          </cell>
          <cell r="G619">
            <v>2003</v>
          </cell>
        </row>
        <row r="620">
          <cell r="A620" t="str">
            <v>CHLFTC12003</v>
          </cell>
          <cell r="B620" t="str">
            <v>CHL</v>
          </cell>
          <cell r="C620" t="str">
            <v>Chile</v>
          </cell>
          <cell r="D620" t="str">
            <v>Item 10</v>
          </cell>
          <cell r="E620" t="str">
            <v>FTC1</v>
          </cell>
          <cell r="F620" t="str">
            <v>Valid cases for use of fixed-term contracts, other than  “objective”  or “material” situation</v>
          </cell>
          <cell r="G620">
            <v>2003</v>
          </cell>
        </row>
        <row r="621">
          <cell r="A621" t="str">
            <v>CHLFTC22003</v>
          </cell>
          <cell r="B621" t="str">
            <v>CHL</v>
          </cell>
          <cell r="C621" t="str">
            <v>Chile</v>
          </cell>
          <cell r="D621" t="str">
            <v>Item 11</v>
          </cell>
          <cell r="E621" t="str">
            <v>FTC2</v>
          </cell>
          <cell r="F621" t="str">
            <v>Maximum number of successive fixed-term contracts</v>
          </cell>
          <cell r="G621">
            <v>2003</v>
          </cell>
        </row>
        <row r="622">
          <cell r="A622" t="str">
            <v>CHLFTC32003</v>
          </cell>
          <cell r="B622" t="str">
            <v>CHL</v>
          </cell>
          <cell r="C622" t="str">
            <v>Chile</v>
          </cell>
          <cell r="D622" t="str">
            <v>Item 12</v>
          </cell>
          <cell r="E622" t="str">
            <v>FTC3</v>
          </cell>
          <cell r="F622" t="str">
            <v>Maximum cumulated duration of successive fixed-term contracts</v>
          </cell>
          <cell r="G622">
            <v>2003</v>
          </cell>
        </row>
        <row r="623">
          <cell r="A623" t="str">
            <v>CHLTWA12003</v>
          </cell>
          <cell r="B623" t="str">
            <v>CHL</v>
          </cell>
          <cell r="C623" t="str">
            <v>Chile</v>
          </cell>
          <cell r="D623" t="str">
            <v>Item 13</v>
          </cell>
          <cell r="E623" t="str">
            <v>TWA1</v>
          </cell>
          <cell r="F623" t="str">
            <v>Types of work for which TWA employment is legal</v>
          </cell>
          <cell r="G623">
            <v>2003</v>
          </cell>
        </row>
        <row r="624">
          <cell r="A624" t="str">
            <v>CHLTWA22003</v>
          </cell>
          <cell r="B624" t="str">
            <v>CHL</v>
          </cell>
          <cell r="C624" t="str">
            <v>Chile</v>
          </cell>
          <cell r="D624" t="str">
            <v>Item 14</v>
          </cell>
          <cell r="E624" t="str">
            <v>TWA2A, TWA2B</v>
          </cell>
          <cell r="F624" t="str">
            <v>Are there any restrictions on the number of renewals of a TWA contract?</v>
          </cell>
          <cell r="G624">
            <v>2003</v>
          </cell>
        </row>
        <row r="625">
          <cell r="A625" t="str">
            <v>CHLTWA32003</v>
          </cell>
          <cell r="B625" t="str">
            <v>CHL</v>
          </cell>
          <cell r="C625" t="str">
            <v>Chile</v>
          </cell>
          <cell r="D625" t="str">
            <v>Item 15</v>
          </cell>
          <cell r="E625" t="str">
            <v>TWA3A, TWA3B</v>
          </cell>
          <cell r="F625" t="str">
            <v>Maximum cumulated duration of temporary work contracts</v>
          </cell>
          <cell r="G625">
            <v>2003</v>
          </cell>
        </row>
        <row r="626">
          <cell r="A626" t="str">
            <v>CHLTWA42003</v>
          </cell>
          <cell r="B626" t="str">
            <v>CHL</v>
          </cell>
          <cell r="C626" t="str">
            <v>Chile</v>
          </cell>
          <cell r="D626" t="str">
            <v>Item 16</v>
          </cell>
          <cell r="E626" t="str">
            <v>TWA4</v>
          </cell>
          <cell r="F626" t="str">
            <v>Authorisation or reporting requirements</v>
          </cell>
          <cell r="G626">
            <v>2003</v>
          </cell>
        </row>
        <row r="627">
          <cell r="A627" t="str">
            <v>CHLTWA52003</v>
          </cell>
          <cell r="B627" t="str">
            <v>CHL</v>
          </cell>
          <cell r="C627" t="str">
            <v>Chile</v>
          </cell>
          <cell r="D627" t="str">
            <v>Item 17</v>
          </cell>
          <cell r="E627" t="str">
            <v>TWA5</v>
          </cell>
          <cell r="F627" t="str">
            <v>Equal treatment for TWA workers</v>
          </cell>
          <cell r="G627">
            <v>2003</v>
          </cell>
        </row>
        <row r="628">
          <cell r="A628" t="str">
            <v>CHLCD12003</v>
          </cell>
          <cell r="B628" t="str">
            <v>CHL</v>
          </cell>
          <cell r="C628" t="str">
            <v>Chile</v>
          </cell>
          <cell r="D628" t="str">
            <v>Item 18</v>
          </cell>
          <cell r="E628" t="str">
            <v>CD1</v>
          </cell>
          <cell r="F628" t="str">
            <v>Definition of collective dismissal</v>
          </cell>
          <cell r="G628">
            <v>2003</v>
          </cell>
        </row>
        <row r="629">
          <cell r="A629" t="str">
            <v>CHLCD22003</v>
          </cell>
          <cell r="B629" t="str">
            <v>CHL</v>
          </cell>
          <cell r="C629" t="str">
            <v>Chile</v>
          </cell>
          <cell r="D629" t="str">
            <v>Item 19</v>
          </cell>
          <cell r="E629" t="str">
            <v>CD2</v>
          </cell>
          <cell r="F629" t="str">
            <v>Additional notification requirements in case of collective dismissals</v>
          </cell>
          <cell r="G629">
            <v>2003</v>
          </cell>
        </row>
        <row r="630">
          <cell r="A630" t="str">
            <v>CHLCD32003</v>
          </cell>
          <cell r="B630" t="str">
            <v>CHL</v>
          </cell>
          <cell r="C630" t="str">
            <v>Chile</v>
          </cell>
          <cell r="D630" t="str">
            <v>Item 20</v>
          </cell>
          <cell r="E630" t="str">
            <v>CD3</v>
          </cell>
          <cell r="F630" t="str">
            <v>Additional delays involved in case of collective dismissals</v>
          </cell>
          <cell r="G630">
            <v>2003</v>
          </cell>
        </row>
        <row r="631">
          <cell r="A631" t="str">
            <v>CHLCD42003</v>
          </cell>
          <cell r="B631" t="str">
            <v>CHL</v>
          </cell>
          <cell r="C631" t="str">
            <v>Chile</v>
          </cell>
          <cell r="D631" t="str">
            <v>Item 21</v>
          </cell>
          <cell r="E631" t="str">
            <v>CD4</v>
          </cell>
          <cell r="F631" t="str">
            <v>Other special costs to employers in case of collective dismissals</v>
          </cell>
          <cell r="G631">
            <v>2003</v>
          </cell>
        </row>
        <row r="632">
          <cell r="A632" t="str">
            <v>CHNREG12003</v>
          </cell>
          <cell r="B632" t="str">
            <v>CHN</v>
          </cell>
          <cell r="C632" t="str">
            <v>China</v>
          </cell>
          <cell r="D632" t="str">
            <v>Item 1</v>
          </cell>
          <cell r="E632" t="str">
            <v>REG1</v>
          </cell>
          <cell r="F632" t="str">
            <v>Notification procedures</v>
          </cell>
          <cell r="G632">
            <v>2003</v>
          </cell>
        </row>
        <row r="633">
          <cell r="A633" t="str">
            <v>CHNREG22003</v>
          </cell>
          <cell r="B633" t="str">
            <v>CHN</v>
          </cell>
          <cell r="C633" t="str">
            <v>China</v>
          </cell>
          <cell r="D633" t="str">
            <v>Item 2</v>
          </cell>
          <cell r="E633" t="str">
            <v>REG2</v>
          </cell>
          <cell r="F633" t="str">
            <v>Delay before notice can start</v>
          </cell>
          <cell r="G633">
            <v>2003</v>
          </cell>
        </row>
        <row r="634">
          <cell r="A634" t="str">
            <v>CHNREG32003</v>
          </cell>
          <cell r="B634" t="str">
            <v>CHN</v>
          </cell>
          <cell r="C634" t="str">
            <v>China</v>
          </cell>
          <cell r="D634" t="str">
            <v>Item 3</v>
          </cell>
          <cell r="E634" t="str">
            <v>REG3A, REG3B, REG3C</v>
          </cell>
          <cell r="F634" t="str">
            <v>Notice / tenure</v>
          </cell>
          <cell r="G634">
            <v>2003</v>
          </cell>
        </row>
        <row r="635">
          <cell r="A635" t="str">
            <v>CHNREG42003</v>
          </cell>
          <cell r="B635" t="str">
            <v>CHN</v>
          </cell>
          <cell r="C635" t="str">
            <v>China</v>
          </cell>
          <cell r="D635" t="str">
            <v>Item 4</v>
          </cell>
          <cell r="E635" t="str">
            <v>REG4A, REG4B, REG4C</v>
          </cell>
          <cell r="F635" t="str">
            <v>Severance pay / tenure</v>
          </cell>
          <cell r="G635">
            <v>2003</v>
          </cell>
        </row>
        <row r="636">
          <cell r="A636" t="str">
            <v>CHNREG52003</v>
          </cell>
          <cell r="B636" t="str">
            <v>CHN</v>
          </cell>
          <cell r="C636" t="str">
            <v>China</v>
          </cell>
          <cell r="D636" t="str">
            <v>Item 5</v>
          </cell>
          <cell r="E636" t="str">
            <v>REG5</v>
          </cell>
          <cell r="F636" t="str">
            <v>Definition of justified or unfair dismissal</v>
          </cell>
          <cell r="G636">
            <v>2003</v>
          </cell>
        </row>
        <row r="637">
          <cell r="A637" t="str">
            <v>CHNREG62003</v>
          </cell>
          <cell r="B637" t="str">
            <v>CHN</v>
          </cell>
          <cell r="C637" t="str">
            <v>China</v>
          </cell>
          <cell r="D637" t="str">
            <v>Item 6</v>
          </cell>
          <cell r="E637" t="str">
            <v>REG6</v>
          </cell>
          <cell r="F637" t="str">
            <v>Trial period</v>
          </cell>
          <cell r="G637">
            <v>2003</v>
          </cell>
        </row>
        <row r="638">
          <cell r="A638" t="str">
            <v>CHNREG72003</v>
          </cell>
          <cell r="B638" t="str">
            <v>CHN</v>
          </cell>
          <cell r="C638" t="str">
            <v>China</v>
          </cell>
          <cell r="D638" t="str">
            <v>Item 7</v>
          </cell>
          <cell r="E638" t="str">
            <v>REG7</v>
          </cell>
          <cell r="F638" t="str">
            <v xml:space="preserve">Compensation following unfair dismissal </v>
          </cell>
          <cell r="G638">
            <v>2003</v>
          </cell>
        </row>
        <row r="639">
          <cell r="A639" t="str">
            <v>CHNREG82003</v>
          </cell>
          <cell r="B639" t="str">
            <v>CHN</v>
          </cell>
          <cell r="C639" t="str">
            <v>China</v>
          </cell>
          <cell r="D639" t="str">
            <v>Item 8</v>
          </cell>
          <cell r="E639" t="str">
            <v>REG8</v>
          </cell>
          <cell r="F639" t="str">
            <v>Possibility of reinstatement following unfair dismissal</v>
          </cell>
          <cell r="G639">
            <v>2003</v>
          </cell>
        </row>
        <row r="640">
          <cell r="A640" t="str">
            <v>CHNREG92003</v>
          </cell>
          <cell r="B640" t="str">
            <v>CHN</v>
          </cell>
          <cell r="C640" t="str">
            <v>China</v>
          </cell>
          <cell r="D640" t="str">
            <v>Item 9</v>
          </cell>
          <cell r="E640" t="str">
            <v>REG9</v>
          </cell>
          <cell r="F640" t="str">
            <v>Maximum time for claim</v>
          </cell>
          <cell r="G640">
            <v>2003</v>
          </cell>
        </row>
        <row r="641">
          <cell r="A641" t="str">
            <v>CHNFTC12003</v>
          </cell>
          <cell r="B641" t="str">
            <v>CHN</v>
          </cell>
          <cell r="C641" t="str">
            <v>China</v>
          </cell>
          <cell r="D641" t="str">
            <v>Item 10</v>
          </cell>
          <cell r="E641" t="str">
            <v>FTC1</v>
          </cell>
          <cell r="F641" t="str">
            <v>Valid cases for use of fixed-term contracts, other than  “objective”  or “material” situation</v>
          </cell>
          <cell r="G641">
            <v>2003</v>
          </cell>
        </row>
        <row r="642">
          <cell r="A642" t="str">
            <v>CHNFTC22003</v>
          </cell>
          <cell r="B642" t="str">
            <v>CHN</v>
          </cell>
          <cell r="C642" t="str">
            <v>China</v>
          </cell>
          <cell r="D642" t="str">
            <v>Item 11</v>
          </cell>
          <cell r="E642" t="str">
            <v>FTC2</v>
          </cell>
          <cell r="F642" t="str">
            <v>Maximum number of successive fixed-term contracts</v>
          </cell>
          <cell r="G642">
            <v>2003</v>
          </cell>
        </row>
        <row r="643">
          <cell r="A643" t="str">
            <v>CHNFTC32003</v>
          </cell>
          <cell r="B643" t="str">
            <v>CHN</v>
          </cell>
          <cell r="C643" t="str">
            <v>China</v>
          </cell>
          <cell r="D643" t="str">
            <v>Item 12</v>
          </cell>
          <cell r="E643" t="str">
            <v>FTC3</v>
          </cell>
          <cell r="F643" t="str">
            <v>Maximum cumulated duration of successive fixed-term contracts</v>
          </cell>
          <cell r="G643">
            <v>2003</v>
          </cell>
          <cell r="P643" t="str">
            <v>Manuel</v>
          </cell>
        </row>
        <row r="644">
          <cell r="A644" t="str">
            <v>CHNTWA12003</v>
          </cell>
          <cell r="B644" t="str">
            <v>CHN</v>
          </cell>
          <cell r="C644" t="str">
            <v>China</v>
          </cell>
          <cell r="D644" t="str">
            <v>Item 13</v>
          </cell>
          <cell r="E644" t="str">
            <v>TWA1</v>
          </cell>
          <cell r="F644" t="str">
            <v>Types of work for which TWA employment is legal</v>
          </cell>
          <cell r="G644">
            <v>2003</v>
          </cell>
        </row>
        <row r="645">
          <cell r="A645" t="str">
            <v>CHNTWA22003</v>
          </cell>
          <cell r="B645" t="str">
            <v>CHN</v>
          </cell>
          <cell r="C645" t="str">
            <v>China</v>
          </cell>
          <cell r="D645" t="str">
            <v>Item 14</v>
          </cell>
          <cell r="E645" t="str">
            <v>TWA2A, TWA2B</v>
          </cell>
          <cell r="F645" t="str">
            <v>Are there any restrictions on the number of renewals of a TWA contract?</v>
          </cell>
          <cell r="G645">
            <v>2003</v>
          </cell>
        </row>
        <row r="646">
          <cell r="A646" t="str">
            <v>CHNTWA32003</v>
          </cell>
          <cell r="B646" t="str">
            <v>CHN</v>
          </cell>
          <cell r="C646" t="str">
            <v>China</v>
          </cell>
          <cell r="D646" t="str">
            <v>Item 15</v>
          </cell>
          <cell r="E646" t="str">
            <v>TWA3A, TWA3B</v>
          </cell>
          <cell r="F646" t="str">
            <v>Maximum cumulated duration of temporary work contracts</v>
          </cell>
          <cell r="G646">
            <v>2003</v>
          </cell>
        </row>
        <row r="647">
          <cell r="A647" t="str">
            <v>CHNTWA42003</v>
          </cell>
          <cell r="B647" t="str">
            <v>CHN</v>
          </cell>
          <cell r="C647" t="str">
            <v>China</v>
          </cell>
          <cell r="D647" t="str">
            <v>Item 16</v>
          </cell>
          <cell r="E647" t="str">
            <v>TWA4</v>
          </cell>
          <cell r="F647" t="str">
            <v>Authorisation or reporting requirements</v>
          </cell>
          <cell r="G647">
            <v>2003</v>
          </cell>
        </row>
        <row r="648">
          <cell r="A648" t="str">
            <v>CHNTWA52003</v>
          </cell>
          <cell r="B648" t="str">
            <v>CHN</v>
          </cell>
          <cell r="C648" t="str">
            <v>China</v>
          </cell>
          <cell r="D648" t="str">
            <v>Item 17</v>
          </cell>
          <cell r="E648" t="str">
            <v>TWA5</v>
          </cell>
          <cell r="F648" t="str">
            <v>Equal treatment for TWA workers</v>
          </cell>
          <cell r="G648">
            <v>2003</v>
          </cell>
        </row>
        <row r="649">
          <cell r="A649" t="str">
            <v>CHNCD12003</v>
          </cell>
          <cell r="B649" t="str">
            <v>CHN</v>
          </cell>
          <cell r="C649" t="str">
            <v>China</v>
          </cell>
          <cell r="D649" t="str">
            <v>Item 18</v>
          </cell>
          <cell r="E649" t="str">
            <v>CD1</v>
          </cell>
          <cell r="F649" t="str">
            <v>Definition of collective dismissal</v>
          </cell>
          <cell r="G649">
            <v>2003</v>
          </cell>
        </row>
        <row r="650">
          <cell r="A650" t="str">
            <v>CHNCD22003</v>
          </cell>
          <cell r="B650" t="str">
            <v>CHN</v>
          </cell>
          <cell r="C650" t="str">
            <v>China</v>
          </cell>
          <cell r="D650" t="str">
            <v>Item 19</v>
          </cell>
          <cell r="E650" t="str">
            <v>CD2</v>
          </cell>
          <cell r="F650" t="str">
            <v>Additional notification requirements in case of collective dismissals</v>
          </cell>
          <cell r="G650">
            <v>2003</v>
          </cell>
        </row>
        <row r="651">
          <cell r="A651" t="str">
            <v>CHNCD32003</v>
          </cell>
          <cell r="B651" t="str">
            <v>CHN</v>
          </cell>
          <cell r="C651" t="str">
            <v>China</v>
          </cell>
          <cell r="D651" t="str">
            <v>Item 20</v>
          </cell>
          <cell r="E651" t="str">
            <v>CD3</v>
          </cell>
          <cell r="F651" t="str">
            <v>Additional delays involved in case of collective dismissals</v>
          </cell>
          <cell r="G651">
            <v>2003</v>
          </cell>
        </row>
        <row r="652">
          <cell r="A652" t="str">
            <v>CHNCD42003</v>
          </cell>
          <cell r="B652" t="str">
            <v>CHN</v>
          </cell>
          <cell r="C652" t="str">
            <v>China</v>
          </cell>
          <cell r="D652" t="str">
            <v>Item 21</v>
          </cell>
          <cell r="E652" t="str">
            <v>CD4</v>
          </cell>
          <cell r="F652" t="str">
            <v>Other special costs to employers in case of collective dismissals</v>
          </cell>
          <cell r="G652">
            <v>2003</v>
          </cell>
        </row>
        <row r="653">
          <cell r="A653" t="str">
            <v>ESTREG12003</v>
          </cell>
          <cell r="B653" t="str">
            <v>EST</v>
          </cell>
          <cell r="C653" t="str">
            <v>Estonia</v>
          </cell>
          <cell r="D653" t="str">
            <v>Item 1</v>
          </cell>
          <cell r="E653" t="str">
            <v>REG1</v>
          </cell>
          <cell r="F653" t="str">
            <v>Notification procedures</v>
          </cell>
          <cell r="G653">
            <v>2003</v>
          </cell>
        </row>
        <row r="654">
          <cell r="A654" t="str">
            <v>ESTREG22003</v>
          </cell>
          <cell r="B654" t="str">
            <v>EST</v>
          </cell>
          <cell r="C654" t="str">
            <v>Estonia</v>
          </cell>
          <cell r="D654" t="str">
            <v>Item 2</v>
          </cell>
          <cell r="E654" t="str">
            <v>REG2</v>
          </cell>
          <cell r="F654" t="str">
            <v>Delay before notice can start</v>
          </cell>
          <cell r="G654">
            <v>2003</v>
          </cell>
        </row>
        <row r="655">
          <cell r="A655" t="str">
            <v>ESTREG32003</v>
          </cell>
          <cell r="B655" t="str">
            <v>EST</v>
          </cell>
          <cell r="C655" t="str">
            <v>Estonia</v>
          </cell>
          <cell r="D655" t="str">
            <v>Item 3</v>
          </cell>
          <cell r="E655" t="str">
            <v>REG3A, REG3B, REG3C</v>
          </cell>
          <cell r="F655" t="str">
            <v>Notice / tenure</v>
          </cell>
          <cell r="G655">
            <v>2003</v>
          </cell>
        </row>
        <row r="656">
          <cell r="A656" t="str">
            <v>ESTREG42003</v>
          </cell>
          <cell r="B656" t="str">
            <v>EST</v>
          </cell>
          <cell r="C656" t="str">
            <v>Estonia</v>
          </cell>
          <cell r="D656" t="str">
            <v>Item 4</v>
          </cell>
          <cell r="E656" t="str">
            <v>REG4A, REG4B, REG4C</v>
          </cell>
          <cell r="F656" t="str">
            <v>Severance pay / tenure</v>
          </cell>
          <cell r="G656">
            <v>2003</v>
          </cell>
          <cell r="P656" t="str">
            <v>to check</v>
          </cell>
        </row>
        <row r="657">
          <cell r="A657" t="str">
            <v>ESTREG52003</v>
          </cell>
          <cell r="B657" t="str">
            <v>EST</v>
          </cell>
          <cell r="C657" t="str">
            <v>Estonia</v>
          </cell>
          <cell r="D657" t="str">
            <v>Item 5</v>
          </cell>
          <cell r="E657" t="str">
            <v>REG5</v>
          </cell>
          <cell r="F657" t="str">
            <v>Definition of justified or unfair dismissal</v>
          </cell>
          <cell r="G657">
            <v>2003</v>
          </cell>
        </row>
        <row r="658">
          <cell r="A658" t="str">
            <v>ESTREG62003</v>
          </cell>
          <cell r="B658" t="str">
            <v>EST</v>
          </cell>
          <cell r="C658" t="str">
            <v>Estonia</v>
          </cell>
          <cell r="D658" t="str">
            <v>Item 6</v>
          </cell>
          <cell r="E658" t="str">
            <v>REG6</v>
          </cell>
          <cell r="F658" t="str">
            <v>Trial period</v>
          </cell>
          <cell r="G658">
            <v>2003</v>
          </cell>
        </row>
        <row r="659">
          <cell r="A659" t="str">
            <v>ESTREG72003</v>
          </cell>
          <cell r="B659" t="str">
            <v>EST</v>
          </cell>
          <cell r="C659" t="str">
            <v>Estonia</v>
          </cell>
          <cell r="D659" t="str">
            <v>Item 7</v>
          </cell>
          <cell r="E659" t="str">
            <v>REG7</v>
          </cell>
          <cell r="F659" t="str">
            <v xml:space="preserve">Compensation following unfair dismissal </v>
          </cell>
          <cell r="G659">
            <v>2003</v>
          </cell>
        </row>
        <row r="660">
          <cell r="A660" t="str">
            <v>ESTREG82003</v>
          </cell>
          <cell r="B660" t="str">
            <v>EST</v>
          </cell>
          <cell r="C660" t="str">
            <v>Estonia</v>
          </cell>
          <cell r="D660" t="str">
            <v>Item 8</v>
          </cell>
          <cell r="E660" t="str">
            <v>REG8</v>
          </cell>
          <cell r="F660" t="str">
            <v>Possibility of reinstatement following unfair dismissal</v>
          </cell>
          <cell r="G660">
            <v>2003</v>
          </cell>
        </row>
        <row r="661">
          <cell r="A661" t="str">
            <v>ESTREG92003</v>
          </cell>
          <cell r="B661" t="str">
            <v>EST</v>
          </cell>
          <cell r="C661" t="str">
            <v>Estonia</v>
          </cell>
          <cell r="D661" t="str">
            <v>Item 9</v>
          </cell>
          <cell r="E661" t="str">
            <v>REG9</v>
          </cell>
          <cell r="F661" t="str">
            <v>Maximum time for claim</v>
          </cell>
          <cell r="G661">
            <v>2003</v>
          </cell>
        </row>
        <row r="662">
          <cell r="A662" t="str">
            <v>ESTFTC12003</v>
          </cell>
          <cell r="B662" t="str">
            <v>EST</v>
          </cell>
          <cell r="C662" t="str">
            <v>Estonia</v>
          </cell>
          <cell r="D662" t="str">
            <v>Item 10</v>
          </cell>
          <cell r="E662" t="str">
            <v>FTC1</v>
          </cell>
          <cell r="F662" t="str">
            <v>Valid cases for use of fixed-term contracts, other than  “objective”  or “material” situation</v>
          </cell>
          <cell r="G662">
            <v>2003</v>
          </cell>
        </row>
        <row r="663">
          <cell r="A663" t="str">
            <v>ESTFTC22003</v>
          </cell>
          <cell r="B663" t="str">
            <v>EST</v>
          </cell>
          <cell r="C663" t="str">
            <v>Estonia</v>
          </cell>
          <cell r="D663" t="str">
            <v>Item 11</v>
          </cell>
          <cell r="E663" t="str">
            <v>FTC2</v>
          </cell>
          <cell r="F663" t="str">
            <v>Maximum number of successive fixed-term contracts</v>
          </cell>
          <cell r="G663">
            <v>2003</v>
          </cell>
        </row>
        <row r="664">
          <cell r="A664" t="str">
            <v>ESTFTC32003</v>
          </cell>
          <cell r="B664" t="str">
            <v>EST</v>
          </cell>
          <cell r="C664" t="str">
            <v>Estonia</v>
          </cell>
          <cell r="D664" t="str">
            <v>Item 12</v>
          </cell>
          <cell r="E664" t="str">
            <v>FTC3</v>
          </cell>
          <cell r="F664" t="str">
            <v>Maximum cumulated duration of successive fixed-term contracts</v>
          </cell>
          <cell r="G664">
            <v>2003</v>
          </cell>
        </row>
        <row r="665">
          <cell r="A665" t="str">
            <v>ESTTWA12003</v>
          </cell>
          <cell r="B665" t="str">
            <v>EST</v>
          </cell>
          <cell r="C665" t="str">
            <v>Estonia</v>
          </cell>
          <cell r="D665" t="str">
            <v>Item 13</v>
          </cell>
          <cell r="E665" t="str">
            <v>TWA1</v>
          </cell>
          <cell r="F665" t="str">
            <v>Types of work for which TWA employment is legal</v>
          </cell>
          <cell r="G665">
            <v>2003</v>
          </cell>
        </row>
        <row r="666">
          <cell r="A666" t="str">
            <v>ESTTWA22003</v>
          </cell>
          <cell r="B666" t="str">
            <v>EST</v>
          </cell>
          <cell r="C666" t="str">
            <v>Estonia</v>
          </cell>
          <cell r="D666" t="str">
            <v>Item 14</v>
          </cell>
          <cell r="E666" t="str">
            <v>TWA2A, TWA2B</v>
          </cell>
          <cell r="F666" t="str">
            <v>Are there any restrictions on the number of renewals of a TWA contract?</v>
          </cell>
          <cell r="G666">
            <v>2003</v>
          </cell>
        </row>
        <row r="667">
          <cell r="A667" t="str">
            <v>ESTTWA32003</v>
          </cell>
          <cell r="B667" t="str">
            <v>EST</v>
          </cell>
          <cell r="C667" t="str">
            <v>Estonia</v>
          </cell>
          <cell r="D667" t="str">
            <v>Item 15</v>
          </cell>
          <cell r="E667" t="str">
            <v>TWA3A, TWA3B</v>
          </cell>
          <cell r="F667" t="str">
            <v>Maximum cumulated duration of temporary work contracts</v>
          </cell>
          <cell r="G667">
            <v>2003</v>
          </cell>
        </row>
        <row r="668">
          <cell r="A668" t="str">
            <v>ESTTWA42003</v>
          </cell>
          <cell r="B668" t="str">
            <v>EST</v>
          </cell>
          <cell r="C668" t="str">
            <v>Estonia</v>
          </cell>
          <cell r="D668" t="str">
            <v>Item 16</v>
          </cell>
          <cell r="E668" t="str">
            <v>TWA4</v>
          </cell>
          <cell r="F668" t="str">
            <v>Authorisation or reporting requirements</v>
          </cell>
          <cell r="G668">
            <v>2003</v>
          </cell>
        </row>
        <row r="669">
          <cell r="A669" t="str">
            <v>ESTTWA52003</v>
          </cell>
          <cell r="B669" t="str">
            <v>EST</v>
          </cell>
          <cell r="C669" t="str">
            <v>Estonia</v>
          </cell>
          <cell r="D669" t="str">
            <v>Item 17</v>
          </cell>
          <cell r="E669" t="str">
            <v>TWA5</v>
          </cell>
          <cell r="F669" t="str">
            <v>Equal treatment for TWA workers</v>
          </cell>
          <cell r="G669">
            <v>2003</v>
          </cell>
        </row>
        <row r="670">
          <cell r="A670" t="str">
            <v>ESTCD12003</v>
          </cell>
          <cell r="B670" t="str">
            <v>EST</v>
          </cell>
          <cell r="C670" t="str">
            <v>Estonia</v>
          </cell>
          <cell r="D670" t="str">
            <v>Item 18</v>
          </cell>
          <cell r="E670" t="str">
            <v>CD1</v>
          </cell>
          <cell r="F670" t="str">
            <v>Definition of collective dismissal</v>
          </cell>
          <cell r="G670">
            <v>2003</v>
          </cell>
        </row>
        <row r="671">
          <cell r="A671" t="str">
            <v>ESTCD22003</v>
          </cell>
          <cell r="B671" t="str">
            <v>EST</v>
          </cell>
          <cell r="C671" t="str">
            <v>Estonia</v>
          </cell>
          <cell r="D671" t="str">
            <v>Item 19</v>
          </cell>
          <cell r="E671" t="str">
            <v>CD2</v>
          </cell>
          <cell r="F671" t="str">
            <v>Additional notification requirements in case of collective dismissals</v>
          </cell>
          <cell r="G671">
            <v>2003</v>
          </cell>
        </row>
        <row r="672">
          <cell r="A672" t="str">
            <v>ESTCD32003</v>
          </cell>
          <cell r="B672" t="str">
            <v>EST</v>
          </cell>
          <cell r="C672" t="str">
            <v>Estonia</v>
          </cell>
          <cell r="D672" t="str">
            <v>Item 20</v>
          </cell>
          <cell r="E672" t="str">
            <v>CD3</v>
          </cell>
          <cell r="F672" t="str">
            <v>Additional delays involved in case of collective dismissals</v>
          </cell>
          <cell r="G672">
            <v>2003</v>
          </cell>
        </row>
        <row r="673">
          <cell r="A673" t="str">
            <v>ESTCD42003</v>
          </cell>
          <cell r="B673" t="str">
            <v>EST</v>
          </cell>
          <cell r="C673" t="str">
            <v>Estonia</v>
          </cell>
          <cell r="D673" t="str">
            <v>Item 21</v>
          </cell>
          <cell r="E673" t="str">
            <v>CD4</v>
          </cell>
          <cell r="F673" t="str">
            <v>Other special costs to employers in case of collective dismissals</v>
          </cell>
          <cell r="G673">
            <v>2003</v>
          </cell>
        </row>
        <row r="674">
          <cell r="A674" t="str">
            <v>ISLREG12003</v>
          </cell>
          <cell r="B674" t="str">
            <v>ISL</v>
          </cell>
          <cell r="C674" t="str">
            <v>Iceland</v>
          </cell>
          <cell r="D674" t="str">
            <v>Item 1</v>
          </cell>
          <cell r="E674" t="str">
            <v>REG1</v>
          </cell>
          <cell r="F674" t="str">
            <v>Notification procedures</v>
          </cell>
          <cell r="G674">
            <v>2003</v>
          </cell>
        </row>
        <row r="675">
          <cell r="A675" t="str">
            <v>ISLREG22003</v>
          </cell>
          <cell r="B675" t="str">
            <v>ISL</v>
          </cell>
          <cell r="C675" t="str">
            <v>Iceland</v>
          </cell>
          <cell r="D675" t="str">
            <v>Item 2</v>
          </cell>
          <cell r="E675" t="str">
            <v>REG2</v>
          </cell>
          <cell r="F675" t="str">
            <v>Delay before notice can start</v>
          </cell>
          <cell r="G675">
            <v>2003</v>
          </cell>
        </row>
        <row r="676">
          <cell r="A676" t="str">
            <v>ISLREG32003</v>
          </cell>
          <cell r="B676" t="str">
            <v>ISL</v>
          </cell>
          <cell r="C676" t="str">
            <v>Iceland</v>
          </cell>
          <cell r="D676" t="str">
            <v>Item 3</v>
          </cell>
          <cell r="E676" t="str">
            <v>REG3A, REG3B, REG3C</v>
          </cell>
          <cell r="F676" t="str">
            <v>Notice / tenure</v>
          </cell>
          <cell r="G676">
            <v>2003</v>
          </cell>
        </row>
        <row r="677">
          <cell r="A677" t="str">
            <v>ISLREG42003</v>
          </cell>
          <cell r="B677" t="str">
            <v>ISL</v>
          </cell>
          <cell r="C677" t="str">
            <v>Iceland</v>
          </cell>
          <cell r="D677" t="str">
            <v>Item 4</v>
          </cell>
          <cell r="E677" t="str">
            <v>REG4A, REG4B, REG4C</v>
          </cell>
          <cell r="F677" t="str">
            <v>Severance pay / tenure</v>
          </cell>
          <cell r="G677">
            <v>2003</v>
          </cell>
        </row>
        <row r="678">
          <cell r="A678" t="str">
            <v>ISLREG52003</v>
          </cell>
          <cell r="B678" t="str">
            <v>ISL</v>
          </cell>
          <cell r="C678" t="str">
            <v>Iceland</v>
          </cell>
          <cell r="D678" t="str">
            <v>Item 5</v>
          </cell>
          <cell r="E678" t="str">
            <v>REG5</v>
          </cell>
          <cell r="F678" t="str">
            <v>Definition of justified or unfair dismissal</v>
          </cell>
          <cell r="G678">
            <v>2003</v>
          </cell>
        </row>
        <row r="679">
          <cell r="A679" t="str">
            <v>ISLREG62003</v>
          </cell>
          <cell r="B679" t="str">
            <v>ISL</v>
          </cell>
          <cell r="C679" t="str">
            <v>Iceland</v>
          </cell>
          <cell r="D679" t="str">
            <v>Item 6</v>
          </cell>
          <cell r="E679" t="str">
            <v>REG6</v>
          </cell>
          <cell r="F679" t="str">
            <v>Trial period</v>
          </cell>
          <cell r="G679">
            <v>2003</v>
          </cell>
        </row>
        <row r="680">
          <cell r="A680" t="str">
            <v>ISLREG72003</v>
          </cell>
          <cell r="B680" t="str">
            <v>ISL</v>
          </cell>
          <cell r="C680" t="str">
            <v>Iceland</v>
          </cell>
          <cell r="D680" t="str">
            <v>Item 7</v>
          </cell>
          <cell r="E680" t="str">
            <v>REG7</v>
          </cell>
          <cell r="F680" t="str">
            <v xml:space="preserve">Compensation following unfair dismissal </v>
          </cell>
          <cell r="G680">
            <v>2003</v>
          </cell>
        </row>
        <row r="681">
          <cell r="A681" t="str">
            <v>ISLREG82003</v>
          </cell>
          <cell r="B681" t="str">
            <v>ISL</v>
          </cell>
          <cell r="C681" t="str">
            <v>Iceland</v>
          </cell>
          <cell r="D681" t="str">
            <v>Item 8</v>
          </cell>
          <cell r="E681" t="str">
            <v>REG8</v>
          </cell>
          <cell r="F681" t="str">
            <v>Possibility of reinstatement following unfair dismissal</v>
          </cell>
          <cell r="G681">
            <v>2003</v>
          </cell>
        </row>
        <row r="682">
          <cell r="A682" t="str">
            <v>ISLREG92003</v>
          </cell>
          <cell r="B682" t="str">
            <v>ISL</v>
          </cell>
          <cell r="C682" t="str">
            <v>Iceland</v>
          </cell>
          <cell r="D682" t="str">
            <v>Item 9</v>
          </cell>
          <cell r="E682" t="str">
            <v>REG9</v>
          </cell>
          <cell r="F682" t="str">
            <v>Maximum time for claim</v>
          </cell>
          <cell r="G682">
            <v>2003</v>
          </cell>
        </row>
        <row r="683">
          <cell r="A683" t="str">
            <v>ISLFTC12003</v>
          </cell>
          <cell r="B683" t="str">
            <v>ISL</v>
          </cell>
          <cell r="C683" t="str">
            <v>Iceland</v>
          </cell>
          <cell r="D683" t="str">
            <v>Item 10</v>
          </cell>
          <cell r="E683" t="str">
            <v>FTC1</v>
          </cell>
          <cell r="F683" t="str">
            <v>Valid cases for use of fixed-term contracts, other than  “objective”  or “material” situation</v>
          </cell>
          <cell r="G683">
            <v>2003</v>
          </cell>
        </row>
        <row r="684">
          <cell r="A684" t="str">
            <v>ISLFTC22003</v>
          </cell>
          <cell r="B684" t="str">
            <v>ISL</v>
          </cell>
          <cell r="C684" t="str">
            <v>Iceland</v>
          </cell>
          <cell r="D684" t="str">
            <v>Item 11</v>
          </cell>
          <cell r="E684" t="str">
            <v>FTC2</v>
          </cell>
          <cell r="F684" t="str">
            <v>Maximum number of successive fixed-term contracts</v>
          </cell>
          <cell r="G684">
            <v>2003</v>
          </cell>
        </row>
        <row r="685">
          <cell r="A685" t="str">
            <v>ISLFTC32003</v>
          </cell>
          <cell r="B685" t="str">
            <v>ISL</v>
          </cell>
          <cell r="C685" t="str">
            <v>Iceland</v>
          </cell>
          <cell r="D685" t="str">
            <v>Item 12</v>
          </cell>
          <cell r="E685" t="str">
            <v>FTC3</v>
          </cell>
          <cell r="F685" t="str">
            <v>Maximum cumulated duration of successive fixed-term contracts</v>
          </cell>
          <cell r="G685">
            <v>2003</v>
          </cell>
        </row>
        <row r="686">
          <cell r="A686" t="str">
            <v>ISLTWA12003</v>
          </cell>
          <cell r="B686" t="str">
            <v>ISL</v>
          </cell>
          <cell r="C686" t="str">
            <v>Iceland</v>
          </cell>
          <cell r="D686" t="str">
            <v>Item 13</v>
          </cell>
          <cell r="E686" t="str">
            <v>TWA1</v>
          </cell>
          <cell r="F686" t="str">
            <v>Types of work for which TWA employment is legal</v>
          </cell>
          <cell r="G686">
            <v>2003</v>
          </cell>
        </row>
        <row r="687">
          <cell r="A687" t="str">
            <v>ISLTWA22003</v>
          </cell>
          <cell r="B687" t="str">
            <v>ISL</v>
          </cell>
          <cell r="C687" t="str">
            <v>Iceland</v>
          </cell>
          <cell r="D687" t="str">
            <v>Item 14</v>
          </cell>
          <cell r="E687" t="str">
            <v>TWA2A, TWA2B</v>
          </cell>
          <cell r="F687" t="str">
            <v>Are there any restrictions on the number of renewals of a TWA contract?</v>
          </cell>
          <cell r="G687">
            <v>2003</v>
          </cell>
        </row>
        <row r="688">
          <cell r="A688" t="str">
            <v>ISLTWA32003</v>
          </cell>
          <cell r="B688" t="str">
            <v>ISL</v>
          </cell>
          <cell r="C688" t="str">
            <v>Iceland</v>
          </cell>
          <cell r="D688" t="str">
            <v>Item 15</v>
          </cell>
          <cell r="E688" t="str">
            <v>TWA3A, TWA3B</v>
          </cell>
          <cell r="F688" t="str">
            <v>Maximum cumulated duration of temporary work contracts</v>
          </cell>
          <cell r="G688">
            <v>2003</v>
          </cell>
        </row>
        <row r="689">
          <cell r="A689" t="str">
            <v>ISLTWA42003</v>
          </cell>
          <cell r="B689" t="str">
            <v>ISL</v>
          </cell>
          <cell r="C689" t="str">
            <v>Iceland</v>
          </cell>
          <cell r="D689" t="str">
            <v>Item 16</v>
          </cell>
          <cell r="E689" t="str">
            <v>TWA4</v>
          </cell>
          <cell r="F689" t="str">
            <v>Authorisation or reporting requirements</v>
          </cell>
          <cell r="G689">
            <v>2003</v>
          </cell>
        </row>
        <row r="690">
          <cell r="A690" t="str">
            <v>ISLTWA52003</v>
          </cell>
          <cell r="B690" t="str">
            <v>ISL</v>
          </cell>
          <cell r="C690" t="str">
            <v>Iceland</v>
          </cell>
          <cell r="D690" t="str">
            <v>Item 17</v>
          </cell>
          <cell r="E690" t="str">
            <v>TWA5</v>
          </cell>
          <cell r="F690" t="str">
            <v>Equal treatment for TWA workers</v>
          </cell>
          <cell r="G690">
            <v>2003</v>
          </cell>
        </row>
        <row r="691">
          <cell r="A691" t="str">
            <v>ISLCD12003</v>
          </cell>
          <cell r="B691" t="str">
            <v>ISL</v>
          </cell>
          <cell r="C691" t="str">
            <v>Iceland</v>
          </cell>
          <cell r="D691" t="str">
            <v>Item 18</v>
          </cell>
          <cell r="E691" t="str">
            <v>CD1</v>
          </cell>
          <cell r="F691" t="str">
            <v>Definition of collective dismissal</v>
          </cell>
          <cell r="G691">
            <v>2003</v>
          </cell>
        </row>
        <row r="692">
          <cell r="A692" t="str">
            <v>ISLCD22003</v>
          </cell>
          <cell r="B692" t="str">
            <v>ISL</v>
          </cell>
          <cell r="C692" t="str">
            <v>Iceland</v>
          </cell>
          <cell r="D692" t="str">
            <v>Item 19</v>
          </cell>
          <cell r="E692" t="str">
            <v>CD2</v>
          </cell>
          <cell r="F692" t="str">
            <v>Additional notification requirements in case of collective dismissals</v>
          </cell>
          <cell r="G692">
            <v>2003</v>
          </cell>
        </row>
        <row r="693">
          <cell r="A693" t="str">
            <v>ISLCD32003</v>
          </cell>
          <cell r="B693" t="str">
            <v>ISL</v>
          </cell>
          <cell r="C693" t="str">
            <v>Iceland</v>
          </cell>
          <cell r="D693" t="str">
            <v>Item 20</v>
          </cell>
          <cell r="E693" t="str">
            <v>CD3</v>
          </cell>
          <cell r="F693" t="str">
            <v>Additional delays involved in case of collective dismissals</v>
          </cell>
          <cell r="G693">
            <v>2003</v>
          </cell>
        </row>
        <row r="694">
          <cell r="A694" t="str">
            <v>ISLCD42003</v>
          </cell>
          <cell r="B694" t="str">
            <v>ISL</v>
          </cell>
          <cell r="C694" t="str">
            <v>Iceland</v>
          </cell>
          <cell r="D694" t="str">
            <v>Item 21</v>
          </cell>
          <cell r="E694" t="str">
            <v>CD4</v>
          </cell>
          <cell r="F694" t="str">
            <v>Other special costs to employers in case of collective dismissals</v>
          </cell>
          <cell r="G694">
            <v>2003</v>
          </cell>
        </row>
        <row r="695">
          <cell r="A695" t="str">
            <v>INDREG12003</v>
          </cell>
          <cell r="B695" t="str">
            <v>IND</v>
          </cell>
          <cell r="C695" t="str">
            <v>India</v>
          </cell>
          <cell r="D695" t="str">
            <v>Item 1</v>
          </cell>
          <cell r="E695" t="str">
            <v>REG1</v>
          </cell>
          <cell r="F695" t="str">
            <v>Notification procedures</v>
          </cell>
          <cell r="G695">
            <v>2003</v>
          </cell>
        </row>
        <row r="696">
          <cell r="A696" t="str">
            <v>INDREG22003</v>
          </cell>
          <cell r="B696" t="str">
            <v>IND</v>
          </cell>
          <cell r="C696" t="str">
            <v>India</v>
          </cell>
          <cell r="D696" t="str">
            <v>Item 2</v>
          </cell>
          <cell r="E696" t="str">
            <v>REG2</v>
          </cell>
          <cell r="F696" t="str">
            <v>Delay before notice can start</v>
          </cell>
          <cell r="G696">
            <v>2003</v>
          </cell>
        </row>
        <row r="697">
          <cell r="A697" t="str">
            <v>INDREG32003</v>
          </cell>
          <cell r="B697" t="str">
            <v>IND</v>
          </cell>
          <cell r="C697" t="str">
            <v>India</v>
          </cell>
          <cell r="D697" t="str">
            <v>Item 3</v>
          </cell>
          <cell r="E697" t="str">
            <v>REG3A, REG3B, REG3C</v>
          </cell>
          <cell r="F697" t="str">
            <v>Notice / tenure</v>
          </cell>
          <cell r="G697">
            <v>2003</v>
          </cell>
        </row>
        <row r="698">
          <cell r="A698" t="str">
            <v>INDREG42003</v>
          </cell>
          <cell r="B698" t="str">
            <v>IND</v>
          </cell>
          <cell r="C698" t="str">
            <v>India</v>
          </cell>
          <cell r="D698" t="str">
            <v>Item 4</v>
          </cell>
          <cell r="E698" t="str">
            <v>REG4A, REG4B, REG4C</v>
          </cell>
          <cell r="F698" t="str">
            <v>Severance pay / tenure</v>
          </cell>
          <cell r="G698">
            <v>2003</v>
          </cell>
        </row>
        <row r="699">
          <cell r="A699" t="str">
            <v>INDREG52003</v>
          </cell>
          <cell r="B699" t="str">
            <v>IND</v>
          </cell>
          <cell r="C699" t="str">
            <v>India</v>
          </cell>
          <cell r="D699" t="str">
            <v>Item 5</v>
          </cell>
          <cell r="E699" t="str">
            <v>REG5</v>
          </cell>
          <cell r="F699" t="str">
            <v>Definition of justified or unfair dismissal</v>
          </cell>
          <cell r="G699">
            <v>2003</v>
          </cell>
        </row>
        <row r="700">
          <cell r="A700" t="str">
            <v>INDREG62003</v>
          </cell>
          <cell r="B700" t="str">
            <v>IND</v>
          </cell>
          <cell r="C700" t="str">
            <v>India</v>
          </cell>
          <cell r="D700" t="str">
            <v>Item 6</v>
          </cell>
          <cell r="E700" t="str">
            <v>REG6</v>
          </cell>
          <cell r="F700" t="str">
            <v>Trial period</v>
          </cell>
          <cell r="G700">
            <v>2003</v>
          </cell>
        </row>
        <row r="701">
          <cell r="A701" t="str">
            <v>INDREG72003</v>
          </cell>
          <cell r="B701" t="str">
            <v>IND</v>
          </cell>
          <cell r="C701" t="str">
            <v>India</v>
          </cell>
          <cell r="D701" t="str">
            <v>Item 7</v>
          </cell>
          <cell r="E701" t="str">
            <v>REG7</v>
          </cell>
          <cell r="F701" t="str">
            <v xml:space="preserve">Compensation following unfair dismissal </v>
          </cell>
          <cell r="G701">
            <v>2003</v>
          </cell>
        </row>
        <row r="702">
          <cell r="A702" t="str">
            <v>INDREG82003</v>
          </cell>
          <cell r="B702" t="str">
            <v>IND</v>
          </cell>
          <cell r="C702" t="str">
            <v>India</v>
          </cell>
          <cell r="D702" t="str">
            <v>Item 8</v>
          </cell>
          <cell r="E702" t="str">
            <v>REG8</v>
          </cell>
          <cell r="F702" t="str">
            <v>Possibility of reinstatement following unfair dismissal</v>
          </cell>
          <cell r="G702">
            <v>2003</v>
          </cell>
        </row>
        <row r="703">
          <cell r="A703" t="str">
            <v>INDREG92003</v>
          </cell>
          <cell r="B703" t="str">
            <v>IND</v>
          </cell>
          <cell r="C703" t="str">
            <v>India</v>
          </cell>
          <cell r="D703" t="str">
            <v>Item 9</v>
          </cell>
          <cell r="E703" t="str">
            <v>REG9</v>
          </cell>
          <cell r="F703" t="str">
            <v>Maximum time for claim</v>
          </cell>
          <cell r="G703">
            <v>2003</v>
          </cell>
        </row>
        <row r="704">
          <cell r="A704" t="str">
            <v>INDFTC12003</v>
          </cell>
          <cell r="B704" t="str">
            <v>IND</v>
          </cell>
          <cell r="C704" t="str">
            <v>India</v>
          </cell>
          <cell r="D704" t="str">
            <v>Item 10</v>
          </cell>
          <cell r="E704" t="str">
            <v>FTC1</v>
          </cell>
          <cell r="F704" t="str">
            <v>Valid cases for use of fixed-term contracts, other than  “objective”  or “material” situation</v>
          </cell>
          <cell r="G704">
            <v>2003</v>
          </cell>
        </row>
        <row r="705">
          <cell r="A705" t="str">
            <v>INDFTC22003</v>
          </cell>
          <cell r="B705" t="str">
            <v>IND</v>
          </cell>
          <cell r="C705" t="str">
            <v>India</v>
          </cell>
          <cell r="D705" t="str">
            <v>Item 11</v>
          </cell>
          <cell r="E705" t="str">
            <v>FTC2</v>
          </cell>
          <cell r="F705" t="str">
            <v>Maximum number of successive fixed-term contracts</v>
          </cell>
          <cell r="G705">
            <v>2003</v>
          </cell>
        </row>
        <row r="706">
          <cell r="A706" t="str">
            <v>INDFTC32003</v>
          </cell>
          <cell r="B706" t="str">
            <v>IND</v>
          </cell>
          <cell r="C706" t="str">
            <v>India</v>
          </cell>
          <cell r="D706" t="str">
            <v>Item 12</v>
          </cell>
          <cell r="E706" t="str">
            <v>FTC3</v>
          </cell>
          <cell r="F706" t="str">
            <v>Maximum cumulated duration of successive fixed-term contracts</v>
          </cell>
          <cell r="G706">
            <v>2003</v>
          </cell>
        </row>
        <row r="707">
          <cell r="A707" t="str">
            <v>INDTWA12003</v>
          </cell>
          <cell r="B707" t="str">
            <v>IND</v>
          </cell>
          <cell r="C707" t="str">
            <v>India</v>
          </cell>
          <cell r="D707" t="str">
            <v>Item 13</v>
          </cell>
          <cell r="E707" t="str">
            <v>TWA1</v>
          </cell>
          <cell r="F707" t="str">
            <v>Types of work for which TWA employment is legal</v>
          </cell>
          <cell r="G707">
            <v>2003</v>
          </cell>
        </row>
        <row r="708">
          <cell r="A708" t="str">
            <v>INDTWA22003</v>
          </cell>
          <cell r="B708" t="str">
            <v>IND</v>
          </cell>
          <cell r="C708" t="str">
            <v>India</v>
          </cell>
          <cell r="D708" t="str">
            <v>Item 14</v>
          </cell>
          <cell r="E708" t="str">
            <v>TWA2A, TWA2B</v>
          </cell>
          <cell r="F708" t="str">
            <v>Are there any restrictions on the number of renewals of a TWA contract?</v>
          </cell>
          <cell r="G708">
            <v>2003</v>
          </cell>
        </row>
        <row r="709">
          <cell r="A709" t="str">
            <v>INDTWA32003</v>
          </cell>
          <cell r="B709" t="str">
            <v>IND</v>
          </cell>
          <cell r="C709" t="str">
            <v>India</v>
          </cell>
          <cell r="D709" t="str">
            <v>Item 15</v>
          </cell>
          <cell r="E709" t="str">
            <v>TWA3A, TWA3B</v>
          </cell>
          <cell r="F709" t="str">
            <v>Maximum cumulated duration of temporary work contracts</v>
          </cell>
          <cell r="G709">
            <v>2003</v>
          </cell>
        </row>
        <row r="710">
          <cell r="A710" t="str">
            <v>INDTWA42003</v>
          </cell>
          <cell r="B710" t="str">
            <v>IND</v>
          </cell>
          <cell r="C710" t="str">
            <v>India</v>
          </cell>
          <cell r="D710" t="str">
            <v>Item 16</v>
          </cell>
          <cell r="E710" t="str">
            <v>TWA4</v>
          </cell>
          <cell r="F710" t="str">
            <v>Authorisation or reporting requirements</v>
          </cell>
          <cell r="G710">
            <v>2003</v>
          </cell>
        </row>
        <row r="711">
          <cell r="A711" t="str">
            <v>INDTWA52003</v>
          </cell>
          <cell r="B711" t="str">
            <v>IND</v>
          </cell>
          <cell r="C711" t="str">
            <v>India</v>
          </cell>
          <cell r="D711" t="str">
            <v>Item 17</v>
          </cell>
          <cell r="E711" t="str">
            <v>TWA5</v>
          </cell>
          <cell r="F711" t="str">
            <v>Equal treatment for TWA workers</v>
          </cell>
          <cell r="G711">
            <v>2003</v>
          </cell>
        </row>
        <row r="712">
          <cell r="A712" t="str">
            <v>INDCD12003</v>
          </cell>
          <cell r="B712" t="str">
            <v>IND</v>
          </cell>
          <cell r="C712" t="str">
            <v>India</v>
          </cell>
          <cell r="D712" t="str">
            <v>Item 18</v>
          </cell>
          <cell r="E712" t="str">
            <v>CD1</v>
          </cell>
          <cell r="F712" t="str">
            <v>Definition of collective dismissal</v>
          </cell>
          <cell r="G712">
            <v>2003</v>
          </cell>
        </row>
        <row r="713">
          <cell r="A713" t="str">
            <v>INDCD22003</v>
          </cell>
          <cell r="B713" t="str">
            <v>IND</v>
          </cell>
          <cell r="C713" t="str">
            <v>India</v>
          </cell>
          <cell r="D713" t="str">
            <v>Item 19</v>
          </cell>
          <cell r="E713" t="str">
            <v>CD2</v>
          </cell>
          <cell r="F713" t="str">
            <v>Additional notification requirements in case of collective dismissals</v>
          </cell>
          <cell r="G713">
            <v>2003</v>
          </cell>
        </row>
        <row r="714">
          <cell r="A714" t="str">
            <v>INDCD32003</v>
          </cell>
          <cell r="B714" t="str">
            <v>IND</v>
          </cell>
          <cell r="C714" t="str">
            <v>India</v>
          </cell>
          <cell r="D714" t="str">
            <v>Item 20</v>
          </cell>
          <cell r="E714" t="str">
            <v>CD3</v>
          </cell>
          <cell r="F714" t="str">
            <v>Additional delays involved in case of collective dismissals</v>
          </cell>
          <cell r="G714">
            <v>2003</v>
          </cell>
        </row>
        <row r="715">
          <cell r="A715" t="str">
            <v>INDCD42003</v>
          </cell>
          <cell r="B715" t="str">
            <v>IND</v>
          </cell>
          <cell r="C715" t="str">
            <v>India</v>
          </cell>
          <cell r="D715" t="str">
            <v>Item 21</v>
          </cell>
          <cell r="E715" t="str">
            <v>CD4</v>
          </cell>
          <cell r="F715" t="str">
            <v>Other special costs to employers in case of collective dismissals</v>
          </cell>
          <cell r="G715">
            <v>2003</v>
          </cell>
        </row>
        <row r="716">
          <cell r="A716" t="str">
            <v>IDNREG12003</v>
          </cell>
          <cell r="B716" t="str">
            <v>IDN</v>
          </cell>
          <cell r="C716" t="str">
            <v>Indonesia</v>
          </cell>
          <cell r="D716" t="str">
            <v>Item 1</v>
          </cell>
          <cell r="E716" t="str">
            <v>REG1</v>
          </cell>
          <cell r="F716" t="str">
            <v>Notification procedures</v>
          </cell>
          <cell r="G716">
            <v>2003</v>
          </cell>
        </row>
        <row r="717">
          <cell r="A717" t="str">
            <v>IDNREG22003</v>
          </cell>
          <cell r="B717" t="str">
            <v>IDN</v>
          </cell>
          <cell r="C717" t="str">
            <v>Indonesia</v>
          </cell>
          <cell r="D717" t="str">
            <v>Item 2</v>
          </cell>
          <cell r="E717" t="str">
            <v>REG2</v>
          </cell>
          <cell r="F717" t="str">
            <v>Delay before notice can start</v>
          </cell>
          <cell r="G717">
            <v>2003</v>
          </cell>
        </row>
        <row r="718">
          <cell r="A718" t="str">
            <v>IDNREG32003</v>
          </cell>
          <cell r="B718" t="str">
            <v>IDN</v>
          </cell>
          <cell r="C718" t="str">
            <v>Indonesia</v>
          </cell>
          <cell r="D718" t="str">
            <v>Item 3</v>
          </cell>
          <cell r="E718" t="str">
            <v>REG3A, REG3B, REG3C</v>
          </cell>
          <cell r="F718" t="str">
            <v>Notice / tenure</v>
          </cell>
          <cell r="G718">
            <v>2003</v>
          </cell>
        </row>
        <row r="719">
          <cell r="A719" t="str">
            <v>IDNREG42003</v>
          </cell>
          <cell r="B719" t="str">
            <v>IDN</v>
          </cell>
          <cell r="C719" t="str">
            <v>Indonesia</v>
          </cell>
          <cell r="D719" t="str">
            <v>Item 4</v>
          </cell>
          <cell r="E719" t="str">
            <v>REG4A, REG4B, REG4C</v>
          </cell>
          <cell r="F719" t="str">
            <v>Severance pay / tenure</v>
          </cell>
          <cell r="G719">
            <v>2003</v>
          </cell>
        </row>
        <row r="720">
          <cell r="A720" t="str">
            <v>IDNREG52003</v>
          </cell>
          <cell r="B720" t="str">
            <v>IDN</v>
          </cell>
          <cell r="C720" t="str">
            <v>Indonesia</v>
          </cell>
          <cell r="D720" t="str">
            <v>Item 5</v>
          </cell>
          <cell r="E720" t="str">
            <v>REG5</v>
          </cell>
          <cell r="F720" t="str">
            <v>Definition of justified or unfair dismissal</v>
          </cell>
          <cell r="G720">
            <v>2003</v>
          </cell>
        </row>
        <row r="721">
          <cell r="A721" t="str">
            <v>IDNREG62003</v>
          </cell>
          <cell r="B721" t="str">
            <v>IDN</v>
          </cell>
          <cell r="C721" t="str">
            <v>Indonesia</v>
          </cell>
          <cell r="D721" t="str">
            <v>Item 6</v>
          </cell>
          <cell r="E721" t="str">
            <v>REG6</v>
          </cell>
          <cell r="F721" t="str">
            <v>Trial period</v>
          </cell>
          <cell r="G721">
            <v>2003</v>
          </cell>
        </row>
        <row r="722">
          <cell r="A722" t="str">
            <v>IDNREG72003</v>
          </cell>
          <cell r="B722" t="str">
            <v>IDN</v>
          </cell>
          <cell r="C722" t="str">
            <v>Indonesia</v>
          </cell>
          <cell r="D722" t="str">
            <v>Item 7</v>
          </cell>
          <cell r="E722" t="str">
            <v>REG7</v>
          </cell>
          <cell r="F722" t="str">
            <v xml:space="preserve">Compensation following unfair dismissal </v>
          </cell>
          <cell r="G722">
            <v>2003</v>
          </cell>
        </row>
        <row r="723">
          <cell r="A723" t="str">
            <v>IDNREG82003</v>
          </cell>
          <cell r="B723" t="str">
            <v>IDN</v>
          </cell>
          <cell r="C723" t="str">
            <v>Indonesia</v>
          </cell>
          <cell r="D723" t="str">
            <v>Item 8</v>
          </cell>
          <cell r="E723" t="str">
            <v>REG8</v>
          </cell>
          <cell r="F723" t="str">
            <v>Possibility of reinstatement following unfair dismissal</v>
          </cell>
          <cell r="G723">
            <v>2003</v>
          </cell>
        </row>
        <row r="724">
          <cell r="A724" t="str">
            <v>IDNREG92003</v>
          </cell>
          <cell r="B724" t="str">
            <v>IDN</v>
          </cell>
          <cell r="C724" t="str">
            <v>Indonesia</v>
          </cell>
          <cell r="D724" t="str">
            <v>Item 9</v>
          </cell>
          <cell r="E724" t="str">
            <v>REG9</v>
          </cell>
          <cell r="F724" t="str">
            <v>Maximum time for claim</v>
          </cell>
          <cell r="G724">
            <v>2003</v>
          </cell>
        </row>
        <row r="725">
          <cell r="A725" t="str">
            <v>IDNFTC12003</v>
          </cell>
          <cell r="B725" t="str">
            <v>IDN</v>
          </cell>
          <cell r="C725" t="str">
            <v>Indonesia</v>
          </cell>
          <cell r="D725" t="str">
            <v>Item 10</v>
          </cell>
          <cell r="E725" t="str">
            <v>FTC1</v>
          </cell>
          <cell r="F725" t="str">
            <v>Valid cases for use of fixed-term contracts, other than  “objective”  or “material” situation</v>
          </cell>
          <cell r="G725">
            <v>2003</v>
          </cell>
        </row>
        <row r="726">
          <cell r="A726" t="str">
            <v>IDNFTC22003</v>
          </cell>
          <cell r="B726" t="str">
            <v>IDN</v>
          </cell>
          <cell r="C726" t="str">
            <v>Indonesia</v>
          </cell>
          <cell r="D726" t="str">
            <v>Item 11</v>
          </cell>
          <cell r="E726" t="str">
            <v>FTC2</v>
          </cell>
          <cell r="F726" t="str">
            <v>Maximum number of successive fixed-term contracts</v>
          </cell>
          <cell r="G726">
            <v>2003</v>
          </cell>
        </row>
        <row r="727">
          <cell r="A727" t="str">
            <v>IDNFTC32003</v>
          </cell>
          <cell r="B727" t="str">
            <v>IDN</v>
          </cell>
          <cell r="C727" t="str">
            <v>Indonesia</v>
          </cell>
          <cell r="D727" t="str">
            <v>Item 12</v>
          </cell>
          <cell r="E727" t="str">
            <v>FTC3</v>
          </cell>
          <cell r="F727" t="str">
            <v>Maximum cumulated duration of successive fixed-term contracts</v>
          </cell>
          <cell r="G727">
            <v>2003</v>
          </cell>
        </row>
        <row r="728">
          <cell r="A728" t="str">
            <v>IDNTWA12003</v>
          </cell>
          <cell r="B728" t="str">
            <v>IDN</v>
          </cell>
          <cell r="C728" t="str">
            <v>Indonesia</v>
          </cell>
          <cell r="D728" t="str">
            <v>Item 13</v>
          </cell>
          <cell r="E728" t="str">
            <v>TWA1</v>
          </cell>
          <cell r="F728" t="str">
            <v>Types of work for which TWA employment is legal</v>
          </cell>
          <cell r="G728">
            <v>2003</v>
          </cell>
        </row>
        <row r="729">
          <cell r="A729" t="str">
            <v>IDNTWA22003</v>
          </cell>
          <cell r="B729" t="str">
            <v>IDN</v>
          </cell>
          <cell r="C729" t="str">
            <v>Indonesia</v>
          </cell>
          <cell r="D729" t="str">
            <v>Item 14</v>
          </cell>
          <cell r="E729" t="str">
            <v>TWA2A, TWA2B</v>
          </cell>
          <cell r="F729" t="str">
            <v>Are there any restrictions on the number of renewals of a TWA contract?</v>
          </cell>
          <cell r="G729">
            <v>2003</v>
          </cell>
        </row>
        <row r="730">
          <cell r="A730" t="str">
            <v>IDNTWA32003</v>
          </cell>
          <cell r="B730" t="str">
            <v>IDN</v>
          </cell>
          <cell r="C730" t="str">
            <v>Indonesia</v>
          </cell>
          <cell r="D730" t="str">
            <v>Item 15</v>
          </cell>
          <cell r="E730" t="str">
            <v>TWA3A, TWA3B</v>
          </cell>
          <cell r="F730" t="str">
            <v>Maximum cumulated duration of temporary work contracts</v>
          </cell>
          <cell r="G730">
            <v>2003</v>
          </cell>
        </row>
        <row r="731">
          <cell r="A731" t="str">
            <v>IDNTWA42003</v>
          </cell>
          <cell r="B731" t="str">
            <v>IDN</v>
          </cell>
          <cell r="C731" t="str">
            <v>Indonesia</v>
          </cell>
          <cell r="D731" t="str">
            <v>Item 16</v>
          </cell>
          <cell r="E731" t="str">
            <v>TWA4</v>
          </cell>
          <cell r="F731" t="str">
            <v>Authorisation or reporting requirements</v>
          </cell>
          <cell r="G731">
            <v>2003</v>
          </cell>
        </row>
        <row r="732">
          <cell r="A732" t="str">
            <v>IDNTWA52003</v>
          </cell>
          <cell r="B732" t="str">
            <v>IDN</v>
          </cell>
          <cell r="C732" t="str">
            <v>Indonesia</v>
          </cell>
          <cell r="D732" t="str">
            <v>Item 17</v>
          </cell>
          <cell r="E732" t="str">
            <v>TWA5</v>
          </cell>
          <cell r="F732" t="str">
            <v>Equal treatment for TWA workers</v>
          </cell>
          <cell r="G732">
            <v>2003</v>
          </cell>
        </row>
        <row r="733">
          <cell r="A733" t="str">
            <v>IDNCD12003</v>
          </cell>
          <cell r="B733" t="str">
            <v>IDN</v>
          </cell>
          <cell r="C733" t="str">
            <v>Indonesia</v>
          </cell>
          <cell r="D733" t="str">
            <v>Item 18</v>
          </cell>
          <cell r="E733" t="str">
            <v>CD1</v>
          </cell>
          <cell r="F733" t="str">
            <v>Definition of collective dismissal</v>
          </cell>
          <cell r="G733">
            <v>2003</v>
          </cell>
        </row>
        <row r="734">
          <cell r="A734" t="str">
            <v>IDNCD22003</v>
          </cell>
          <cell r="B734" t="str">
            <v>IDN</v>
          </cell>
          <cell r="C734" t="str">
            <v>Indonesia</v>
          </cell>
          <cell r="D734" t="str">
            <v>Item 19</v>
          </cell>
          <cell r="E734" t="str">
            <v>CD2</v>
          </cell>
          <cell r="F734" t="str">
            <v>Additional notification requirements in case of collective dismissals</v>
          </cell>
          <cell r="G734">
            <v>2003</v>
          </cell>
        </row>
        <row r="735">
          <cell r="A735" t="str">
            <v>IDNCD32003</v>
          </cell>
          <cell r="B735" t="str">
            <v>IDN</v>
          </cell>
          <cell r="C735" t="str">
            <v>Indonesia</v>
          </cell>
          <cell r="D735" t="str">
            <v>Item 20</v>
          </cell>
          <cell r="E735" t="str">
            <v>CD3</v>
          </cell>
          <cell r="F735" t="str">
            <v>Additional delays involved in case of collective dismissals</v>
          </cell>
          <cell r="G735">
            <v>2003</v>
          </cell>
        </row>
        <row r="736">
          <cell r="A736" t="str">
            <v>IDNCD42003</v>
          </cell>
          <cell r="B736" t="str">
            <v>IDN</v>
          </cell>
          <cell r="C736" t="str">
            <v>Indonesia</v>
          </cell>
          <cell r="D736" t="str">
            <v>Item 21</v>
          </cell>
          <cell r="E736" t="str">
            <v>CD4</v>
          </cell>
          <cell r="F736" t="str">
            <v>Other special costs to employers in case of collective dismissals</v>
          </cell>
          <cell r="G736">
            <v>2003</v>
          </cell>
        </row>
        <row r="737">
          <cell r="A737" t="str">
            <v>ISRREG12003</v>
          </cell>
          <cell r="B737" t="str">
            <v>ISR</v>
          </cell>
          <cell r="C737" t="str">
            <v>Israel</v>
          </cell>
          <cell r="D737" t="str">
            <v>Item 1</v>
          </cell>
          <cell r="E737" t="str">
            <v>REG1</v>
          </cell>
          <cell r="F737" t="str">
            <v>Notification procedures</v>
          </cell>
          <cell r="G737">
            <v>2003</v>
          </cell>
        </row>
        <row r="738">
          <cell r="A738" t="str">
            <v>ISRREG22003</v>
          </cell>
          <cell r="B738" t="str">
            <v>ISR</v>
          </cell>
          <cell r="C738" t="str">
            <v>Israel</v>
          </cell>
          <cell r="D738" t="str">
            <v>Item 2</v>
          </cell>
          <cell r="E738" t="str">
            <v>REG2</v>
          </cell>
          <cell r="F738" t="str">
            <v>Delay before notice can start</v>
          </cell>
          <cell r="G738">
            <v>2003</v>
          </cell>
        </row>
        <row r="739">
          <cell r="A739" t="str">
            <v>ISRREG32003</v>
          </cell>
          <cell r="B739" t="str">
            <v>ISR</v>
          </cell>
          <cell r="C739" t="str">
            <v>Israel</v>
          </cell>
          <cell r="D739" t="str">
            <v>Item 3</v>
          </cell>
          <cell r="E739" t="str">
            <v>REG3A, REG3B, REG3C</v>
          </cell>
          <cell r="F739" t="str">
            <v>Notice / tenure</v>
          </cell>
          <cell r="G739">
            <v>2003</v>
          </cell>
        </row>
        <row r="740">
          <cell r="A740" t="str">
            <v>ISRREG42003</v>
          </cell>
          <cell r="B740" t="str">
            <v>ISR</v>
          </cell>
          <cell r="C740" t="str">
            <v>Israel</v>
          </cell>
          <cell r="D740" t="str">
            <v>Item 4</v>
          </cell>
          <cell r="E740" t="str">
            <v>REG4A, REG4B, REG4C</v>
          </cell>
          <cell r="F740" t="str">
            <v>Severance pay / tenure</v>
          </cell>
          <cell r="G740">
            <v>2003</v>
          </cell>
        </row>
        <row r="741">
          <cell r="A741" t="str">
            <v>ISRREG52003</v>
          </cell>
          <cell r="B741" t="str">
            <v>ISR</v>
          </cell>
          <cell r="C741" t="str">
            <v>Israel</v>
          </cell>
          <cell r="D741" t="str">
            <v>Item 5</v>
          </cell>
          <cell r="E741" t="str">
            <v>REG5</v>
          </cell>
          <cell r="F741" t="str">
            <v>Definition of justified or unfair dismissal</v>
          </cell>
          <cell r="G741">
            <v>2003</v>
          </cell>
        </row>
        <row r="742">
          <cell r="A742" t="str">
            <v>ISRREG62003</v>
          </cell>
          <cell r="B742" t="str">
            <v>ISR</v>
          </cell>
          <cell r="C742" t="str">
            <v>Israel</v>
          </cell>
          <cell r="D742" t="str">
            <v>Item 6</v>
          </cell>
          <cell r="E742" t="str">
            <v>REG6</v>
          </cell>
          <cell r="F742" t="str">
            <v>Trial period</v>
          </cell>
          <cell r="G742">
            <v>2003</v>
          </cell>
        </row>
        <row r="743">
          <cell r="A743" t="str">
            <v>ISRREG72003</v>
          </cell>
          <cell r="B743" t="str">
            <v>ISR</v>
          </cell>
          <cell r="C743" t="str">
            <v>Israel</v>
          </cell>
          <cell r="D743" t="str">
            <v>Item 7</v>
          </cell>
          <cell r="E743" t="str">
            <v>REG7</v>
          </cell>
          <cell r="F743" t="str">
            <v xml:space="preserve">Compensation following unfair dismissal </v>
          </cell>
          <cell r="G743">
            <v>2003</v>
          </cell>
        </row>
        <row r="744">
          <cell r="A744" t="str">
            <v>ISRREG82003</v>
          </cell>
          <cell r="B744" t="str">
            <v>ISR</v>
          </cell>
          <cell r="C744" t="str">
            <v>Israel</v>
          </cell>
          <cell r="D744" t="str">
            <v>Item 8</v>
          </cell>
          <cell r="E744" t="str">
            <v>REG8</v>
          </cell>
          <cell r="F744" t="str">
            <v>Possibility of reinstatement following unfair dismissal</v>
          </cell>
          <cell r="G744">
            <v>2003</v>
          </cell>
        </row>
        <row r="745">
          <cell r="A745" t="str">
            <v>ISRREG92003</v>
          </cell>
          <cell r="B745" t="str">
            <v>ISR</v>
          </cell>
          <cell r="C745" t="str">
            <v>Israel</v>
          </cell>
          <cell r="D745" t="str">
            <v>Item 9</v>
          </cell>
          <cell r="E745" t="str">
            <v>REG9</v>
          </cell>
          <cell r="F745" t="str">
            <v>Maximum time for claim</v>
          </cell>
          <cell r="G745">
            <v>2003</v>
          </cell>
        </row>
        <row r="746">
          <cell r="A746" t="str">
            <v>ISRFTC12003</v>
          </cell>
          <cell r="B746" t="str">
            <v>ISR</v>
          </cell>
          <cell r="C746" t="str">
            <v>Israel</v>
          </cell>
          <cell r="D746" t="str">
            <v>Item 10</v>
          </cell>
          <cell r="E746" t="str">
            <v>FTC1</v>
          </cell>
          <cell r="F746" t="str">
            <v>Valid cases for use of fixed-term contracts, other than  “objective”  or “material” situation</v>
          </cell>
          <cell r="G746">
            <v>2003</v>
          </cell>
        </row>
        <row r="747">
          <cell r="A747" t="str">
            <v>ISRFTC22003</v>
          </cell>
          <cell r="B747" t="str">
            <v>ISR</v>
          </cell>
          <cell r="C747" t="str">
            <v>Israel</v>
          </cell>
          <cell r="D747" t="str">
            <v>Item 11</v>
          </cell>
          <cell r="E747" t="str">
            <v>FTC2</v>
          </cell>
          <cell r="F747" t="str">
            <v>Maximum number of successive fixed-term contracts</v>
          </cell>
          <cell r="G747">
            <v>2003</v>
          </cell>
        </row>
        <row r="748">
          <cell r="A748" t="str">
            <v>ISRFTC32003</v>
          </cell>
          <cell r="B748" t="str">
            <v>ISR</v>
          </cell>
          <cell r="C748" t="str">
            <v>Israel</v>
          </cell>
          <cell r="D748" t="str">
            <v>Item 12</v>
          </cell>
          <cell r="E748" t="str">
            <v>FTC3</v>
          </cell>
          <cell r="F748" t="str">
            <v>Maximum cumulated duration of successive fixed-term contracts</v>
          </cell>
          <cell r="G748">
            <v>2003</v>
          </cell>
        </row>
        <row r="749">
          <cell r="A749" t="str">
            <v>ISRTWA12003</v>
          </cell>
          <cell r="B749" t="str">
            <v>ISR</v>
          </cell>
          <cell r="C749" t="str">
            <v>Israel</v>
          </cell>
          <cell r="D749" t="str">
            <v>Item 13</v>
          </cell>
          <cell r="E749" t="str">
            <v>TWA1</v>
          </cell>
          <cell r="F749" t="str">
            <v>Types of work for which TWA employment is legal</v>
          </cell>
          <cell r="G749">
            <v>2003</v>
          </cell>
        </row>
        <row r="750">
          <cell r="A750" t="str">
            <v>ISRTWA22003</v>
          </cell>
          <cell r="B750" t="str">
            <v>ISR</v>
          </cell>
          <cell r="C750" t="str">
            <v>Israel</v>
          </cell>
          <cell r="D750" t="str">
            <v>Item 14</v>
          </cell>
          <cell r="E750" t="str">
            <v>TWA2A, TWA2B</v>
          </cell>
          <cell r="F750" t="str">
            <v>Are there any restrictions on the number of renewals of a TWA contract?</v>
          </cell>
          <cell r="G750">
            <v>2003</v>
          </cell>
        </row>
        <row r="751">
          <cell r="A751" t="str">
            <v>ISRTWA32003</v>
          </cell>
          <cell r="B751" t="str">
            <v>ISR</v>
          </cell>
          <cell r="C751" t="str">
            <v>Israel</v>
          </cell>
          <cell r="D751" t="str">
            <v>Item 15</v>
          </cell>
          <cell r="E751" t="str">
            <v>TWA3A, TWA3B</v>
          </cell>
          <cell r="F751" t="str">
            <v>Maximum cumulated duration of temporary work contracts</v>
          </cell>
          <cell r="G751">
            <v>2003</v>
          </cell>
        </row>
        <row r="752">
          <cell r="A752" t="str">
            <v>ISRTWA42003</v>
          </cell>
          <cell r="B752" t="str">
            <v>ISR</v>
          </cell>
          <cell r="C752" t="str">
            <v>Israel</v>
          </cell>
          <cell r="D752" t="str">
            <v>Item 16</v>
          </cell>
          <cell r="E752" t="str">
            <v>TWA4</v>
          </cell>
          <cell r="F752" t="str">
            <v>Authorisation or reporting requirements</v>
          </cell>
          <cell r="G752">
            <v>2003</v>
          </cell>
        </row>
        <row r="753">
          <cell r="A753" t="str">
            <v>ISRTWA52003</v>
          </cell>
          <cell r="B753" t="str">
            <v>ISR</v>
          </cell>
          <cell r="C753" t="str">
            <v>Israel</v>
          </cell>
          <cell r="D753" t="str">
            <v>Item 17</v>
          </cell>
          <cell r="E753" t="str">
            <v>TWA5</v>
          </cell>
          <cell r="F753" t="str">
            <v>Equal treatment for TWA workers</v>
          </cell>
          <cell r="G753">
            <v>2003</v>
          </cell>
        </row>
        <row r="754">
          <cell r="A754" t="str">
            <v>ISRCD12003</v>
          </cell>
          <cell r="B754" t="str">
            <v>ISR</v>
          </cell>
          <cell r="C754" t="str">
            <v>Israel</v>
          </cell>
          <cell r="D754" t="str">
            <v>Item 18</v>
          </cell>
          <cell r="E754" t="str">
            <v>CD1</v>
          </cell>
          <cell r="F754" t="str">
            <v>Definition of collective dismissal</v>
          </cell>
          <cell r="G754">
            <v>2003</v>
          </cell>
        </row>
        <row r="755">
          <cell r="A755" t="str">
            <v>ISRCD22003</v>
          </cell>
          <cell r="B755" t="str">
            <v>ISR</v>
          </cell>
          <cell r="C755" t="str">
            <v>Israel</v>
          </cell>
          <cell r="D755" t="str">
            <v>Item 19</v>
          </cell>
          <cell r="E755" t="str">
            <v>CD2</v>
          </cell>
          <cell r="F755" t="str">
            <v>Additional notification requirements in case of collective dismissals</v>
          </cell>
          <cell r="G755">
            <v>2003</v>
          </cell>
        </row>
        <row r="756">
          <cell r="A756" t="str">
            <v>ISRCD32003</v>
          </cell>
          <cell r="B756" t="str">
            <v>ISR</v>
          </cell>
          <cell r="C756" t="str">
            <v>Israel</v>
          </cell>
          <cell r="D756" t="str">
            <v>Item 20</v>
          </cell>
          <cell r="E756" t="str">
            <v>CD3</v>
          </cell>
          <cell r="F756" t="str">
            <v>Additional delays involved in case of collective dismissals</v>
          </cell>
          <cell r="G756">
            <v>2003</v>
          </cell>
        </row>
        <row r="757">
          <cell r="A757" t="str">
            <v>ISRCD42003</v>
          </cell>
          <cell r="B757" t="str">
            <v>ISR</v>
          </cell>
          <cell r="C757" t="str">
            <v>Israel</v>
          </cell>
          <cell r="D757" t="str">
            <v>Item 21</v>
          </cell>
          <cell r="E757" t="str">
            <v>CD4</v>
          </cell>
          <cell r="F757" t="str">
            <v>Other special costs to employers in case of collective dismissals</v>
          </cell>
          <cell r="G757">
            <v>2003</v>
          </cell>
        </row>
        <row r="758">
          <cell r="A758" t="str">
            <v>LUXREG12003</v>
          </cell>
          <cell r="B758" t="str">
            <v>LUX</v>
          </cell>
          <cell r="C758" t="str">
            <v>Luxembourg</v>
          </cell>
          <cell r="D758" t="str">
            <v>Item 1</v>
          </cell>
          <cell r="E758" t="str">
            <v>REG1</v>
          </cell>
          <cell r="F758" t="str">
            <v>Notification procedures</v>
          </cell>
          <cell r="G758">
            <v>2003</v>
          </cell>
        </row>
        <row r="759">
          <cell r="A759" t="str">
            <v>LUXREG22003</v>
          </cell>
          <cell r="B759" t="str">
            <v>LUX</v>
          </cell>
          <cell r="C759" t="str">
            <v>Luxembourg</v>
          </cell>
          <cell r="D759" t="str">
            <v>Item 2</v>
          </cell>
          <cell r="E759" t="str">
            <v>REG2</v>
          </cell>
          <cell r="F759" t="str">
            <v>Delay before notice can start</v>
          </cell>
          <cell r="G759">
            <v>2003</v>
          </cell>
        </row>
        <row r="760">
          <cell r="A760" t="str">
            <v>LUXREG32003</v>
          </cell>
          <cell r="B760" t="str">
            <v>LUX</v>
          </cell>
          <cell r="C760" t="str">
            <v>Luxembourg</v>
          </cell>
          <cell r="D760" t="str">
            <v>Item 3</v>
          </cell>
          <cell r="E760" t="str">
            <v>REG3A, REG3B, REG3C</v>
          </cell>
          <cell r="F760" t="str">
            <v>Notice / tenure</v>
          </cell>
          <cell r="G760">
            <v>2003</v>
          </cell>
        </row>
        <row r="761">
          <cell r="A761" t="str">
            <v>LUXREG42003</v>
          </cell>
          <cell r="B761" t="str">
            <v>LUX</v>
          </cell>
          <cell r="C761" t="str">
            <v>Luxembourg</v>
          </cell>
          <cell r="D761" t="str">
            <v>Item 4</v>
          </cell>
          <cell r="E761" t="str">
            <v>REG4A, REG4B, REG4C</v>
          </cell>
          <cell r="F761" t="str">
            <v>Severance pay / tenure</v>
          </cell>
          <cell r="G761">
            <v>2003</v>
          </cell>
        </row>
        <row r="762">
          <cell r="A762" t="str">
            <v>LUXREG52003</v>
          </cell>
          <cell r="B762" t="str">
            <v>LUX</v>
          </cell>
          <cell r="C762" t="str">
            <v>Luxembourg</v>
          </cell>
          <cell r="D762" t="str">
            <v>Item 5</v>
          </cell>
          <cell r="E762" t="str">
            <v>REG5</v>
          </cell>
          <cell r="F762" t="str">
            <v>Definition of justified or unfair dismissal</v>
          </cell>
          <cell r="G762">
            <v>2003</v>
          </cell>
        </row>
        <row r="763">
          <cell r="A763" t="str">
            <v>LUXREG62003</v>
          </cell>
          <cell r="B763" t="str">
            <v>LUX</v>
          </cell>
          <cell r="C763" t="str">
            <v>Luxembourg</v>
          </cell>
          <cell r="D763" t="str">
            <v>Item 6</v>
          </cell>
          <cell r="E763" t="str">
            <v>REG6</v>
          </cell>
          <cell r="F763" t="str">
            <v>Trial period</v>
          </cell>
          <cell r="G763">
            <v>2003</v>
          </cell>
        </row>
        <row r="764">
          <cell r="A764" t="str">
            <v>LUXREG72003</v>
          </cell>
          <cell r="B764" t="str">
            <v>LUX</v>
          </cell>
          <cell r="C764" t="str">
            <v>Luxembourg</v>
          </cell>
          <cell r="D764" t="str">
            <v>Item 7</v>
          </cell>
          <cell r="E764" t="str">
            <v>REG7</v>
          </cell>
          <cell r="F764" t="str">
            <v xml:space="preserve">Compensation following unfair dismissal </v>
          </cell>
          <cell r="G764">
            <v>2003</v>
          </cell>
        </row>
        <row r="765">
          <cell r="A765" t="str">
            <v>LUXREG82003</v>
          </cell>
          <cell r="B765" t="str">
            <v>LUX</v>
          </cell>
          <cell r="C765" t="str">
            <v>Luxembourg</v>
          </cell>
          <cell r="D765" t="str">
            <v>Item 8</v>
          </cell>
          <cell r="E765" t="str">
            <v>REG8</v>
          </cell>
          <cell r="F765" t="str">
            <v>Possibility of reinstatement following unfair dismissal</v>
          </cell>
          <cell r="G765">
            <v>2003</v>
          </cell>
        </row>
        <row r="766">
          <cell r="A766" t="str">
            <v>LUXREG92003</v>
          </cell>
          <cell r="B766" t="str">
            <v>LUX</v>
          </cell>
          <cell r="C766" t="str">
            <v>Luxembourg</v>
          </cell>
          <cell r="D766" t="str">
            <v>Item 9</v>
          </cell>
          <cell r="E766" t="str">
            <v>REG9</v>
          </cell>
          <cell r="F766" t="str">
            <v>Maximum time for claim</v>
          </cell>
          <cell r="G766">
            <v>2003</v>
          </cell>
        </row>
        <row r="767">
          <cell r="A767" t="str">
            <v>LUXFTC12003</v>
          </cell>
          <cell r="B767" t="str">
            <v>LUX</v>
          </cell>
          <cell r="C767" t="str">
            <v>Luxembourg</v>
          </cell>
          <cell r="D767" t="str">
            <v>Item 10</v>
          </cell>
          <cell r="E767" t="str">
            <v>FTC1</v>
          </cell>
          <cell r="F767" t="str">
            <v>Valid cases for use of fixed-term contracts, other than  “objective”  or “material” situation</v>
          </cell>
          <cell r="G767">
            <v>2003</v>
          </cell>
        </row>
        <row r="768">
          <cell r="A768" t="str">
            <v>LUXFTC22003</v>
          </cell>
          <cell r="B768" t="str">
            <v>LUX</v>
          </cell>
          <cell r="C768" t="str">
            <v>Luxembourg</v>
          </cell>
          <cell r="D768" t="str">
            <v>Item 11</v>
          </cell>
          <cell r="E768" t="str">
            <v>FTC2</v>
          </cell>
          <cell r="F768" t="str">
            <v>Maximum number of successive fixed-term contracts</v>
          </cell>
          <cell r="G768">
            <v>2003</v>
          </cell>
        </row>
        <row r="769">
          <cell r="A769" t="str">
            <v>LUXFTC32003</v>
          </cell>
          <cell r="B769" t="str">
            <v>LUX</v>
          </cell>
          <cell r="C769" t="str">
            <v>Luxembourg</v>
          </cell>
          <cell r="D769" t="str">
            <v>Item 12</v>
          </cell>
          <cell r="E769" t="str">
            <v>FTC3</v>
          </cell>
          <cell r="F769" t="str">
            <v>Maximum cumulated duration of successive fixed-term contracts</v>
          </cell>
          <cell r="G769">
            <v>2003</v>
          </cell>
        </row>
        <row r="770">
          <cell r="A770" t="str">
            <v>LUXTWA12003</v>
          </cell>
          <cell r="B770" t="str">
            <v>LUX</v>
          </cell>
          <cell r="C770" t="str">
            <v>Luxembourg</v>
          </cell>
          <cell r="D770" t="str">
            <v>Item 13</v>
          </cell>
          <cell r="E770" t="str">
            <v>TWA1</v>
          </cell>
          <cell r="F770" t="str">
            <v>Types of work for which TWA employment is legal</v>
          </cell>
          <cell r="G770">
            <v>2003</v>
          </cell>
        </row>
        <row r="771">
          <cell r="A771" t="str">
            <v>LUXTWA22003</v>
          </cell>
          <cell r="B771" t="str">
            <v>LUX</v>
          </cell>
          <cell r="C771" t="str">
            <v>Luxembourg</v>
          </cell>
          <cell r="D771" t="str">
            <v>Item 14</v>
          </cell>
          <cell r="E771" t="str">
            <v>TWA2A, TWA2B</v>
          </cell>
          <cell r="F771" t="str">
            <v>Are there any restrictions on the number of renewals of a TWA contract?</v>
          </cell>
          <cell r="G771">
            <v>2003</v>
          </cell>
        </row>
        <row r="772">
          <cell r="A772" t="str">
            <v>LUXTWA32003</v>
          </cell>
          <cell r="B772" t="str">
            <v>LUX</v>
          </cell>
          <cell r="C772" t="str">
            <v>Luxembourg</v>
          </cell>
          <cell r="D772" t="str">
            <v>Item 15</v>
          </cell>
          <cell r="E772" t="str">
            <v>TWA3A, TWA3B</v>
          </cell>
          <cell r="F772" t="str">
            <v>Maximum cumulated duration of temporary work contracts</v>
          </cell>
          <cell r="G772">
            <v>2003</v>
          </cell>
        </row>
        <row r="773">
          <cell r="A773" t="str">
            <v>LUXTWA42003</v>
          </cell>
          <cell r="B773" t="str">
            <v>LUX</v>
          </cell>
          <cell r="C773" t="str">
            <v>Luxembourg</v>
          </cell>
          <cell r="D773" t="str">
            <v>Item 16</v>
          </cell>
          <cell r="E773" t="str">
            <v>TWA4</v>
          </cell>
          <cell r="F773" t="str">
            <v>Authorisation or reporting requirements</v>
          </cell>
          <cell r="G773">
            <v>2003</v>
          </cell>
        </row>
        <row r="774">
          <cell r="A774" t="str">
            <v>LUXTWA52003</v>
          </cell>
          <cell r="B774" t="str">
            <v>LUX</v>
          </cell>
          <cell r="C774" t="str">
            <v>Luxembourg</v>
          </cell>
          <cell r="D774" t="str">
            <v>Item 17</v>
          </cell>
          <cell r="E774" t="str">
            <v>TWA5</v>
          </cell>
          <cell r="F774" t="str">
            <v>Equal treatment for TWA workers</v>
          </cell>
          <cell r="G774">
            <v>2003</v>
          </cell>
        </row>
        <row r="775">
          <cell r="A775" t="str">
            <v>LUXCD12003</v>
          </cell>
          <cell r="B775" t="str">
            <v>LUX</v>
          </cell>
          <cell r="C775" t="str">
            <v>Luxembourg</v>
          </cell>
          <cell r="D775" t="str">
            <v>Item 18</v>
          </cell>
          <cell r="E775" t="str">
            <v>CD1</v>
          </cell>
          <cell r="F775" t="str">
            <v>Definition of collective dismissal</v>
          </cell>
          <cell r="G775">
            <v>2003</v>
          </cell>
        </row>
        <row r="776">
          <cell r="A776" t="str">
            <v>LUXCD22003</v>
          </cell>
          <cell r="B776" t="str">
            <v>LUX</v>
          </cell>
          <cell r="C776" t="str">
            <v>Luxembourg</v>
          </cell>
          <cell r="D776" t="str">
            <v>Item 19</v>
          </cell>
          <cell r="E776" t="str">
            <v>CD2</v>
          </cell>
          <cell r="F776" t="str">
            <v>Additional notification requirements in case of collective dismissals</v>
          </cell>
          <cell r="G776">
            <v>2003</v>
          </cell>
        </row>
        <row r="777">
          <cell r="A777" t="str">
            <v>LUXCD32003</v>
          </cell>
          <cell r="B777" t="str">
            <v>LUX</v>
          </cell>
          <cell r="C777" t="str">
            <v>Luxembourg</v>
          </cell>
          <cell r="D777" t="str">
            <v>Item 20</v>
          </cell>
          <cell r="E777" t="str">
            <v>CD3</v>
          </cell>
          <cell r="F777" t="str">
            <v>Additional delays involved in case of collective dismissals</v>
          </cell>
          <cell r="G777">
            <v>2003</v>
          </cell>
        </row>
        <row r="778">
          <cell r="A778" t="str">
            <v>LUXCD42003</v>
          </cell>
          <cell r="B778" t="str">
            <v>LUX</v>
          </cell>
          <cell r="C778" t="str">
            <v>Luxembourg</v>
          </cell>
          <cell r="D778" t="str">
            <v>Item 21</v>
          </cell>
          <cell r="E778" t="str">
            <v>CD4</v>
          </cell>
          <cell r="F778" t="str">
            <v>Other special costs to employers in case of collective dismissals</v>
          </cell>
          <cell r="G778">
            <v>2003</v>
          </cell>
        </row>
        <row r="779">
          <cell r="A779" t="str">
            <v>RUSREG12003</v>
          </cell>
          <cell r="B779" t="str">
            <v>RUS</v>
          </cell>
          <cell r="C779" t="str">
            <v>Russian Federation</v>
          </cell>
          <cell r="D779" t="str">
            <v>Item 1</v>
          </cell>
          <cell r="E779" t="str">
            <v>REG1</v>
          </cell>
          <cell r="F779" t="str">
            <v>Notification procedures</v>
          </cell>
          <cell r="G779">
            <v>2003</v>
          </cell>
        </row>
        <row r="780">
          <cell r="A780" t="str">
            <v>RUSREG22003</v>
          </cell>
          <cell r="B780" t="str">
            <v>RUS</v>
          </cell>
          <cell r="C780" t="str">
            <v>Russian Federation</v>
          </cell>
          <cell r="D780" t="str">
            <v>Item 2</v>
          </cell>
          <cell r="E780" t="str">
            <v>REG2</v>
          </cell>
          <cell r="F780" t="str">
            <v>Delay before notice can start</v>
          </cell>
          <cell r="G780">
            <v>2003</v>
          </cell>
        </row>
        <row r="781">
          <cell r="A781" t="str">
            <v>RUSREG32003</v>
          </cell>
          <cell r="B781" t="str">
            <v>RUS</v>
          </cell>
          <cell r="C781" t="str">
            <v>Russian Federation</v>
          </cell>
          <cell r="D781" t="str">
            <v>Item 3</v>
          </cell>
          <cell r="E781" t="str">
            <v>REG3A, REG3B, REG3C</v>
          </cell>
          <cell r="F781" t="str">
            <v>Notice / tenure</v>
          </cell>
          <cell r="G781">
            <v>2003</v>
          </cell>
        </row>
        <row r="782">
          <cell r="A782" t="str">
            <v>RUSREG42003</v>
          </cell>
          <cell r="B782" t="str">
            <v>RUS</v>
          </cell>
          <cell r="C782" t="str">
            <v>Russian Federation</v>
          </cell>
          <cell r="D782" t="str">
            <v>Item 4</v>
          </cell>
          <cell r="E782" t="str">
            <v>REG4A, REG4B, REG4C</v>
          </cell>
          <cell r="F782" t="str">
            <v>Severance pay / tenure</v>
          </cell>
          <cell r="G782">
            <v>2003</v>
          </cell>
        </row>
        <row r="783">
          <cell r="A783" t="str">
            <v>RUSREG52003</v>
          </cell>
          <cell r="B783" t="str">
            <v>RUS</v>
          </cell>
          <cell r="C783" t="str">
            <v>Russian Federation</v>
          </cell>
          <cell r="D783" t="str">
            <v>Item 5</v>
          </cell>
          <cell r="E783" t="str">
            <v>REG5</v>
          </cell>
          <cell r="F783" t="str">
            <v>Definition of justified or unfair dismissal</v>
          </cell>
          <cell r="G783">
            <v>2003</v>
          </cell>
        </row>
        <row r="784">
          <cell r="A784" t="str">
            <v>RUSREG62003</v>
          </cell>
          <cell r="B784" t="str">
            <v>RUS</v>
          </cell>
          <cell r="C784" t="str">
            <v>Russian Federation</v>
          </cell>
          <cell r="D784" t="str">
            <v>Item 6</v>
          </cell>
          <cell r="E784" t="str">
            <v>REG6</v>
          </cell>
          <cell r="F784" t="str">
            <v>Trial period</v>
          </cell>
          <cell r="G784">
            <v>2003</v>
          </cell>
        </row>
        <row r="785">
          <cell r="A785" t="str">
            <v>RUSREG72003</v>
          </cell>
          <cell r="B785" t="str">
            <v>RUS</v>
          </cell>
          <cell r="C785" t="str">
            <v>Russian Federation</v>
          </cell>
          <cell r="D785" t="str">
            <v>Item 7</v>
          </cell>
          <cell r="E785" t="str">
            <v>REG7</v>
          </cell>
          <cell r="F785" t="str">
            <v xml:space="preserve">Compensation following unfair dismissal </v>
          </cell>
          <cell r="G785">
            <v>2003</v>
          </cell>
        </row>
        <row r="786">
          <cell r="A786" t="str">
            <v>RUSREG82003</v>
          </cell>
          <cell r="B786" t="str">
            <v>RUS</v>
          </cell>
          <cell r="C786" t="str">
            <v>Russian Federation</v>
          </cell>
          <cell r="D786" t="str">
            <v>Item 8</v>
          </cell>
          <cell r="E786" t="str">
            <v>REG8</v>
          </cell>
          <cell r="F786" t="str">
            <v>Possibility of reinstatement following unfair dismissal</v>
          </cell>
          <cell r="G786">
            <v>2003</v>
          </cell>
        </row>
        <row r="787">
          <cell r="A787" t="str">
            <v>RUSREG92003</v>
          </cell>
          <cell r="B787" t="str">
            <v>RUS</v>
          </cell>
          <cell r="C787" t="str">
            <v>Russian Federation</v>
          </cell>
          <cell r="D787" t="str">
            <v>Item 9</v>
          </cell>
          <cell r="E787" t="str">
            <v>REG9</v>
          </cell>
          <cell r="F787" t="str">
            <v>Maximum time for claim</v>
          </cell>
          <cell r="G787">
            <v>2003</v>
          </cell>
        </row>
        <row r="788">
          <cell r="A788" t="str">
            <v>RUSFTC12003</v>
          </cell>
          <cell r="B788" t="str">
            <v>RUS</v>
          </cell>
          <cell r="C788" t="str">
            <v>Russian Federation</v>
          </cell>
          <cell r="D788" t="str">
            <v>Item 10</v>
          </cell>
          <cell r="E788" t="str">
            <v>FTC1</v>
          </cell>
          <cell r="F788" t="str">
            <v>Valid cases for use of fixed-term contracts, other than  “objective”  or “material” situation</v>
          </cell>
          <cell r="G788">
            <v>2003</v>
          </cell>
        </row>
        <row r="789">
          <cell r="A789" t="str">
            <v>RUSFTC22003</v>
          </cell>
          <cell r="B789" t="str">
            <v>RUS</v>
          </cell>
          <cell r="C789" t="str">
            <v>Russian Federation</v>
          </cell>
          <cell r="D789" t="str">
            <v>Item 11</v>
          </cell>
          <cell r="E789" t="str">
            <v>FTC2</v>
          </cell>
          <cell r="F789" t="str">
            <v>Maximum number of successive fixed-term contracts</v>
          </cell>
          <cell r="G789">
            <v>2003</v>
          </cell>
        </row>
        <row r="790">
          <cell r="A790" t="str">
            <v>RUSFTC32003</v>
          </cell>
          <cell r="B790" t="str">
            <v>RUS</v>
          </cell>
          <cell r="C790" t="str">
            <v>Russian Federation</v>
          </cell>
          <cell r="D790" t="str">
            <v>Item 12</v>
          </cell>
          <cell r="E790" t="str">
            <v>FTC3</v>
          </cell>
          <cell r="F790" t="str">
            <v>Maximum cumulated duration of successive fixed-term contracts</v>
          </cell>
          <cell r="G790">
            <v>2003</v>
          </cell>
        </row>
        <row r="791">
          <cell r="A791" t="str">
            <v>RUSTWA12003</v>
          </cell>
          <cell r="B791" t="str">
            <v>RUS</v>
          </cell>
          <cell r="C791" t="str">
            <v>Russian Federation</v>
          </cell>
          <cell r="D791" t="str">
            <v>Item 13</v>
          </cell>
          <cell r="E791" t="str">
            <v>TWA1</v>
          </cell>
          <cell r="F791" t="str">
            <v>Types of work for which TWA employment is legal</v>
          </cell>
          <cell r="G791">
            <v>2003</v>
          </cell>
        </row>
        <row r="792">
          <cell r="A792" t="str">
            <v>RUSTWA22003</v>
          </cell>
          <cell r="B792" t="str">
            <v>RUS</v>
          </cell>
          <cell r="C792" t="str">
            <v>Russian Federation</v>
          </cell>
          <cell r="D792" t="str">
            <v>Item 14</v>
          </cell>
          <cell r="E792" t="str">
            <v>TWA2A, TWA2B</v>
          </cell>
          <cell r="F792" t="str">
            <v>Are there any restrictions on the number of renewals of a TWA contract?</v>
          </cell>
          <cell r="G792">
            <v>2003</v>
          </cell>
        </row>
        <row r="793">
          <cell r="A793" t="str">
            <v>RUSTWA32003</v>
          </cell>
          <cell r="B793" t="str">
            <v>RUS</v>
          </cell>
          <cell r="C793" t="str">
            <v>Russian Federation</v>
          </cell>
          <cell r="D793" t="str">
            <v>Item 15</v>
          </cell>
          <cell r="E793" t="str">
            <v>TWA3A, TWA3B</v>
          </cell>
          <cell r="F793" t="str">
            <v>Maximum cumulated duration of temporary work contracts</v>
          </cell>
          <cell r="G793">
            <v>2003</v>
          </cell>
        </row>
        <row r="794">
          <cell r="A794" t="str">
            <v>RUSTWA42003</v>
          </cell>
          <cell r="B794" t="str">
            <v>RUS</v>
          </cell>
          <cell r="C794" t="str">
            <v>Russian Federation</v>
          </cell>
          <cell r="D794" t="str">
            <v>Item 16</v>
          </cell>
          <cell r="E794" t="str">
            <v>TWA4</v>
          </cell>
          <cell r="F794" t="str">
            <v>Authorisation or reporting requirements</v>
          </cell>
          <cell r="G794">
            <v>2003</v>
          </cell>
        </row>
        <row r="795">
          <cell r="A795" t="str">
            <v>RUSTWA52003</v>
          </cell>
          <cell r="B795" t="str">
            <v>RUS</v>
          </cell>
          <cell r="C795" t="str">
            <v>Russian Federation</v>
          </cell>
          <cell r="D795" t="str">
            <v>Item 17</v>
          </cell>
          <cell r="E795" t="str">
            <v>TWA5</v>
          </cell>
          <cell r="F795" t="str">
            <v>Equal treatment for TWA workers</v>
          </cell>
          <cell r="G795">
            <v>2003</v>
          </cell>
        </row>
        <row r="796">
          <cell r="A796" t="str">
            <v>RUSCD12003</v>
          </cell>
          <cell r="B796" t="str">
            <v>RUS</v>
          </cell>
          <cell r="C796" t="str">
            <v>Russian Federation</v>
          </cell>
          <cell r="D796" t="str">
            <v>Item 18</v>
          </cell>
          <cell r="E796" t="str">
            <v>CD1</v>
          </cell>
          <cell r="F796" t="str">
            <v>Definition of collective dismissal</v>
          </cell>
          <cell r="G796">
            <v>2003</v>
          </cell>
        </row>
        <row r="797">
          <cell r="A797" t="str">
            <v>RUSCD22003</v>
          </cell>
          <cell r="B797" t="str">
            <v>RUS</v>
          </cell>
          <cell r="C797" t="str">
            <v>Russian Federation</v>
          </cell>
          <cell r="D797" t="str">
            <v>Item 19</v>
          </cell>
          <cell r="E797" t="str">
            <v>CD2</v>
          </cell>
          <cell r="F797" t="str">
            <v>Additional notification requirements in case of collective dismissals</v>
          </cell>
          <cell r="G797">
            <v>2003</v>
          </cell>
        </row>
        <row r="798">
          <cell r="A798" t="str">
            <v>RUSCD32003</v>
          </cell>
          <cell r="B798" t="str">
            <v>RUS</v>
          </cell>
          <cell r="C798" t="str">
            <v>Russian Federation</v>
          </cell>
          <cell r="D798" t="str">
            <v>Item 20</v>
          </cell>
          <cell r="E798" t="str">
            <v>CD3</v>
          </cell>
          <cell r="F798" t="str">
            <v>Additional delays involved in case of collective dismissals</v>
          </cell>
          <cell r="G798">
            <v>2003</v>
          </cell>
        </row>
        <row r="799">
          <cell r="A799" t="str">
            <v>RUSCD42003</v>
          </cell>
          <cell r="B799" t="str">
            <v>RUS</v>
          </cell>
          <cell r="C799" t="str">
            <v>Russian Federation</v>
          </cell>
          <cell r="D799" t="str">
            <v>Item 21</v>
          </cell>
          <cell r="E799" t="str">
            <v>CD4</v>
          </cell>
          <cell r="F799" t="str">
            <v>Other special costs to employers in case of collective dismissals</v>
          </cell>
          <cell r="G799">
            <v>2003</v>
          </cell>
        </row>
        <row r="800">
          <cell r="A800" t="str">
            <v>SVNREG12003</v>
          </cell>
          <cell r="B800" t="str">
            <v>SVN</v>
          </cell>
          <cell r="C800" t="str">
            <v>Slovenia</v>
          </cell>
          <cell r="D800" t="str">
            <v>Item 1</v>
          </cell>
          <cell r="E800" t="str">
            <v>REG1</v>
          </cell>
          <cell r="F800" t="str">
            <v>Notification procedures</v>
          </cell>
          <cell r="G800">
            <v>2003</v>
          </cell>
        </row>
        <row r="801">
          <cell r="A801" t="str">
            <v>SVNREG22003</v>
          </cell>
          <cell r="B801" t="str">
            <v>SVN</v>
          </cell>
          <cell r="C801" t="str">
            <v>Slovenia</v>
          </cell>
          <cell r="D801" t="str">
            <v>Item 2</v>
          </cell>
          <cell r="E801" t="str">
            <v>REG2</v>
          </cell>
          <cell r="F801" t="str">
            <v>Delay before notice can start</v>
          </cell>
          <cell r="G801">
            <v>2003</v>
          </cell>
        </row>
        <row r="802">
          <cell r="A802" t="str">
            <v>SVNREG32003</v>
          </cell>
          <cell r="B802" t="str">
            <v>SVN</v>
          </cell>
          <cell r="C802" t="str">
            <v>Slovenia</v>
          </cell>
          <cell r="D802" t="str">
            <v>Item 3</v>
          </cell>
          <cell r="E802" t="str">
            <v>REG3A, REG3B, REG3C</v>
          </cell>
          <cell r="F802" t="str">
            <v>Notice / tenure</v>
          </cell>
          <cell r="G802">
            <v>2003</v>
          </cell>
        </row>
        <row r="803">
          <cell r="A803" t="str">
            <v>SVNREG42003</v>
          </cell>
          <cell r="B803" t="str">
            <v>SVN</v>
          </cell>
          <cell r="C803" t="str">
            <v>Slovenia</v>
          </cell>
          <cell r="D803" t="str">
            <v>Item 4</v>
          </cell>
          <cell r="E803" t="str">
            <v>REG4A, REG4B, REG4C</v>
          </cell>
          <cell r="F803" t="str">
            <v>Severance pay / tenure</v>
          </cell>
          <cell r="G803">
            <v>2003</v>
          </cell>
        </row>
        <row r="804">
          <cell r="A804" t="str">
            <v>SVNREG52003</v>
          </cell>
          <cell r="B804" t="str">
            <v>SVN</v>
          </cell>
          <cell r="C804" t="str">
            <v>Slovenia</v>
          </cell>
          <cell r="D804" t="str">
            <v>Item 5</v>
          </cell>
          <cell r="E804" t="str">
            <v>REG5</v>
          </cell>
          <cell r="F804" t="str">
            <v>Definition of justified or unfair dismissal</v>
          </cell>
          <cell r="G804">
            <v>2003</v>
          </cell>
        </row>
        <row r="805">
          <cell r="A805" t="str">
            <v>SVNREG62003</v>
          </cell>
          <cell r="B805" t="str">
            <v>SVN</v>
          </cell>
          <cell r="C805" t="str">
            <v>Slovenia</v>
          </cell>
          <cell r="D805" t="str">
            <v>Item 6</v>
          </cell>
          <cell r="E805" t="str">
            <v>REG6</v>
          </cell>
          <cell r="F805" t="str">
            <v>Trial period</v>
          </cell>
          <cell r="G805">
            <v>2003</v>
          </cell>
        </row>
        <row r="806">
          <cell r="A806" t="str">
            <v>SVNREG72003</v>
          </cell>
          <cell r="B806" t="str">
            <v>SVN</v>
          </cell>
          <cell r="C806" t="str">
            <v>Slovenia</v>
          </cell>
          <cell r="D806" t="str">
            <v>Item 7</v>
          </cell>
          <cell r="E806" t="str">
            <v>REG7</v>
          </cell>
          <cell r="F806" t="str">
            <v xml:space="preserve">Compensation following unfair dismissal </v>
          </cell>
          <cell r="G806">
            <v>2003</v>
          </cell>
        </row>
        <row r="807">
          <cell r="A807" t="str">
            <v>SVNREG82003</v>
          </cell>
          <cell r="B807" t="str">
            <v>SVN</v>
          </cell>
          <cell r="C807" t="str">
            <v>Slovenia</v>
          </cell>
          <cell r="D807" t="str">
            <v>Item 8</v>
          </cell>
          <cell r="E807" t="str">
            <v>REG8</v>
          </cell>
          <cell r="F807" t="str">
            <v>Possibility of reinstatement following unfair dismissal</v>
          </cell>
          <cell r="G807">
            <v>2003</v>
          </cell>
        </row>
        <row r="808">
          <cell r="A808" t="str">
            <v>SVNREG92003</v>
          </cell>
          <cell r="B808" t="str">
            <v>SVN</v>
          </cell>
          <cell r="C808" t="str">
            <v>Slovenia</v>
          </cell>
          <cell r="D808" t="str">
            <v>Item 9</v>
          </cell>
          <cell r="E808" t="str">
            <v>REG9</v>
          </cell>
          <cell r="F808" t="str">
            <v>Maximum time for claim</v>
          </cell>
          <cell r="G808">
            <v>2003</v>
          </cell>
        </row>
        <row r="809">
          <cell r="A809" t="str">
            <v>SVNFTC12003</v>
          </cell>
          <cell r="B809" t="str">
            <v>SVN</v>
          </cell>
          <cell r="C809" t="str">
            <v>Slovenia</v>
          </cell>
          <cell r="D809" t="str">
            <v>Item 10</v>
          </cell>
          <cell r="E809" t="str">
            <v>FTC1</v>
          </cell>
          <cell r="F809" t="str">
            <v>Valid cases for use of fixed-term contracts, other than  “objective”  or “material” situation</v>
          </cell>
          <cell r="G809">
            <v>2003</v>
          </cell>
        </row>
        <row r="810">
          <cell r="A810" t="str">
            <v>SVNFTC22003</v>
          </cell>
          <cell r="B810" t="str">
            <v>SVN</v>
          </cell>
          <cell r="C810" t="str">
            <v>Slovenia</v>
          </cell>
          <cell r="D810" t="str">
            <v>Item 11</v>
          </cell>
          <cell r="E810" t="str">
            <v>FTC2</v>
          </cell>
          <cell r="F810" t="str">
            <v>Maximum number of successive fixed-term contracts</v>
          </cell>
          <cell r="G810">
            <v>2003</v>
          </cell>
        </row>
        <row r="811">
          <cell r="A811" t="str">
            <v>SVNFTC32003</v>
          </cell>
          <cell r="B811" t="str">
            <v>SVN</v>
          </cell>
          <cell r="C811" t="str">
            <v>Slovenia</v>
          </cell>
          <cell r="D811" t="str">
            <v>Item 12</v>
          </cell>
          <cell r="E811" t="str">
            <v>FTC3</v>
          </cell>
          <cell r="F811" t="str">
            <v>Maximum cumulated duration of successive fixed-term contracts</v>
          </cell>
          <cell r="G811">
            <v>2003</v>
          </cell>
        </row>
        <row r="812">
          <cell r="A812" t="str">
            <v>SVNTWA12003</v>
          </cell>
          <cell r="B812" t="str">
            <v>SVN</v>
          </cell>
          <cell r="C812" t="str">
            <v>Slovenia</v>
          </cell>
          <cell r="D812" t="str">
            <v>Item 13</v>
          </cell>
          <cell r="E812" t="str">
            <v>TWA1</v>
          </cell>
          <cell r="F812" t="str">
            <v>Types of work for which TWA employment is legal</v>
          </cell>
          <cell r="G812">
            <v>2003</v>
          </cell>
        </row>
        <row r="813">
          <cell r="A813" t="str">
            <v>SVNTWA22003</v>
          </cell>
          <cell r="B813" t="str">
            <v>SVN</v>
          </cell>
          <cell r="C813" t="str">
            <v>Slovenia</v>
          </cell>
          <cell r="D813" t="str">
            <v>Item 14</v>
          </cell>
          <cell r="E813" t="str">
            <v>TWA2A, TWA2B</v>
          </cell>
          <cell r="F813" t="str">
            <v>Are there any restrictions on the number of renewals of a TWA contract?</v>
          </cell>
          <cell r="G813">
            <v>2003</v>
          </cell>
        </row>
        <row r="814">
          <cell r="A814" t="str">
            <v>SVNTWA32003</v>
          </cell>
          <cell r="B814" t="str">
            <v>SVN</v>
          </cell>
          <cell r="C814" t="str">
            <v>Slovenia</v>
          </cell>
          <cell r="D814" t="str">
            <v>Item 15</v>
          </cell>
          <cell r="E814" t="str">
            <v>TWA3A, TWA3B</v>
          </cell>
          <cell r="F814" t="str">
            <v>Maximum cumulated duration of temporary work contracts</v>
          </cell>
          <cell r="G814">
            <v>2003</v>
          </cell>
        </row>
        <row r="815">
          <cell r="A815" t="str">
            <v>SVNTWA42003</v>
          </cell>
          <cell r="B815" t="str">
            <v>SVN</v>
          </cell>
          <cell r="C815" t="str">
            <v>Slovenia</v>
          </cell>
          <cell r="D815" t="str">
            <v>Item 16</v>
          </cell>
          <cell r="E815" t="str">
            <v>TWA4</v>
          </cell>
          <cell r="F815" t="str">
            <v>Authorisation or reporting requirements</v>
          </cell>
          <cell r="G815">
            <v>2003</v>
          </cell>
        </row>
        <row r="816">
          <cell r="A816" t="str">
            <v>SVNTWA52003</v>
          </cell>
          <cell r="B816" t="str">
            <v>SVN</v>
          </cell>
          <cell r="C816" t="str">
            <v>Slovenia</v>
          </cell>
          <cell r="D816" t="str">
            <v>Item 17</v>
          </cell>
          <cell r="E816" t="str">
            <v>TWA5</v>
          </cell>
          <cell r="F816" t="str">
            <v>Equal treatment for TWA workers</v>
          </cell>
          <cell r="G816">
            <v>2003</v>
          </cell>
        </row>
        <row r="817">
          <cell r="A817" t="str">
            <v>SVNCD12003</v>
          </cell>
          <cell r="B817" t="str">
            <v>SVN</v>
          </cell>
          <cell r="C817" t="str">
            <v>Slovenia</v>
          </cell>
          <cell r="D817" t="str">
            <v>Item 18</v>
          </cell>
          <cell r="E817" t="str">
            <v>CD1</v>
          </cell>
          <cell r="F817" t="str">
            <v>Definition of collective dismissal</v>
          </cell>
          <cell r="G817">
            <v>2003</v>
          </cell>
        </row>
        <row r="818">
          <cell r="A818" t="str">
            <v>SVNCD22003</v>
          </cell>
          <cell r="B818" t="str">
            <v>SVN</v>
          </cell>
          <cell r="C818" t="str">
            <v>Slovenia</v>
          </cell>
          <cell r="D818" t="str">
            <v>Item 19</v>
          </cell>
          <cell r="E818" t="str">
            <v>CD2</v>
          </cell>
          <cell r="F818" t="str">
            <v>Additional notification requirements in case of collective dismissals</v>
          </cell>
          <cell r="G818">
            <v>2003</v>
          </cell>
        </row>
        <row r="819">
          <cell r="A819" t="str">
            <v>SVNCD32003</v>
          </cell>
          <cell r="B819" t="str">
            <v>SVN</v>
          </cell>
          <cell r="C819" t="str">
            <v>Slovenia</v>
          </cell>
          <cell r="D819" t="str">
            <v>Item 20</v>
          </cell>
          <cell r="E819" t="str">
            <v>CD3</v>
          </cell>
          <cell r="F819" t="str">
            <v>Additional delays involved in case of collective dismissals</v>
          </cell>
          <cell r="G819">
            <v>2003</v>
          </cell>
        </row>
        <row r="820">
          <cell r="A820" t="str">
            <v>SVNCD42003</v>
          </cell>
          <cell r="B820" t="str">
            <v>SVN</v>
          </cell>
          <cell r="C820" t="str">
            <v>Slovenia</v>
          </cell>
          <cell r="D820" t="str">
            <v>Item 21</v>
          </cell>
          <cell r="E820" t="str">
            <v>CD4</v>
          </cell>
          <cell r="F820" t="str">
            <v>Other special costs to employers in case of collective dismissals</v>
          </cell>
          <cell r="G820">
            <v>2003</v>
          </cell>
        </row>
        <row r="821">
          <cell r="A821" t="str">
            <v>ZAFREG12003</v>
          </cell>
          <cell r="B821" t="str">
            <v>ZAF</v>
          </cell>
          <cell r="C821" t="str">
            <v>South Africa</v>
          </cell>
          <cell r="D821" t="str">
            <v>Item 1</v>
          </cell>
          <cell r="E821" t="str">
            <v>REG1</v>
          </cell>
          <cell r="F821" t="str">
            <v>Notification procedures</v>
          </cell>
          <cell r="G821">
            <v>2003</v>
          </cell>
        </row>
        <row r="822">
          <cell r="A822" t="str">
            <v>ZAFREG22003</v>
          </cell>
          <cell r="B822" t="str">
            <v>ZAF</v>
          </cell>
          <cell r="C822" t="str">
            <v>South Africa</v>
          </cell>
          <cell r="D822" t="str">
            <v>Item 2</v>
          </cell>
          <cell r="E822" t="str">
            <v>REG2</v>
          </cell>
          <cell r="F822" t="str">
            <v>Delay before notice can start</v>
          </cell>
          <cell r="G822">
            <v>2003</v>
          </cell>
        </row>
        <row r="823">
          <cell r="A823" t="str">
            <v>ZAFREG32003</v>
          </cell>
          <cell r="B823" t="str">
            <v>ZAF</v>
          </cell>
          <cell r="C823" t="str">
            <v>South Africa</v>
          </cell>
          <cell r="D823" t="str">
            <v>Item 3</v>
          </cell>
          <cell r="E823" t="str">
            <v>REG3A, REG3B, REG3C</v>
          </cell>
          <cell r="F823" t="str">
            <v>Notice / tenure</v>
          </cell>
          <cell r="G823">
            <v>2003</v>
          </cell>
        </row>
        <row r="824">
          <cell r="A824" t="str">
            <v>ZAFREG42003</v>
          </cell>
          <cell r="B824" t="str">
            <v>ZAF</v>
          </cell>
          <cell r="C824" t="str">
            <v>South Africa</v>
          </cell>
          <cell r="D824" t="str">
            <v>Item 4</v>
          </cell>
          <cell r="E824" t="str">
            <v>REG4A, REG4B, REG4C</v>
          </cell>
          <cell r="F824" t="str">
            <v>Severance pay / tenure</v>
          </cell>
          <cell r="G824">
            <v>2003</v>
          </cell>
        </row>
        <row r="825">
          <cell r="A825" t="str">
            <v>ZAFREG52003</v>
          </cell>
          <cell r="B825" t="str">
            <v>ZAF</v>
          </cell>
          <cell r="C825" t="str">
            <v>South Africa</v>
          </cell>
          <cell r="D825" t="str">
            <v>Item 5</v>
          </cell>
          <cell r="E825" t="str">
            <v>REG5</v>
          </cell>
          <cell r="F825" t="str">
            <v>Definition of justified or unfair dismissal</v>
          </cell>
          <cell r="G825">
            <v>2003</v>
          </cell>
        </row>
        <row r="826">
          <cell r="A826" t="str">
            <v>ZAFREG62003</v>
          </cell>
          <cell r="B826" t="str">
            <v>ZAF</v>
          </cell>
          <cell r="C826" t="str">
            <v>South Africa</v>
          </cell>
          <cell r="D826" t="str">
            <v>Item 6</v>
          </cell>
          <cell r="E826" t="str">
            <v>REG6</v>
          </cell>
          <cell r="F826" t="str">
            <v>Trial period</v>
          </cell>
          <cell r="G826">
            <v>2003</v>
          </cell>
        </row>
        <row r="827">
          <cell r="A827" t="str">
            <v>ZAFREG72003</v>
          </cell>
          <cell r="B827" t="str">
            <v>ZAF</v>
          </cell>
          <cell r="C827" t="str">
            <v>South Africa</v>
          </cell>
          <cell r="D827" t="str">
            <v>Item 7</v>
          </cell>
          <cell r="E827" t="str">
            <v>REG7</v>
          </cell>
          <cell r="F827" t="str">
            <v xml:space="preserve">Compensation following unfair dismissal </v>
          </cell>
          <cell r="G827">
            <v>2003</v>
          </cell>
        </row>
        <row r="828">
          <cell r="A828" t="str">
            <v>ZAFREG82003</v>
          </cell>
          <cell r="B828" t="str">
            <v>ZAF</v>
          </cell>
          <cell r="C828" t="str">
            <v>South Africa</v>
          </cell>
          <cell r="D828" t="str">
            <v>Item 8</v>
          </cell>
          <cell r="E828" t="str">
            <v>REG8</v>
          </cell>
          <cell r="F828" t="str">
            <v>Possibility of reinstatement following unfair dismissal</v>
          </cell>
          <cell r="G828">
            <v>2003</v>
          </cell>
        </row>
        <row r="829">
          <cell r="A829" t="str">
            <v>ZAFREG92003</v>
          </cell>
          <cell r="B829" t="str">
            <v>ZAF</v>
          </cell>
          <cell r="C829" t="str">
            <v>South Africa</v>
          </cell>
          <cell r="D829" t="str">
            <v>Item 9</v>
          </cell>
          <cell r="E829" t="str">
            <v>REG9</v>
          </cell>
          <cell r="F829" t="str">
            <v>Maximum time for claim</v>
          </cell>
          <cell r="G829">
            <v>2003</v>
          </cell>
        </row>
        <row r="830">
          <cell r="A830" t="str">
            <v>ZAFFTC12003</v>
          </cell>
          <cell r="B830" t="str">
            <v>ZAF</v>
          </cell>
          <cell r="C830" t="str">
            <v>South Africa</v>
          </cell>
          <cell r="D830" t="str">
            <v>Item 10</v>
          </cell>
          <cell r="E830" t="str">
            <v>FTC1</v>
          </cell>
          <cell r="F830" t="str">
            <v>Valid cases for use of fixed-term contracts, other than  “objective”  or “material” situation</v>
          </cell>
          <cell r="G830">
            <v>2003</v>
          </cell>
        </row>
        <row r="831">
          <cell r="A831" t="str">
            <v>ZAFFTC22003</v>
          </cell>
          <cell r="B831" t="str">
            <v>ZAF</v>
          </cell>
          <cell r="C831" t="str">
            <v>South Africa</v>
          </cell>
          <cell r="D831" t="str">
            <v>Item 11</v>
          </cell>
          <cell r="E831" t="str">
            <v>FTC2</v>
          </cell>
          <cell r="F831" t="str">
            <v>Maximum number of successive fixed-term contracts</v>
          </cell>
          <cell r="G831">
            <v>2003</v>
          </cell>
        </row>
        <row r="832">
          <cell r="A832" t="str">
            <v>ZAFFTC32003</v>
          </cell>
          <cell r="B832" t="str">
            <v>ZAF</v>
          </cell>
          <cell r="C832" t="str">
            <v>South Africa</v>
          </cell>
          <cell r="D832" t="str">
            <v>Item 12</v>
          </cell>
          <cell r="E832" t="str">
            <v>FTC3</v>
          </cell>
          <cell r="F832" t="str">
            <v>Maximum cumulated duration of successive fixed-term contracts</v>
          </cell>
          <cell r="G832">
            <v>2003</v>
          </cell>
        </row>
        <row r="833">
          <cell r="A833" t="str">
            <v>ZAFTWA12003</v>
          </cell>
          <cell r="B833" t="str">
            <v>ZAF</v>
          </cell>
          <cell r="C833" t="str">
            <v>South Africa</v>
          </cell>
          <cell r="D833" t="str">
            <v>Item 13</v>
          </cell>
          <cell r="E833" t="str">
            <v>TWA1</v>
          </cell>
          <cell r="F833" t="str">
            <v>Types of work for which TWA employment is legal</v>
          </cell>
          <cell r="G833">
            <v>2003</v>
          </cell>
        </row>
        <row r="834">
          <cell r="A834" t="str">
            <v>ZAFTWA22003</v>
          </cell>
          <cell r="B834" t="str">
            <v>ZAF</v>
          </cell>
          <cell r="C834" t="str">
            <v>South Africa</v>
          </cell>
          <cell r="D834" t="str">
            <v>Item 14</v>
          </cell>
          <cell r="E834" t="str">
            <v>TWA2A, TWA2B</v>
          </cell>
          <cell r="F834" t="str">
            <v>Are there any restrictions on the number of renewals of a TWA contract?</v>
          </cell>
          <cell r="G834">
            <v>2003</v>
          </cell>
        </row>
        <row r="835">
          <cell r="A835" t="str">
            <v>ZAFTWA32003</v>
          </cell>
          <cell r="B835" t="str">
            <v>ZAF</v>
          </cell>
          <cell r="C835" t="str">
            <v>South Africa</v>
          </cell>
          <cell r="D835" t="str">
            <v>Item 15</v>
          </cell>
          <cell r="E835" t="str">
            <v>TWA3A, TWA3B</v>
          </cell>
          <cell r="F835" t="str">
            <v>Maximum cumulated duration of temporary work contracts</v>
          </cell>
          <cell r="G835">
            <v>2003</v>
          </cell>
        </row>
        <row r="836">
          <cell r="A836" t="str">
            <v>ZAFTWA42003</v>
          </cell>
          <cell r="B836" t="str">
            <v>ZAF</v>
          </cell>
          <cell r="C836" t="str">
            <v>South Africa</v>
          </cell>
          <cell r="D836" t="str">
            <v>Item 16</v>
          </cell>
          <cell r="E836" t="str">
            <v>TWA4</v>
          </cell>
          <cell r="F836" t="str">
            <v>Authorisation or reporting requirements</v>
          </cell>
          <cell r="G836">
            <v>2003</v>
          </cell>
        </row>
        <row r="837">
          <cell r="A837" t="str">
            <v>ZAFTWA52003</v>
          </cell>
          <cell r="B837" t="str">
            <v>ZAF</v>
          </cell>
          <cell r="C837" t="str">
            <v>South Africa</v>
          </cell>
          <cell r="D837" t="str">
            <v>Item 17</v>
          </cell>
          <cell r="E837" t="str">
            <v>TWA5</v>
          </cell>
          <cell r="F837" t="str">
            <v>Equal treatment for TWA workers</v>
          </cell>
          <cell r="G837">
            <v>2003</v>
          </cell>
        </row>
        <row r="838">
          <cell r="A838" t="str">
            <v>ZAFCD12003</v>
          </cell>
          <cell r="B838" t="str">
            <v>ZAF</v>
          </cell>
          <cell r="C838" t="str">
            <v>South Africa</v>
          </cell>
          <cell r="D838" t="str">
            <v>Item 18</v>
          </cell>
          <cell r="E838" t="str">
            <v>CD1</v>
          </cell>
          <cell r="F838" t="str">
            <v>Definition of collective dismissal</v>
          </cell>
          <cell r="G838">
            <v>2003</v>
          </cell>
        </row>
        <row r="839">
          <cell r="A839" t="str">
            <v>ZAFCD22003</v>
          </cell>
          <cell r="B839" t="str">
            <v>ZAF</v>
          </cell>
          <cell r="C839" t="str">
            <v>South Africa</v>
          </cell>
          <cell r="D839" t="str">
            <v>Item 19</v>
          </cell>
          <cell r="E839" t="str">
            <v>CD2</v>
          </cell>
          <cell r="F839" t="str">
            <v>Additional notification requirements in case of collective dismissals</v>
          </cell>
          <cell r="G839">
            <v>2003</v>
          </cell>
        </row>
        <row r="840">
          <cell r="A840" t="str">
            <v>ZAFCD32003</v>
          </cell>
          <cell r="B840" t="str">
            <v>ZAF</v>
          </cell>
          <cell r="C840" t="str">
            <v>South Africa</v>
          </cell>
          <cell r="D840" t="str">
            <v>Item 20</v>
          </cell>
          <cell r="E840" t="str">
            <v>CD3</v>
          </cell>
          <cell r="F840" t="str">
            <v>Additional delays involved in case of collective dismissals</v>
          </cell>
          <cell r="G840">
            <v>2003</v>
          </cell>
        </row>
        <row r="841">
          <cell r="A841" t="str">
            <v>ZAFCD42003</v>
          </cell>
          <cell r="B841" t="str">
            <v>ZAF</v>
          </cell>
          <cell r="C841" t="str">
            <v>South Africa</v>
          </cell>
          <cell r="D841" t="str">
            <v>Item 21</v>
          </cell>
          <cell r="E841" t="str">
            <v>CD4</v>
          </cell>
          <cell r="F841" t="str">
            <v>Other special costs to employers in case of collective dismissals</v>
          </cell>
          <cell r="G841">
            <v>2003</v>
          </cell>
        </row>
        <row r="842">
          <cell r="A842" t="str">
            <v>AUSREG12008</v>
          </cell>
          <cell r="B842" t="str">
            <v>AUS</v>
          </cell>
          <cell r="C842" t="str">
            <v>Australia</v>
          </cell>
          <cell r="D842" t="str">
            <v>Item 1</v>
          </cell>
          <cell r="E842" t="str">
            <v>REG1</v>
          </cell>
          <cell r="F842" t="str">
            <v>Notification procedures</v>
          </cell>
          <cell r="G842">
            <v>2008</v>
          </cell>
          <cell r="H842">
            <v>2008</v>
          </cell>
          <cell r="I84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842">
            <v>0.5</v>
          </cell>
          <cell r="M842">
            <v>1</v>
          </cell>
        </row>
        <row r="843">
          <cell r="A843" t="str">
            <v>AUSREG22008</v>
          </cell>
          <cell r="B843" t="str">
            <v>AUS</v>
          </cell>
          <cell r="C843" t="str">
            <v>Australia</v>
          </cell>
          <cell r="D843" t="str">
            <v>Item 2</v>
          </cell>
          <cell r="E843" t="str">
            <v>REG2</v>
          </cell>
          <cell r="F843" t="str">
            <v>Delay before notice can start</v>
          </cell>
          <cell r="G843">
            <v>2008</v>
          </cell>
          <cell r="H843">
            <v>2008</v>
          </cell>
          <cell r="I84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J843">
            <v>4</v>
          </cell>
          <cell r="M843">
            <v>1</v>
          </cell>
        </row>
        <row r="844">
          <cell r="A844" t="str">
            <v>AUSREG32008</v>
          </cell>
          <cell r="B844" t="str">
            <v>AUS</v>
          </cell>
          <cell r="C844" t="str">
            <v>Australia</v>
          </cell>
          <cell r="D844" t="str">
            <v>Item 3</v>
          </cell>
          <cell r="E844" t="str">
            <v>REG3A, REG3B, REG3C</v>
          </cell>
          <cell r="F844" t="str">
            <v>Notice / tenure</v>
          </cell>
          <cell r="G844">
            <v>2008</v>
          </cell>
          <cell r="H844">
            <v>2008</v>
          </cell>
          <cell r="I844" t="str">
            <v>All workers: 1w&lt;1y, 2w&lt;3y, 3w&lt;5y, 4w&gt;5y.  These notice periods are increased by one week if employee is over 45 years old and has over 2 years continuous service. Notice periods may be increased through collective agreements, particularly in cases of redundancy.
Calculation: 9 months tenure: 1week, 4 years tenure: 3 weeks, 20 years tenure: 4 weeks.</v>
          </cell>
          <cell r="J844">
            <v>0.25</v>
          </cell>
          <cell r="K844">
            <v>0.75</v>
          </cell>
          <cell r="L844">
            <v>1</v>
          </cell>
          <cell r="M844">
            <v>1</v>
          </cell>
          <cell r="N844">
            <v>1</v>
          </cell>
          <cell r="O844">
            <v>1</v>
          </cell>
        </row>
        <row r="845">
          <cell r="A845" t="str">
            <v>AUSREG42008</v>
          </cell>
          <cell r="B845" t="str">
            <v>AUS</v>
          </cell>
          <cell r="C845" t="str">
            <v>Australia</v>
          </cell>
          <cell r="D845" t="str">
            <v>Item 4</v>
          </cell>
          <cell r="E845" t="str">
            <v>REG4A, REG4B, REG4C</v>
          </cell>
          <cell r="F845" t="str">
            <v>Severance pay / tenure</v>
          </cell>
          <cell r="G845">
            <v>2008</v>
          </cell>
          <cell r="H845">
            <v>2008</v>
          </cell>
          <cell r="I845" t="str">
            <v>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J845">
            <v>0</v>
          </cell>
          <cell r="K845">
            <v>1</v>
          </cell>
          <cell r="L845">
            <v>1</v>
          </cell>
          <cell r="M845">
            <v>0</v>
          </cell>
          <cell r="N845">
            <v>2</v>
          </cell>
          <cell r="O845">
            <v>1</v>
          </cell>
        </row>
        <row r="846">
          <cell r="A846" t="str">
            <v>AUSREG52008</v>
          </cell>
          <cell r="B846" t="str">
            <v>AUS</v>
          </cell>
          <cell r="C846" t="str">
            <v>Australia</v>
          </cell>
          <cell r="D846" t="str">
            <v>Item 5</v>
          </cell>
          <cell r="E846" t="str">
            <v>REG5</v>
          </cell>
          <cell r="F846" t="str">
            <v>Definition of justified or unfair dismissal</v>
          </cell>
          <cell r="G846">
            <v>2008</v>
          </cell>
          <cell r="H846">
            <v>2008</v>
          </cell>
          <cell r="I846" t="str">
            <v xml:space="preserve">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
Firms employing 100 or less employees are exempt from unfair dismissal laws, but unlawful termination (for discriminatory reasons) continues to be prohibited in all firms. These firms are estimated to account for 56% of total employees. </v>
          </cell>
          <cell r="J846">
            <v>0</v>
          </cell>
          <cell r="M846">
            <v>0</v>
          </cell>
        </row>
        <row r="847">
          <cell r="A847" t="str">
            <v>AUSREG62008</v>
          </cell>
          <cell r="B847" t="str">
            <v>AUS</v>
          </cell>
          <cell r="C847" t="str">
            <v>Australia</v>
          </cell>
          <cell r="D847" t="str">
            <v>Item 6</v>
          </cell>
          <cell r="E847" t="str">
            <v>REG6</v>
          </cell>
          <cell r="F847" t="str">
            <v>Trial period</v>
          </cell>
          <cell r="G847">
            <v>2008</v>
          </cell>
          <cell r="H847">
            <v>2008</v>
          </cell>
          <cell r="I847" t="str">
            <v>The probation period is no more than 3 months, except if a longer period is reasonable given the nature of employment. Employees are not eligible to make an unfair dismissal claim in the first 6 months of employment.</v>
          </cell>
          <cell r="J847">
            <v>6</v>
          </cell>
          <cell r="M847">
            <v>3</v>
          </cell>
          <cell r="P847" t="str">
            <v>YES</v>
          </cell>
        </row>
        <row r="848">
          <cell r="A848" t="str">
            <v>AUSREG72008</v>
          </cell>
          <cell r="B848" t="str">
            <v>AUS</v>
          </cell>
          <cell r="C848" t="str">
            <v>Australia</v>
          </cell>
          <cell r="D848" t="str">
            <v>Item 7</v>
          </cell>
          <cell r="E848" t="str">
            <v>REG7</v>
          </cell>
          <cell r="F848" t="str">
            <v xml:space="preserve">Compensation following unfair dismissal </v>
          </cell>
          <cell r="G848">
            <v>2008</v>
          </cell>
          <cell r="H848">
            <v>2008</v>
          </cell>
          <cell r="I848" t="str">
            <v xml:space="preserve">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
</v>
          </cell>
          <cell r="J848">
            <v>6</v>
          </cell>
          <cell r="M848">
            <v>1</v>
          </cell>
          <cell r="P848" t="str">
            <v>YES</v>
          </cell>
        </row>
        <row r="849">
          <cell r="A849" t="str">
            <v>AUSREG82008</v>
          </cell>
          <cell r="B849" t="str">
            <v>AUS</v>
          </cell>
          <cell r="C849" t="str">
            <v>Australia</v>
          </cell>
          <cell r="D849" t="str">
            <v>Item 8</v>
          </cell>
          <cell r="E849" t="str">
            <v>REG8</v>
          </cell>
          <cell r="F849" t="str">
            <v>Possibility of reinstatement following unfair dismissal</v>
          </cell>
          <cell r="G849">
            <v>2008</v>
          </cell>
          <cell r="H849">
            <v>2008</v>
          </cell>
          <cell r="I849" t="str">
            <v>Courts may order reinstatement with back pay. The option of reinstatement is relatively rarely made available to the employee (reinstatement is typically granted in no more than 20% of the cases in which the dismissal is found harsh, unjust or unreasonable by AIRC).</v>
          </cell>
          <cell r="J849">
            <v>1</v>
          </cell>
          <cell r="M849">
            <v>2</v>
          </cell>
          <cell r="P849" t="str">
            <v>YES</v>
          </cell>
        </row>
        <row r="850">
          <cell r="A850" t="str">
            <v>AUSREG92008</v>
          </cell>
          <cell r="B850" t="str">
            <v>AUS</v>
          </cell>
          <cell r="C850" t="str">
            <v>Australia</v>
          </cell>
          <cell r="D850" t="str">
            <v>Item 9</v>
          </cell>
          <cell r="E850" t="str">
            <v>REG9</v>
          </cell>
          <cell r="F850" t="str">
            <v>Maximum time for claim</v>
          </cell>
          <cell r="G850">
            <v>2008</v>
          </cell>
          <cell r="H850">
            <v>2008</v>
          </cell>
          <cell r="I850" t="str">
            <v>21 days.</v>
          </cell>
          <cell r="J850">
            <v>0.75</v>
          </cell>
          <cell r="M850">
            <v>1</v>
          </cell>
        </row>
        <row r="851">
          <cell r="A851" t="str">
            <v>AUSFTC12008</v>
          </cell>
          <cell r="B851" t="str">
            <v>AUS</v>
          </cell>
          <cell r="C851" t="str">
            <v>Australia</v>
          </cell>
          <cell r="D851" t="str">
            <v>Item 10</v>
          </cell>
          <cell r="E851" t="str">
            <v>FTC1</v>
          </cell>
          <cell r="F851" t="str">
            <v>Valid cases for use of fixed-term contracts, other than  “objective”  or “material” situation</v>
          </cell>
          <cell r="G851">
            <v>2008</v>
          </cell>
          <cell r="H851">
            <v>2008</v>
          </cell>
          <cell r="I851" t="str">
            <v>No restrictions in legislation</v>
          </cell>
          <cell r="J851">
            <v>3</v>
          </cell>
          <cell r="M851">
            <v>0</v>
          </cell>
        </row>
        <row r="852">
          <cell r="A852" t="str">
            <v>AUSFTC22008</v>
          </cell>
          <cell r="B852" t="str">
            <v>AUS</v>
          </cell>
          <cell r="C852" t="str">
            <v>Australia</v>
          </cell>
          <cell r="D852" t="str">
            <v>Item 11</v>
          </cell>
          <cell r="E852" t="str">
            <v>FTC2</v>
          </cell>
          <cell r="F852" t="str">
            <v>Maximum number of successive fixed-term contracts</v>
          </cell>
          <cell r="G852">
            <v>2008</v>
          </cell>
          <cell r="H852">
            <v>2008</v>
          </cell>
          <cell r="I852" t="str">
            <v xml:space="preserve">Estimated 1.5 No legal limit specified; but risk that, upon continuous renewal, the courts will find that the primary purpose of the contract is to avoid termination laws. </v>
          </cell>
          <cell r="J852">
            <v>1.5</v>
          </cell>
          <cell r="M852">
            <v>5</v>
          </cell>
        </row>
        <row r="853">
          <cell r="A853" t="str">
            <v>AUSFTC32008</v>
          </cell>
          <cell r="B853" t="str">
            <v>AUS</v>
          </cell>
          <cell r="C853" t="str">
            <v>Australia</v>
          </cell>
          <cell r="D853" t="str">
            <v>Item 12</v>
          </cell>
          <cell r="E853" t="str">
            <v>FTC3</v>
          </cell>
          <cell r="F853" t="str">
            <v>Maximum cumulated duration of successive fixed-term contracts</v>
          </cell>
          <cell r="G853">
            <v>2008</v>
          </cell>
          <cell r="H853">
            <v>2008</v>
          </cell>
          <cell r="I853" t="str">
            <v>No limit specified.</v>
          </cell>
          <cell r="J853">
            <v>200</v>
          </cell>
          <cell r="M853">
            <v>0</v>
          </cell>
        </row>
        <row r="854">
          <cell r="A854" t="str">
            <v>AUSTWA12008</v>
          </cell>
          <cell r="B854" t="str">
            <v>AUS</v>
          </cell>
          <cell r="C854" t="str">
            <v>Australia</v>
          </cell>
          <cell r="D854" t="str">
            <v>Item 13</v>
          </cell>
          <cell r="E854" t="str">
            <v>TWA1</v>
          </cell>
          <cell r="F854" t="str">
            <v>Types of work for which TWA employment is legal</v>
          </cell>
          <cell r="G854">
            <v>2008</v>
          </cell>
          <cell r="H854">
            <v>2008</v>
          </cell>
          <cell r="I854" t="str">
            <v>General</v>
          </cell>
          <cell r="J854">
            <v>4</v>
          </cell>
          <cell r="M854">
            <v>0</v>
          </cell>
        </row>
        <row r="855">
          <cell r="A855" t="str">
            <v>AUSTWA22008</v>
          </cell>
          <cell r="B855" t="str">
            <v>AUS</v>
          </cell>
          <cell r="C855" t="str">
            <v>Australia</v>
          </cell>
          <cell r="D855" t="str">
            <v>Item 14</v>
          </cell>
          <cell r="E855" t="str">
            <v>TWA2A, TWA2B</v>
          </cell>
          <cell r="F855" t="str">
            <v>Are there any restrictions on the number of renewals of a TWA contract?</v>
          </cell>
          <cell r="G855">
            <v>2008</v>
          </cell>
          <cell r="H855">
            <v>2008</v>
          </cell>
          <cell r="I855" t="str">
            <v>No.</v>
          </cell>
          <cell r="J855" t="str">
            <v>No</v>
          </cell>
          <cell r="K855" t="str">
            <v>No</v>
          </cell>
          <cell r="M855">
            <v>2</v>
          </cell>
          <cell r="N855">
            <v>2</v>
          </cell>
        </row>
        <row r="856">
          <cell r="A856" t="str">
            <v>AUSTWA32008</v>
          </cell>
          <cell r="B856" t="str">
            <v>AUS</v>
          </cell>
          <cell r="C856" t="str">
            <v>Australia</v>
          </cell>
          <cell r="D856" t="str">
            <v>Item 15</v>
          </cell>
          <cell r="E856" t="str">
            <v>TWA3A, TWA3B</v>
          </cell>
          <cell r="F856" t="str">
            <v>Maximum cumulated duration of temporary work contracts</v>
          </cell>
          <cell r="G856">
            <v>2008</v>
          </cell>
          <cell r="H856">
            <v>2008</v>
          </cell>
          <cell r="I856" t="str">
            <v>No limit.</v>
          </cell>
          <cell r="J856">
            <v>100</v>
          </cell>
          <cell r="K856">
            <v>100</v>
          </cell>
          <cell r="M856">
            <v>0</v>
          </cell>
          <cell r="N856">
            <v>0</v>
          </cell>
        </row>
        <row r="857">
          <cell r="A857" t="str">
            <v>AUSTWA42008</v>
          </cell>
          <cell r="B857" t="str">
            <v>AUS</v>
          </cell>
          <cell r="C857" t="str">
            <v>Australia</v>
          </cell>
          <cell r="D857" t="str">
            <v>Item 16</v>
          </cell>
          <cell r="E857" t="str">
            <v>TWA4</v>
          </cell>
          <cell r="F857" t="str">
            <v>Authorisation and reporting obligations</v>
          </cell>
          <cell r="G857">
            <v>2008</v>
          </cell>
          <cell r="H857">
            <v>2008</v>
          </cell>
          <cell r="I857" t="str">
            <v>No</v>
          </cell>
          <cell r="J857">
            <v>0</v>
          </cell>
          <cell r="M857">
            <v>0</v>
          </cell>
        </row>
        <row r="858">
          <cell r="A858" t="str">
            <v>AUSTWA52008</v>
          </cell>
          <cell r="B858" t="str">
            <v>AUS</v>
          </cell>
          <cell r="C858" t="str">
            <v>Australia</v>
          </cell>
          <cell r="D858" t="str">
            <v>Item 17</v>
          </cell>
          <cell r="E858" t="str">
            <v>TWA5</v>
          </cell>
          <cell r="F858" t="str">
            <v>Equal treatment for TWA workers</v>
          </cell>
          <cell r="G858">
            <v>2008</v>
          </cell>
          <cell r="H858">
            <v>2008</v>
          </cell>
          <cell r="I858" t="str">
            <v>No regulations for equal treatment. Law prohibits restrictive clauses on use of agency workers in awards and agreements.</v>
          </cell>
          <cell r="J858">
            <v>0</v>
          </cell>
          <cell r="M858">
            <v>0</v>
          </cell>
        </row>
        <row r="859">
          <cell r="A859" t="str">
            <v>AUSCD12008</v>
          </cell>
          <cell r="B859" t="str">
            <v>AUS</v>
          </cell>
          <cell r="C859" t="str">
            <v>Australia</v>
          </cell>
          <cell r="D859" t="str">
            <v>Item 18</v>
          </cell>
          <cell r="E859" t="str">
            <v>CD1</v>
          </cell>
          <cell r="F859" t="str">
            <v>Definition of collective dismissal</v>
          </cell>
          <cell r="G859">
            <v>2008</v>
          </cell>
          <cell r="H859">
            <v>2008</v>
          </cell>
          <cell r="I859" t="str">
            <v>Termination of 15 or more employees for reasons of an economic, technological or structural nature, or for reasons including such reasons.</v>
          </cell>
          <cell r="J859">
            <v>3</v>
          </cell>
          <cell r="M859">
            <v>4.5</v>
          </cell>
        </row>
        <row r="860">
          <cell r="A860" t="str">
            <v>AUSCD22008</v>
          </cell>
          <cell r="B860" t="str">
            <v>AUS</v>
          </cell>
          <cell r="C860" t="str">
            <v>Australia</v>
          </cell>
          <cell r="D860" t="str">
            <v>Item 19</v>
          </cell>
          <cell r="E860" t="str">
            <v>CD2</v>
          </cell>
          <cell r="F860" t="str">
            <v>Additional notification requirements in case of collective dismissals</v>
          </cell>
          <cell r="G860">
            <v>2008</v>
          </cell>
          <cell r="H860">
            <v>2008</v>
          </cell>
          <cell r="I860" t="str">
            <v>Notification of employee representatives: Obligation to inform and consult with employees and trade union (if requested by an affected employee), where relevant. Notification of public authorities: Notification of competent labour authorities.</v>
          </cell>
          <cell r="J860">
            <v>2</v>
          </cell>
          <cell r="M860">
            <v>6</v>
          </cell>
        </row>
        <row r="861">
          <cell r="A861" t="str">
            <v>AUSCD32008</v>
          </cell>
          <cell r="B861" t="str">
            <v>AUS</v>
          </cell>
          <cell r="C861" t="str">
            <v>Australia</v>
          </cell>
          <cell r="D861" t="str">
            <v>Item 20</v>
          </cell>
          <cell r="E861" t="str">
            <v>CD3</v>
          </cell>
          <cell r="F861" t="str">
            <v>Additional delays involved in case of collective dismissals</v>
          </cell>
          <cell r="G861">
            <v>2008</v>
          </cell>
          <cell r="H861">
            <v>2008</v>
          </cell>
          <cell r="I86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861">
            <v>5</v>
          </cell>
          <cell r="M861">
            <v>1</v>
          </cell>
        </row>
        <row r="862">
          <cell r="A862" t="str">
            <v>AUSCD42008</v>
          </cell>
          <cell r="B862" t="str">
            <v>AUS</v>
          </cell>
          <cell r="C862" t="str">
            <v>Australia</v>
          </cell>
          <cell r="D862" t="str">
            <v>Item 21</v>
          </cell>
          <cell r="E862" t="str">
            <v>CD4</v>
          </cell>
          <cell r="F862" t="str">
            <v>Other special costs to employers in case of collective dismissals</v>
          </cell>
          <cell r="G862">
            <v>2008</v>
          </cell>
          <cell r="H862">
            <v>2008</v>
          </cell>
          <cell r="I862" t="str">
            <v xml:space="preserve">Type of negotiation required: Consultation on alternatives to redundancy and selection standards. 
Selection criteria: Law requires fair basis of employee selection. 
Severance pay: No special regulations for collective dismissal.
</v>
          </cell>
          <cell r="J862">
            <v>0</v>
          </cell>
          <cell r="M862">
            <v>0</v>
          </cell>
        </row>
        <row r="863">
          <cell r="A863" t="str">
            <v>AUTREG12008</v>
          </cell>
          <cell r="B863" t="str">
            <v>AUT</v>
          </cell>
          <cell r="C863" t="str">
            <v>Austria</v>
          </cell>
          <cell r="D863" t="str">
            <v>Item 1</v>
          </cell>
          <cell r="E863" t="str">
            <v>REG1</v>
          </cell>
          <cell r="F863" t="str">
            <v>Notification procedures</v>
          </cell>
          <cell r="G863">
            <v>2008</v>
          </cell>
          <cell r="H863">
            <v>2008</v>
          </cell>
          <cell r="I863" t="str">
            <v>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v>
          </cell>
          <cell r="J863">
            <v>2</v>
          </cell>
          <cell r="M863">
            <v>4</v>
          </cell>
        </row>
        <row r="864">
          <cell r="A864" t="str">
            <v>AUTREG22008</v>
          </cell>
          <cell r="B864" t="str">
            <v>AUT</v>
          </cell>
          <cell r="C864" t="str">
            <v>Austria</v>
          </cell>
          <cell r="D864" t="str">
            <v>Item 2</v>
          </cell>
          <cell r="E864" t="str">
            <v>REG2</v>
          </cell>
          <cell r="F864" t="str">
            <v>Delay before notice can start</v>
          </cell>
          <cell r="G864">
            <v>2008</v>
          </cell>
          <cell r="H864">
            <v>2008</v>
          </cell>
          <cell r="I864" t="str">
            <v>Maximum 5 days for Works Council to react. Notice can then be served, usually orally.
Calculation: 1 day to notify Works Council + 5 days for response + 1 days for oral notification</v>
          </cell>
          <cell r="J864">
            <v>7</v>
          </cell>
          <cell r="M864">
            <v>1</v>
          </cell>
        </row>
        <row r="865">
          <cell r="A865" t="str">
            <v>AUTREG32008</v>
          </cell>
          <cell r="B865" t="str">
            <v>AUT</v>
          </cell>
          <cell r="C865" t="str">
            <v>Austria</v>
          </cell>
          <cell r="D865" t="str">
            <v>Item 3</v>
          </cell>
          <cell r="E865" t="str">
            <v>REG3A, REG3B, REG3C</v>
          </cell>
          <cell r="F865" t="str">
            <v>Notice / tenure</v>
          </cell>
          <cell r="G865">
            <v>2008</v>
          </cell>
          <cell r="H865">
            <v>2008</v>
          </cell>
          <cell r="I86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J865">
            <v>1</v>
          </cell>
          <cell r="K865">
            <v>1.25</v>
          </cell>
          <cell r="L865">
            <v>2.25</v>
          </cell>
          <cell r="M865">
            <v>3</v>
          </cell>
          <cell r="N865">
            <v>2</v>
          </cell>
          <cell r="O865">
            <v>1</v>
          </cell>
        </row>
        <row r="866">
          <cell r="A866" t="str">
            <v>AUTREG42008</v>
          </cell>
          <cell r="B866" t="str">
            <v>AUT</v>
          </cell>
          <cell r="C866" t="str">
            <v>Austria</v>
          </cell>
          <cell r="D866" t="str">
            <v>Item 4</v>
          </cell>
          <cell r="E866" t="str">
            <v>REG4A, REG4B, REG4C</v>
          </cell>
          <cell r="F866" t="str">
            <v>Severance pay / tenure</v>
          </cell>
          <cell r="G866">
            <v>2008</v>
          </cell>
          <cell r="H866">
            <v>2008</v>
          </cell>
          <cell r="I86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866">
            <v>0</v>
          </cell>
          <cell r="K866">
            <v>0</v>
          </cell>
          <cell r="L866">
            <v>0</v>
          </cell>
          <cell r="M866">
            <v>0</v>
          </cell>
          <cell r="N866">
            <v>0</v>
          </cell>
          <cell r="O866">
            <v>0</v>
          </cell>
        </row>
        <row r="867">
          <cell r="A867" t="str">
            <v>AUTREG52008</v>
          </cell>
          <cell r="B867" t="str">
            <v>AUT</v>
          </cell>
          <cell r="C867" t="str">
            <v>Austria</v>
          </cell>
          <cell r="D867" t="str">
            <v>Item 5</v>
          </cell>
          <cell r="E867" t="str">
            <v>REG5</v>
          </cell>
          <cell r="F867" t="str">
            <v>Definition of justified or unfair dismissal</v>
          </cell>
          <cell r="G867">
            <v>2008</v>
          </cell>
          <cell r="H867">
            <v>2008</v>
          </cell>
          <cell r="I86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867">
            <v>1</v>
          </cell>
          <cell r="M867">
            <v>2</v>
          </cell>
        </row>
        <row r="868">
          <cell r="A868" t="str">
            <v>AUTREG62008</v>
          </cell>
          <cell r="B868" t="str">
            <v>AUT</v>
          </cell>
          <cell r="C868" t="str">
            <v>Austria</v>
          </cell>
          <cell r="D868" t="str">
            <v>Item 6</v>
          </cell>
          <cell r="E868" t="str">
            <v>REG6</v>
          </cell>
          <cell r="F868" t="str">
            <v>Trial period</v>
          </cell>
          <cell r="G868">
            <v>2008</v>
          </cell>
          <cell r="H868">
            <v>2008</v>
          </cell>
          <cell r="I868" t="str">
            <v>Usually 1 month</v>
          </cell>
          <cell r="J868">
            <v>1</v>
          </cell>
          <cell r="M868">
            <v>6</v>
          </cell>
        </row>
        <row r="869">
          <cell r="A869" t="str">
            <v>AUTREG72008</v>
          </cell>
          <cell r="B869" t="str">
            <v>AUT</v>
          </cell>
          <cell r="C869" t="str">
            <v>Austria</v>
          </cell>
          <cell r="D869" t="str">
            <v>Item 7</v>
          </cell>
          <cell r="E869" t="str">
            <v>REG7</v>
          </cell>
          <cell r="F869" t="str">
            <v xml:space="preserve">Compensation following unfair dismissal </v>
          </cell>
          <cell r="G869">
            <v>2008</v>
          </cell>
          <cell r="H869">
            <v>2008</v>
          </cell>
          <cell r="I86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869">
            <v>6</v>
          </cell>
          <cell r="M869">
            <v>1</v>
          </cell>
        </row>
        <row r="870">
          <cell r="A870" t="str">
            <v>AUTREG82008</v>
          </cell>
          <cell r="B870" t="str">
            <v>AUT</v>
          </cell>
          <cell r="C870" t="str">
            <v>Austria</v>
          </cell>
          <cell r="D870" t="str">
            <v>Item 8</v>
          </cell>
          <cell r="E870" t="str">
            <v>REG8</v>
          </cell>
          <cell r="F870" t="str">
            <v>Possibility of reinstatement following unfair dismissal</v>
          </cell>
          <cell r="G870">
            <v>2008</v>
          </cell>
          <cell r="H870">
            <v>2008</v>
          </cell>
          <cell r="I870" t="str">
            <v>The employee has the right to choose between reinstatement and compensation, although this option is rarely taken up by the employee concerned.</v>
          </cell>
          <cell r="J870">
            <v>3</v>
          </cell>
          <cell r="M870">
            <v>6</v>
          </cell>
        </row>
        <row r="871">
          <cell r="A871" t="str">
            <v>AUTREG92008</v>
          </cell>
          <cell r="B871" t="str">
            <v>AUT</v>
          </cell>
          <cell r="C871" t="str">
            <v>Austria</v>
          </cell>
          <cell r="D871" t="str">
            <v>Item 9</v>
          </cell>
          <cell r="E871" t="str">
            <v>REG9</v>
          </cell>
          <cell r="F871" t="str">
            <v>Maximum time for claim</v>
          </cell>
          <cell r="G871">
            <v>2008</v>
          </cell>
          <cell r="H871">
            <v>2008</v>
          </cell>
          <cell r="I871" t="str">
            <v>If the works council has expressly objected to the intended dismissal within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Before dismissal takes effect.</v>
          </cell>
          <cell r="J871">
            <v>0</v>
          </cell>
          <cell r="M871">
            <v>0</v>
          </cell>
        </row>
        <row r="872">
          <cell r="A872" t="str">
            <v>AUTFTC12008</v>
          </cell>
          <cell r="B872" t="str">
            <v>AUT</v>
          </cell>
          <cell r="C872" t="str">
            <v>Austria</v>
          </cell>
          <cell r="D872" t="str">
            <v>Item 10</v>
          </cell>
          <cell r="E872" t="str">
            <v>FTC1</v>
          </cell>
          <cell r="F872" t="str">
            <v>Valid cases for use of fixed-term contracts, other than  “objective”  or “material” situation</v>
          </cell>
          <cell r="G872">
            <v>2008</v>
          </cell>
          <cell r="H872">
            <v>2008</v>
          </cell>
          <cell r="I872" t="str">
            <v xml:space="preserve">No restrictions for first contract. </v>
          </cell>
          <cell r="J872">
            <v>2.5</v>
          </cell>
          <cell r="M872">
            <v>1</v>
          </cell>
        </row>
        <row r="873">
          <cell r="A873" t="str">
            <v>AUTFTC22008</v>
          </cell>
          <cell r="B873" t="str">
            <v>AUT</v>
          </cell>
          <cell r="C873" t="str">
            <v>Austria</v>
          </cell>
          <cell r="D873" t="str">
            <v>Item 11</v>
          </cell>
          <cell r="E873" t="str">
            <v>FTC2</v>
          </cell>
          <cell r="F873" t="str">
            <v>Maximum number of successive fixed-term contracts</v>
          </cell>
          <cell r="G873">
            <v>2008</v>
          </cell>
          <cell r="H873">
            <v>2008</v>
          </cell>
          <cell r="I873" t="str">
            <v xml:space="preserve">Estimated 1.5. A succession of  fixed-term contracts will automatically result in an open-ended employment contract of indeterminate length unless objective or material reasons can be shown to justify the need to renew a fixed-term contract. </v>
          </cell>
          <cell r="J873">
            <v>1.5</v>
          </cell>
          <cell r="M873">
            <v>5</v>
          </cell>
        </row>
        <row r="874">
          <cell r="A874" t="str">
            <v>AUTFTC32008</v>
          </cell>
          <cell r="B874" t="str">
            <v>AUT</v>
          </cell>
          <cell r="C874" t="str">
            <v>Austria</v>
          </cell>
          <cell r="D874" t="str">
            <v>Item 12</v>
          </cell>
          <cell r="E874" t="str">
            <v>FTC3</v>
          </cell>
          <cell r="F874" t="str">
            <v>Maximum cumulated duration of successive fixed-term contracts</v>
          </cell>
          <cell r="G874">
            <v>2008</v>
          </cell>
          <cell r="H874">
            <v>2008</v>
          </cell>
          <cell r="I874" t="str">
            <v>No limit specified.</v>
          </cell>
          <cell r="J874">
            <v>200</v>
          </cell>
          <cell r="M874">
            <v>0</v>
          </cell>
        </row>
        <row r="875">
          <cell r="A875" t="str">
            <v>AUTTWA12008</v>
          </cell>
          <cell r="B875" t="str">
            <v>AUT</v>
          </cell>
          <cell r="C875" t="str">
            <v>Austria</v>
          </cell>
          <cell r="D875" t="str">
            <v>Item 13</v>
          </cell>
          <cell r="E875" t="str">
            <v>TWA1</v>
          </cell>
          <cell r="F875" t="str">
            <v>Types of work for which TWA employment is legal</v>
          </cell>
          <cell r="G875">
            <v>2008</v>
          </cell>
          <cell r="H875">
            <v>2008</v>
          </cell>
          <cell r="I875" t="str">
            <v>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v>
          </cell>
          <cell r="J875">
            <v>3.5</v>
          </cell>
          <cell r="M875">
            <v>0.75</v>
          </cell>
        </row>
        <row r="876">
          <cell r="A876" t="str">
            <v>AUTTWA22008</v>
          </cell>
          <cell r="B876" t="str">
            <v>AUT</v>
          </cell>
          <cell r="C876" t="str">
            <v>Austria</v>
          </cell>
          <cell r="D876" t="str">
            <v>Item 14</v>
          </cell>
          <cell r="E876" t="str">
            <v>TWA2A, TWA2B</v>
          </cell>
          <cell r="F876" t="str">
            <v>Are there any restrictions on the number of renewals of a TWA contract?</v>
          </cell>
          <cell r="G876">
            <v>2008</v>
          </cell>
          <cell r="H876">
            <v>2008</v>
          </cell>
          <cell r="I87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876" t="str">
            <v>No</v>
          </cell>
          <cell r="K876" t="str">
            <v>Yes</v>
          </cell>
          <cell r="M876">
            <v>2</v>
          </cell>
          <cell r="N876">
            <v>4</v>
          </cell>
        </row>
        <row r="877">
          <cell r="A877" t="str">
            <v>AUTTWA32008</v>
          </cell>
          <cell r="B877" t="str">
            <v>AUT</v>
          </cell>
          <cell r="C877" t="str">
            <v>Austria</v>
          </cell>
          <cell r="D877" t="str">
            <v>Item 15</v>
          </cell>
          <cell r="E877" t="str">
            <v>TWA3A, TWA3B</v>
          </cell>
          <cell r="F877" t="str">
            <v>Maximum cumulated duration of temporary work contracts</v>
          </cell>
          <cell r="G877">
            <v>2008</v>
          </cell>
          <cell r="H877">
            <v>2008</v>
          </cell>
          <cell r="I877" t="str">
            <v>The personnel leasing act knows no constraints on the duration of employment contracts or the duration of the assignments/leases.</v>
          </cell>
          <cell r="J877">
            <v>100</v>
          </cell>
          <cell r="K877">
            <v>100</v>
          </cell>
          <cell r="M877">
            <v>0</v>
          </cell>
          <cell r="N877">
            <v>0</v>
          </cell>
        </row>
        <row r="878">
          <cell r="A878" t="str">
            <v>AUTTWA42008</v>
          </cell>
          <cell r="B878" t="str">
            <v>AUT</v>
          </cell>
          <cell r="C878" t="str">
            <v>Austria</v>
          </cell>
          <cell r="D878" t="str">
            <v>Item 16</v>
          </cell>
          <cell r="E878" t="str">
            <v>TWA4</v>
          </cell>
          <cell r="F878" t="str">
            <v>Authorisation and reporting obligations</v>
          </cell>
          <cell r="G878">
            <v>2008</v>
          </cell>
          <cell r="H878">
            <v>2008</v>
          </cell>
          <cell r="I878" t="str">
            <v>Requires special administrative authorisation as well as periodic reporting obligations.</v>
          </cell>
          <cell r="J878">
            <v>3</v>
          </cell>
          <cell r="M878">
            <v>6</v>
          </cell>
        </row>
        <row r="879">
          <cell r="A879" t="str">
            <v>AUTTWA52008</v>
          </cell>
          <cell r="B879" t="str">
            <v>AUT</v>
          </cell>
          <cell r="C879" t="str">
            <v>Austria</v>
          </cell>
          <cell r="D879" t="str">
            <v>Item 17</v>
          </cell>
          <cell r="E879" t="str">
            <v>TWA5</v>
          </cell>
          <cell r="F879" t="str">
            <v>Equal treatment for TWA workers</v>
          </cell>
          <cell r="G879">
            <v>2008</v>
          </cell>
          <cell r="H879">
            <v>2008</v>
          </cell>
          <cell r="I879" t="str">
            <v>Regulations ensure equal treatment regarding pay as well as other working conditions.</v>
          </cell>
          <cell r="J879">
            <v>2</v>
          </cell>
          <cell r="M879">
            <v>6</v>
          </cell>
        </row>
        <row r="880">
          <cell r="A880" t="str">
            <v>AUTCD12008</v>
          </cell>
          <cell r="B880" t="str">
            <v>AUT</v>
          </cell>
          <cell r="C880" t="str">
            <v>Austria</v>
          </cell>
          <cell r="D880" t="str">
            <v>Item 18</v>
          </cell>
          <cell r="E880" t="str">
            <v>CD1</v>
          </cell>
          <cell r="F880" t="str">
            <v>Definition of collective dismissal</v>
          </cell>
          <cell r="G880">
            <v>2008</v>
          </cell>
          <cell r="H880">
            <v>2008</v>
          </cell>
          <cell r="I880" t="str">
            <v>Within 30 days, 5+ workers in firms 20-99; 5%+ in firms 100-599; 30+ workers in firms&gt;600; 5+ workers &gt;50 years old.
Firms with less than 20 employees are exempt from requirements for collective dismissals.</v>
          </cell>
          <cell r="J880">
            <v>4</v>
          </cell>
          <cell r="M880">
            <v>6</v>
          </cell>
        </row>
        <row r="881">
          <cell r="A881" t="str">
            <v>AUTCD22008</v>
          </cell>
          <cell r="B881" t="str">
            <v>AUT</v>
          </cell>
          <cell r="C881" t="str">
            <v>Austria</v>
          </cell>
          <cell r="D881" t="str">
            <v>Item 19</v>
          </cell>
          <cell r="E881" t="str">
            <v>CD2</v>
          </cell>
          <cell r="F881" t="str">
            <v>Additional notification requirements in case of collective dismissals</v>
          </cell>
          <cell r="G881">
            <v>2008</v>
          </cell>
          <cell r="H881">
            <v>2008</v>
          </cell>
          <cell r="I881" t="str">
            <v>Notification of employee representatives: General duty to inform the Works Council about changes affecting the business. Notification of public authorities: Notification of local employment office.</v>
          </cell>
          <cell r="J881">
            <v>1</v>
          </cell>
          <cell r="M881">
            <v>3</v>
          </cell>
        </row>
        <row r="882">
          <cell r="A882" t="str">
            <v>AUTCD32008</v>
          </cell>
          <cell r="B882" t="str">
            <v>AUT</v>
          </cell>
          <cell r="C882" t="str">
            <v>Austria</v>
          </cell>
          <cell r="D882" t="str">
            <v>Item 20</v>
          </cell>
          <cell r="E882" t="str">
            <v>CD3</v>
          </cell>
          <cell r="F882" t="str">
            <v>Additional delays involved in case of collective dismissals</v>
          </cell>
          <cell r="G882">
            <v>2008</v>
          </cell>
          <cell r="H882">
            <v>2008</v>
          </cell>
          <cell r="I882" t="str">
            <v>30 days waiting period before first notice can become effective.
Calculation: 30 days waiting period – 7 days for individual dismissal (item 2)</v>
          </cell>
          <cell r="J882">
            <v>23</v>
          </cell>
          <cell r="M882">
            <v>1</v>
          </cell>
        </row>
        <row r="883">
          <cell r="A883" t="str">
            <v>AUTCD42008</v>
          </cell>
          <cell r="B883" t="str">
            <v>AUT</v>
          </cell>
          <cell r="C883" t="str">
            <v>Austria</v>
          </cell>
          <cell r="D883" t="str">
            <v>Item 21</v>
          </cell>
          <cell r="E883" t="str">
            <v>CD4</v>
          </cell>
          <cell r="F883" t="str">
            <v>Other special costs to employers in case of collective dismissals</v>
          </cell>
          <cell r="G883">
            <v>2008</v>
          </cell>
          <cell r="H883">
            <v>2008</v>
          </cell>
          <cell r="I88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883">
            <v>1</v>
          </cell>
          <cell r="M883">
            <v>3</v>
          </cell>
        </row>
        <row r="884">
          <cell r="A884" t="str">
            <v>BELREG12008</v>
          </cell>
          <cell r="B884" t="str">
            <v>BEL</v>
          </cell>
          <cell r="C884" t="str">
            <v>Belgium</v>
          </cell>
          <cell r="D884" t="str">
            <v>Item 1</v>
          </cell>
          <cell r="E884" t="str">
            <v>REG1</v>
          </cell>
          <cell r="F884" t="str">
            <v>Notification procedures</v>
          </cell>
          <cell r="G884">
            <v>2008</v>
          </cell>
          <cell r="H884">
            <v>2008</v>
          </cell>
          <cell r="I884" t="str">
            <v>Notification of employee by registered letter. Oral notification possible if the employer chooses severance pay in lieu of notice but only if the worker does not challenge the dismissal.</v>
          </cell>
          <cell r="J884">
            <v>1</v>
          </cell>
          <cell r="M884">
            <v>2</v>
          </cell>
        </row>
        <row r="885">
          <cell r="A885" t="str">
            <v>BELREG22008</v>
          </cell>
          <cell r="B885" t="str">
            <v>BEL</v>
          </cell>
          <cell r="C885" t="str">
            <v>Belgium</v>
          </cell>
          <cell r="D885" t="str">
            <v>Item 2</v>
          </cell>
          <cell r="E885" t="str">
            <v>REG2</v>
          </cell>
          <cell r="F885" t="str">
            <v>Delay before notice can start</v>
          </cell>
          <cell r="G885">
            <v>2008</v>
          </cell>
          <cell r="H885">
            <v>2008</v>
          </cell>
          <cell r="I885"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885">
            <v>12.25</v>
          </cell>
          <cell r="M885">
            <v>2</v>
          </cell>
        </row>
        <row r="886">
          <cell r="A886" t="str">
            <v>BELREG32008</v>
          </cell>
          <cell r="B886" t="str">
            <v>BEL</v>
          </cell>
          <cell r="C886" t="str">
            <v>Belgium</v>
          </cell>
          <cell r="D886" t="str">
            <v>Item 3</v>
          </cell>
          <cell r="E886" t="str">
            <v>REG3A, REG3B, REG3C</v>
          </cell>
          <cell r="F886" t="str">
            <v>Notice / tenure</v>
          </cell>
          <cell r="G886">
            <v>2008</v>
          </cell>
          <cell r="H886">
            <v>2008</v>
          </cell>
          <cell r="I886" t="str">
            <v xml:space="preserve">Blue collar: no notice during trial period; 7d&lt;6m (if provided for in individual contracts); 28d&lt;6 m; 35 d&lt;5y; 42 d&lt;10 y; 56 d&lt;15 y; 84 d&lt;20 y; 112 d&gt;20 y unless stipulated otherwise in a royal decree, collective branch agreement or collective bargaining agreement.
White collar: 7d during trial period; 3m&lt;5y. Additional three months’ notice for each started 5-year period of tenure (e.g. 6 m&lt;10 years, 9 m&lt;15 years, etc.). This is the legal minimum. 
If annual remuneration is above EUR 28 580 (2008) or EUR 29 729 (2009), the parties must agree to a reasonable notice period which cannot be less than the legal minimum. If they fail to reach an agreement, the courts shall rule on a reasonable notice period. Some methods, such as the Claeys formula, have been developed by legal experts to calculate this appropriate notice period, but they are in no way binding.
Blue collar: 9 months’ tenure: 35 days, 4 years’ tenure: 35 days, 20 years’ tenure: 112 days. 
White collar: 9 months’ tenure: 3 months, 4 years’ tenure: 3 months, 20 years’ tenure: 15 months (minimum notice periods) 
</v>
          </cell>
          <cell r="J886">
            <v>2.1</v>
          </cell>
          <cell r="K886">
            <v>2.8</v>
          </cell>
          <cell r="L886">
            <v>11</v>
          </cell>
          <cell r="M886">
            <v>6</v>
          </cell>
          <cell r="N886">
            <v>5</v>
          </cell>
          <cell r="O886">
            <v>6</v>
          </cell>
        </row>
        <row r="887">
          <cell r="A887" t="str">
            <v>BELREG42008</v>
          </cell>
          <cell r="B887" t="str">
            <v>BEL</v>
          </cell>
          <cell r="C887" t="str">
            <v>Belgium</v>
          </cell>
          <cell r="D887" t="str">
            <v>Item 4</v>
          </cell>
          <cell r="E887" t="str">
            <v>REG4A, REG4B, REG4C</v>
          </cell>
          <cell r="F887" t="str">
            <v>Severance pay / tenure</v>
          </cell>
          <cell r="G887">
            <v>2008</v>
          </cell>
          <cell r="H887">
            <v>2008</v>
          </cell>
          <cell r="I887" t="str">
            <v>In the event of dismissal without a notice period, severance pay depends on the length of the notice period that should have been observed. For example, if the notice period is 3 months, severance pay shall be equivalent to 3 months’ salary.</v>
          </cell>
          <cell r="J887">
            <v>0</v>
          </cell>
          <cell r="K887">
            <v>0</v>
          </cell>
          <cell r="L887">
            <v>0</v>
          </cell>
          <cell r="M887">
            <v>0</v>
          </cell>
          <cell r="N887">
            <v>0</v>
          </cell>
          <cell r="O887">
            <v>0</v>
          </cell>
        </row>
        <row r="888">
          <cell r="A888" t="str">
            <v>BELREG52008</v>
          </cell>
          <cell r="B888" t="str">
            <v>BEL</v>
          </cell>
          <cell r="C888" t="str">
            <v>Belgium</v>
          </cell>
          <cell r="D888" t="str">
            <v>Item 5</v>
          </cell>
          <cell r="E888" t="str">
            <v>REG5</v>
          </cell>
          <cell r="F888" t="str">
            <v>Definition of justified or unfair dismissal</v>
          </cell>
          <cell r="G888">
            <v>2008</v>
          </cell>
          <cell r="H888">
            <v>2008</v>
          </cell>
          <cell r="I888"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888">
            <v>0</v>
          </cell>
          <cell r="M888">
            <v>0</v>
          </cell>
        </row>
        <row r="889">
          <cell r="A889" t="str">
            <v>BELREG62008</v>
          </cell>
          <cell r="B889" t="str">
            <v>BEL</v>
          </cell>
          <cell r="C889" t="str">
            <v>Belgium</v>
          </cell>
          <cell r="D889" t="str">
            <v>Item 6</v>
          </cell>
          <cell r="E889" t="str">
            <v>REG6</v>
          </cell>
          <cell r="F889" t="str">
            <v>Trial period</v>
          </cell>
          <cell r="G889">
            <v>2008</v>
          </cell>
          <cell r="H889">
            <v>2008</v>
          </cell>
          <cell r="I889"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4 261 (2008) or EUR 35 638 (2009)] 
Calculation: average of maximum values for blue collar and white collar workers (average of both cases for white collar workers) = 4.75 months.
</v>
          </cell>
          <cell r="J889">
            <v>4.75</v>
          </cell>
          <cell r="M889">
            <v>4</v>
          </cell>
        </row>
        <row r="890">
          <cell r="A890" t="str">
            <v>BELREG72008</v>
          </cell>
          <cell r="B890" t="str">
            <v>BEL</v>
          </cell>
          <cell r="C890" t="str">
            <v>Belgium</v>
          </cell>
          <cell r="D890" t="str">
            <v>Item 7</v>
          </cell>
          <cell r="E890" t="str">
            <v>REG7</v>
          </cell>
          <cell r="F890" t="str">
            <v xml:space="preserve">Compensation following unfair dismissal </v>
          </cell>
          <cell r="G890">
            <v>2008</v>
          </cell>
          <cell r="H890">
            <v>2008</v>
          </cell>
          <cell r="I890"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890">
            <v>3</v>
          </cell>
          <cell r="M890">
            <v>0</v>
          </cell>
        </row>
        <row r="891">
          <cell r="A891" t="str">
            <v>BELREG82008</v>
          </cell>
          <cell r="B891" t="str">
            <v>BEL</v>
          </cell>
          <cell r="C891" t="str">
            <v>Belgium</v>
          </cell>
          <cell r="D891" t="str">
            <v>Item 8</v>
          </cell>
          <cell r="E891" t="str">
            <v>REG8</v>
          </cell>
          <cell r="F891" t="str">
            <v>Possibility of reinstatement following unfair dismissal</v>
          </cell>
          <cell r="G891">
            <v>2008</v>
          </cell>
          <cell r="H891">
            <v>2008</v>
          </cell>
          <cell r="I891" t="str">
            <v xml:space="preserve">There is no right to reinstatement. </v>
          </cell>
          <cell r="J891">
            <v>0</v>
          </cell>
          <cell r="M891">
            <v>0</v>
          </cell>
        </row>
        <row r="892">
          <cell r="A892" t="str">
            <v>BELREG92008</v>
          </cell>
          <cell r="B892" t="str">
            <v>BEL</v>
          </cell>
          <cell r="C892" t="str">
            <v>Belgium</v>
          </cell>
          <cell r="D892" t="str">
            <v>Item 9</v>
          </cell>
          <cell r="E892" t="str">
            <v>REG9</v>
          </cell>
          <cell r="F892" t="str">
            <v>Maximum time for claim</v>
          </cell>
          <cell r="G892">
            <v>2008</v>
          </cell>
          <cell r="H892">
            <v>2008</v>
          </cell>
          <cell r="I892" t="str">
            <v xml:space="preserve">The time limit for making a claim of unfair dismissal is 1 year from the date at which the contract is terminated. </v>
          </cell>
          <cell r="J892">
            <v>12</v>
          </cell>
          <cell r="M892">
            <v>5</v>
          </cell>
        </row>
        <row r="893">
          <cell r="A893" t="str">
            <v>BELFTC12008</v>
          </cell>
          <cell r="B893" t="str">
            <v>BEL</v>
          </cell>
          <cell r="C893" t="str">
            <v>Belgium</v>
          </cell>
          <cell r="D893" t="str">
            <v>Item 10</v>
          </cell>
          <cell r="E893" t="str">
            <v>FTC1</v>
          </cell>
          <cell r="F893" t="str">
            <v>Valid cases for use of fixed-term contracts, other than  “objective”  or “material” situation</v>
          </cell>
          <cell r="G893">
            <v>2008</v>
          </cell>
          <cell r="H893">
            <v>2008</v>
          </cell>
          <cell r="I893" t="str">
            <v>Fixed-term contracts are permitted without specifying an objective reason.</v>
          </cell>
          <cell r="J893">
            <v>3</v>
          </cell>
          <cell r="M893">
            <v>0</v>
          </cell>
        </row>
        <row r="894">
          <cell r="A894" t="str">
            <v>BELFTC22008</v>
          </cell>
          <cell r="B894" t="str">
            <v>BEL</v>
          </cell>
          <cell r="C894" t="str">
            <v>Belgium</v>
          </cell>
          <cell r="D894" t="str">
            <v>Item 11</v>
          </cell>
          <cell r="E894" t="str">
            <v>FTC2</v>
          </cell>
          <cell r="F894" t="str">
            <v>Maximum number of successive fixed-term contracts</v>
          </cell>
          <cell r="G894">
            <v>2008</v>
          </cell>
          <cell r="H894">
            <v>2008</v>
          </cell>
          <cell r="I894"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894">
            <v>4</v>
          </cell>
          <cell r="M894">
            <v>2</v>
          </cell>
        </row>
        <row r="895">
          <cell r="A895" t="str">
            <v>BELFTC32008</v>
          </cell>
          <cell r="B895" t="str">
            <v>BEL</v>
          </cell>
          <cell r="C895" t="str">
            <v>Belgium</v>
          </cell>
          <cell r="D895" t="str">
            <v>Item 12</v>
          </cell>
          <cell r="E895" t="str">
            <v>FTC3</v>
          </cell>
          <cell r="F895" t="str">
            <v>Maximum cumulated duration of successive fixed-term contracts</v>
          </cell>
          <cell r="G895">
            <v>2008</v>
          </cell>
          <cell r="H895">
            <v>2008</v>
          </cell>
          <cell r="I895"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895">
            <v>30</v>
          </cell>
          <cell r="M895">
            <v>2</v>
          </cell>
        </row>
        <row r="896">
          <cell r="A896" t="str">
            <v>BELTWA12008</v>
          </cell>
          <cell r="B896" t="str">
            <v>BEL</v>
          </cell>
          <cell r="C896" t="str">
            <v>Belgium</v>
          </cell>
          <cell r="D896" t="str">
            <v>Item 13</v>
          </cell>
          <cell r="E896" t="str">
            <v>TWA1</v>
          </cell>
          <cell r="F896" t="str">
            <v>Types of work for which TWA employment is legal</v>
          </cell>
          <cell r="G896">
            <v>2008</v>
          </cell>
          <cell r="H896">
            <v>2008</v>
          </cell>
          <cell r="I896" t="str">
            <v xml:space="preserve">Use of services of temporary work agencies (TWA): temporary replacement of a permanent employee; temporary increase in workload; work of an exceptional nature.  </v>
          </cell>
          <cell r="J896">
            <v>2</v>
          </cell>
          <cell r="M896">
            <v>3</v>
          </cell>
        </row>
        <row r="897">
          <cell r="A897" t="str">
            <v>BELTWA22008</v>
          </cell>
          <cell r="B897" t="str">
            <v>BEL</v>
          </cell>
          <cell r="C897" t="str">
            <v>Belgium</v>
          </cell>
          <cell r="D897" t="str">
            <v>Item 14</v>
          </cell>
          <cell r="E897" t="str">
            <v>TWA2A, TWA2B</v>
          </cell>
          <cell r="F897" t="str">
            <v>Are there any restrictions on the number of renewals of a TWA contract?</v>
          </cell>
          <cell r="G897">
            <v>2008</v>
          </cell>
          <cell r="H897">
            <v>2008</v>
          </cell>
          <cell r="I897" t="str">
            <v xml:space="preserve">Authorisation procedures and time limit on the use of temporary employment.
No particular restrictions with regard to the contract between the TWA and the worker. 
</v>
          </cell>
          <cell r="J897" t="str">
            <v>Yes</v>
          </cell>
          <cell r="K897" t="str">
            <v>No</v>
          </cell>
          <cell r="M897">
            <v>4</v>
          </cell>
          <cell r="N897">
            <v>2</v>
          </cell>
        </row>
        <row r="898">
          <cell r="A898" t="str">
            <v>BELTWA32008</v>
          </cell>
          <cell r="B898" t="str">
            <v>BEL</v>
          </cell>
          <cell r="C898" t="str">
            <v>Belgium</v>
          </cell>
          <cell r="D898" t="str">
            <v>Item 15</v>
          </cell>
          <cell r="E898" t="str">
            <v>TWA3A, TWA3B</v>
          </cell>
          <cell r="F898" t="str">
            <v>Maximum cumulated duration of temporary work contracts</v>
          </cell>
          <cell r="G898">
            <v>2008</v>
          </cell>
          <cell r="H898">
            <v>2008</v>
          </cell>
          <cell r="I898"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898">
            <v>11</v>
          </cell>
          <cell r="K898">
            <v>100</v>
          </cell>
          <cell r="M898">
            <v>5</v>
          </cell>
          <cell r="N898">
            <v>0</v>
          </cell>
        </row>
        <row r="899">
          <cell r="A899" t="str">
            <v>BELTWA42008</v>
          </cell>
          <cell r="B899" t="str">
            <v>BEL</v>
          </cell>
          <cell r="C899" t="str">
            <v>Belgium</v>
          </cell>
          <cell r="D899" t="str">
            <v>Item 16</v>
          </cell>
          <cell r="E899" t="str">
            <v>TWA4</v>
          </cell>
          <cell r="F899" t="str">
            <v>Authorisation and reporting obligations</v>
          </cell>
          <cell r="G899">
            <v>2008</v>
          </cell>
          <cell r="H899">
            <v>2008</v>
          </cell>
          <cell r="I899" t="str">
            <v>Authorisation from regional authorities is required for the setting up of a TWA.</v>
          </cell>
          <cell r="J899">
            <v>1</v>
          </cell>
          <cell r="M899">
            <v>2</v>
          </cell>
        </row>
        <row r="900">
          <cell r="A900" t="str">
            <v>BELTWA52008</v>
          </cell>
          <cell r="B900" t="str">
            <v>BEL</v>
          </cell>
          <cell r="C900" t="str">
            <v>Belgium</v>
          </cell>
          <cell r="D900" t="str">
            <v>Item 17</v>
          </cell>
          <cell r="E900" t="str">
            <v>TWA5</v>
          </cell>
          <cell r="F900" t="str">
            <v>Equal treatment for TWA workers</v>
          </cell>
          <cell r="G900">
            <v>2008</v>
          </cell>
          <cell r="H900">
            <v>2008</v>
          </cell>
          <cell r="I900" t="str">
            <v>Yes</v>
          </cell>
          <cell r="J900">
            <v>2</v>
          </cell>
          <cell r="M900">
            <v>6</v>
          </cell>
        </row>
        <row r="901">
          <cell r="A901" t="str">
            <v>BELCD12008</v>
          </cell>
          <cell r="B901" t="str">
            <v>BEL</v>
          </cell>
          <cell r="C901" t="str">
            <v>Belgium</v>
          </cell>
          <cell r="D901" t="str">
            <v>Item 18</v>
          </cell>
          <cell r="E901" t="str">
            <v>CD1</v>
          </cell>
          <cell r="F901" t="str">
            <v>Definition of collective dismissal</v>
          </cell>
          <cell r="G901">
            <v>2008</v>
          </cell>
          <cell r="H901">
            <v>2008</v>
          </cell>
          <cell r="I901"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901">
            <v>3</v>
          </cell>
          <cell r="M901">
            <v>4.5</v>
          </cell>
        </row>
        <row r="902">
          <cell r="A902" t="str">
            <v>BELCD22008</v>
          </cell>
          <cell r="B902" t="str">
            <v>BEL</v>
          </cell>
          <cell r="C902" t="str">
            <v>Belgium</v>
          </cell>
          <cell r="D902" t="str">
            <v>Item 19</v>
          </cell>
          <cell r="E902" t="str">
            <v>CD2</v>
          </cell>
          <cell r="F902" t="str">
            <v>Additional notification requirements in case of collective dismissals</v>
          </cell>
          <cell r="G902">
            <v>2008</v>
          </cell>
          <cell r="H902">
            <v>2008</v>
          </cell>
          <cell r="I902"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902">
            <v>2</v>
          </cell>
          <cell r="M902">
            <v>6</v>
          </cell>
        </row>
        <row r="903">
          <cell r="A903" t="str">
            <v>BELCD32008</v>
          </cell>
          <cell r="B903" t="str">
            <v>BEL</v>
          </cell>
          <cell r="C903" t="str">
            <v>Belgium</v>
          </cell>
          <cell r="D903" t="str">
            <v>Item 20</v>
          </cell>
          <cell r="E903" t="str">
            <v>CD3</v>
          </cell>
          <cell r="F903" t="str">
            <v>Additional delays involved in case of collective dismissals</v>
          </cell>
          <cell r="G903">
            <v>2008</v>
          </cell>
          <cell r="H903">
            <v>2008</v>
          </cell>
          <cell r="I903"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903">
            <v>50</v>
          </cell>
          <cell r="M903">
            <v>4</v>
          </cell>
        </row>
        <row r="904">
          <cell r="A904" t="str">
            <v>BELCD42008</v>
          </cell>
          <cell r="B904" t="str">
            <v>BEL</v>
          </cell>
          <cell r="C904" t="str">
            <v>Belgium</v>
          </cell>
          <cell r="D904" t="str">
            <v>Item 21</v>
          </cell>
          <cell r="E904" t="str">
            <v>CD4</v>
          </cell>
          <cell r="F904" t="str">
            <v>Other special costs to employers in case of collective dismissals</v>
          </cell>
          <cell r="G904">
            <v>2008</v>
          </cell>
          <cell r="H904">
            <v>2008</v>
          </cell>
          <cell r="I904"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904">
            <v>2</v>
          </cell>
          <cell r="M904">
            <v>6</v>
          </cell>
        </row>
        <row r="905">
          <cell r="A905" t="str">
            <v>CANREG12008</v>
          </cell>
          <cell r="B905" t="str">
            <v>CAN</v>
          </cell>
          <cell r="C905" t="str">
            <v>Canada</v>
          </cell>
          <cell r="D905" t="str">
            <v>Item 1</v>
          </cell>
          <cell r="E905" t="str">
            <v>REG1</v>
          </cell>
          <cell r="F905" t="str">
            <v>Notification procedures</v>
          </cell>
          <cell r="G905">
            <v>2008</v>
          </cell>
          <cell r="H905">
            <v>2008</v>
          </cell>
          <cell r="I905" t="str">
            <v>Written or oral notification to the employee or, sometimes, to the employee’s representative (union).</v>
          </cell>
          <cell r="J905">
            <v>1</v>
          </cell>
          <cell r="M905">
            <v>2</v>
          </cell>
        </row>
        <row r="906">
          <cell r="A906" t="str">
            <v>CANREG22008</v>
          </cell>
          <cell r="B906" t="str">
            <v>CAN</v>
          </cell>
          <cell r="C906" t="str">
            <v>Canada</v>
          </cell>
          <cell r="D906" t="str">
            <v>Item 2</v>
          </cell>
          <cell r="E906" t="str">
            <v>REG2</v>
          </cell>
          <cell r="F906" t="str">
            <v>Delay before notice can start</v>
          </cell>
          <cell r="G906">
            <v>2008</v>
          </cell>
          <cell r="H906">
            <v>2008</v>
          </cell>
          <cell r="I906" t="str">
            <v>Written or oral notification.</v>
          </cell>
          <cell r="J906">
            <v>1</v>
          </cell>
          <cell r="M906">
            <v>0</v>
          </cell>
        </row>
        <row r="907">
          <cell r="A907" t="str">
            <v>CANREG32008</v>
          </cell>
          <cell r="B907" t="str">
            <v>CAN</v>
          </cell>
          <cell r="C907" t="str">
            <v>Canada</v>
          </cell>
          <cell r="D907" t="str">
            <v>Item 3</v>
          </cell>
          <cell r="E907" t="str">
            <v>REG3A, REG3B, REG3C</v>
          </cell>
          <cell r="F907" t="str">
            <v>Notice / tenure</v>
          </cell>
          <cell r="G907">
            <v>2008</v>
          </cell>
          <cell r="H907">
            <v>2008</v>
          </cell>
          <cell r="I90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7">
            <v>0.25</v>
          </cell>
          <cell r="K907">
            <v>0.82250000000000001</v>
          </cell>
          <cell r="L907">
            <v>2</v>
          </cell>
          <cell r="M907">
            <v>1</v>
          </cell>
          <cell r="N907">
            <v>2</v>
          </cell>
          <cell r="O907">
            <v>1</v>
          </cell>
        </row>
        <row r="908">
          <cell r="A908" t="str">
            <v>CANREG42008</v>
          </cell>
          <cell r="B908" t="str">
            <v>CAN</v>
          </cell>
          <cell r="C908" t="str">
            <v>Canada</v>
          </cell>
          <cell r="D908" t="str">
            <v>Item 4</v>
          </cell>
          <cell r="E908" t="str">
            <v>REG4A, REG4B, REG4C</v>
          </cell>
          <cell r="F908" t="str">
            <v>Severance pay / tenure</v>
          </cell>
          <cell r="G908">
            <v>2008</v>
          </cell>
          <cell r="H908">
            <v>2008</v>
          </cell>
          <cell r="I90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8">
            <v>0</v>
          </cell>
          <cell r="K908">
            <v>0</v>
          </cell>
          <cell r="L908">
            <v>2.25</v>
          </cell>
          <cell r="M908">
            <v>0</v>
          </cell>
          <cell r="N908">
            <v>0</v>
          </cell>
          <cell r="O908">
            <v>1</v>
          </cell>
        </row>
        <row r="909">
          <cell r="A909" t="str">
            <v>CANREG52008</v>
          </cell>
          <cell r="B909" t="str">
            <v>CAN</v>
          </cell>
          <cell r="C909" t="str">
            <v>Canada</v>
          </cell>
          <cell r="D909" t="str">
            <v>Item 5</v>
          </cell>
          <cell r="E909" t="str">
            <v>REG5</v>
          </cell>
          <cell r="F909" t="str">
            <v>Definition of justified or unfair dismissal</v>
          </cell>
          <cell r="G909">
            <v>2008</v>
          </cell>
          <cell r="H909">
            <v>2008</v>
          </cell>
          <cell r="I90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909">
            <v>0</v>
          </cell>
          <cell r="M909">
            <v>0</v>
          </cell>
        </row>
        <row r="910">
          <cell r="A910" t="str">
            <v>CANREG62008</v>
          </cell>
          <cell r="B910" t="str">
            <v>CAN</v>
          </cell>
          <cell r="C910" t="str">
            <v>Canada</v>
          </cell>
          <cell r="D910" t="str">
            <v>Item 6</v>
          </cell>
          <cell r="E910" t="str">
            <v>REG6</v>
          </cell>
          <cell r="F910" t="str">
            <v>Trial period</v>
          </cell>
          <cell r="G910">
            <v>2008</v>
          </cell>
          <cell r="H910">
            <v>2008</v>
          </cell>
          <cell r="I91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910" t="str">
            <v>..</v>
          </cell>
          <cell r="M910" t="e">
            <v>#N/A</v>
          </cell>
        </row>
        <row r="911">
          <cell r="A911" t="str">
            <v>CANREG72008</v>
          </cell>
          <cell r="B911" t="str">
            <v>CAN</v>
          </cell>
          <cell r="C911" t="str">
            <v>Canada</v>
          </cell>
          <cell r="D911" t="str">
            <v>Item 7</v>
          </cell>
          <cell r="E911" t="str">
            <v>REG7</v>
          </cell>
          <cell r="F911" t="str">
            <v xml:space="preserve">Compensation following unfair dismissal </v>
          </cell>
          <cell r="G911">
            <v>2008</v>
          </cell>
          <cell r="H911">
            <v>2008</v>
          </cell>
          <cell r="I911"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911" t="str">
            <v>..</v>
          </cell>
          <cell r="M911" t="e">
            <v>#N/A</v>
          </cell>
        </row>
        <row r="912">
          <cell r="A912" t="str">
            <v>CANREG82008</v>
          </cell>
          <cell r="B912" t="str">
            <v>CAN</v>
          </cell>
          <cell r="C912" t="str">
            <v>Canada</v>
          </cell>
          <cell r="D912" t="str">
            <v>Item 8</v>
          </cell>
          <cell r="E912" t="str">
            <v>REG8</v>
          </cell>
          <cell r="F912" t="str">
            <v>Possibility of reinstatement following unfair dismissal</v>
          </cell>
          <cell r="G912">
            <v>2008</v>
          </cell>
          <cell r="H912">
            <v>2008</v>
          </cell>
          <cell r="I912" t="str">
            <v>Depending on the circumstances of a case, an employer may be ordered to reinstate an employee.</v>
          </cell>
          <cell r="J912">
            <v>1</v>
          </cell>
          <cell r="M912">
            <v>2</v>
          </cell>
        </row>
        <row r="913">
          <cell r="A913" t="str">
            <v>CANREG92008</v>
          </cell>
          <cell r="B913" t="str">
            <v>CAN</v>
          </cell>
          <cell r="C913" t="str">
            <v>Canada</v>
          </cell>
          <cell r="D913" t="str">
            <v>Item 9</v>
          </cell>
          <cell r="E913" t="str">
            <v>REG9</v>
          </cell>
          <cell r="F913" t="str">
            <v>Maximum time for claim</v>
          </cell>
          <cell r="G913">
            <v>2008</v>
          </cell>
          <cell r="H913">
            <v>2008</v>
          </cell>
          <cell r="I91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913">
            <v>0.42000000000000004</v>
          </cell>
          <cell r="M913">
            <v>1</v>
          </cell>
        </row>
        <row r="914">
          <cell r="A914" t="str">
            <v>CANFTC12008</v>
          </cell>
          <cell r="B914" t="str">
            <v>CAN</v>
          </cell>
          <cell r="C914" t="str">
            <v>Canada</v>
          </cell>
          <cell r="D914" t="str">
            <v>Item 10</v>
          </cell>
          <cell r="E914" t="str">
            <v>FTC1</v>
          </cell>
          <cell r="F914" t="str">
            <v>Valid cases for use of fixed-term contracts, other than  “objective”  or “material” situation</v>
          </cell>
          <cell r="G914">
            <v>2008</v>
          </cell>
          <cell r="H914">
            <v>2008</v>
          </cell>
          <cell r="I914" t="str">
            <v>No restrictions</v>
          </cell>
          <cell r="J914">
            <v>3</v>
          </cell>
          <cell r="M914">
            <v>0</v>
          </cell>
        </row>
        <row r="915">
          <cell r="A915" t="str">
            <v>CANFTC22008</v>
          </cell>
          <cell r="B915" t="str">
            <v>CAN</v>
          </cell>
          <cell r="C915" t="str">
            <v>Canada</v>
          </cell>
          <cell r="D915" t="str">
            <v>Item 11</v>
          </cell>
          <cell r="E915" t="str">
            <v>FTC2</v>
          </cell>
          <cell r="F915" t="str">
            <v>Maximum number of successive fixed-term contracts</v>
          </cell>
          <cell r="G915">
            <v>2008</v>
          </cell>
          <cell r="H915">
            <v>2008</v>
          </cell>
          <cell r="I915" t="str">
            <v>No limit</v>
          </cell>
          <cell r="J915">
            <v>100</v>
          </cell>
          <cell r="M915">
            <v>0</v>
          </cell>
        </row>
        <row r="916">
          <cell r="A916" t="str">
            <v>CANFTC32008</v>
          </cell>
          <cell r="B916" t="str">
            <v>CAN</v>
          </cell>
          <cell r="C916" t="str">
            <v>Canada</v>
          </cell>
          <cell r="D916" t="str">
            <v>Item 12</v>
          </cell>
          <cell r="E916" t="str">
            <v>FTC3</v>
          </cell>
          <cell r="F916" t="str">
            <v>Maximum cumulated duration of successive fixed-term contracts</v>
          </cell>
          <cell r="G916">
            <v>2008</v>
          </cell>
          <cell r="H916">
            <v>2008</v>
          </cell>
          <cell r="I916" t="str">
            <v>No limit</v>
          </cell>
          <cell r="J916">
            <v>200</v>
          </cell>
          <cell r="M916">
            <v>0</v>
          </cell>
        </row>
        <row r="917">
          <cell r="A917" t="str">
            <v>CANTWA12008</v>
          </cell>
          <cell r="B917" t="str">
            <v>CAN</v>
          </cell>
          <cell r="C917" t="str">
            <v>Canada</v>
          </cell>
          <cell r="D917" t="str">
            <v>Item 13</v>
          </cell>
          <cell r="E917" t="str">
            <v>TWA1</v>
          </cell>
          <cell r="F917" t="str">
            <v>Types of work for which TWA employment is legal</v>
          </cell>
          <cell r="G917">
            <v>2008</v>
          </cell>
          <cell r="H917">
            <v>2008</v>
          </cell>
          <cell r="I917" t="str">
            <v>General</v>
          </cell>
          <cell r="J917">
            <v>4</v>
          </cell>
          <cell r="M917">
            <v>0</v>
          </cell>
        </row>
        <row r="918">
          <cell r="A918" t="str">
            <v>CANTWA22008</v>
          </cell>
          <cell r="B918" t="str">
            <v>CAN</v>
          </cell>
          <cell r="C918" t="str">
            <v>Canada</v>
          </cell>
          <cell r="D918" t="str">
            <v>Item 14</v>
          </cell>
          <cell r="E918" t="str">
            <v>TWA2A, TWA2B</v>
          </cell>
          <cell r="F918" t="str">
            <v>Are there any restrictions on the number of renewals of a TWA contract?</v>
          </cell>
          <cell r="G918">
            <v>2008</v>
          </cell>
          <cell r="H918">
            <v>2008</v>
          </cell>
          <cell r="I918" t="str">
            <v>No</v>
          </cell>
          <cell r="J918" t="str">
            <v>No</v>
          </cell>
          <cell r="K918" t="str">
            <v>No</v>
          </cell>
          <cell r="M918">
            <v>2</v>
          </cell>
          <cell r="N918">
            <v>2</v>
          </cell>
        </row>
        <row r="919">
          <cell r="A919" t="str">
            <v>CANTWA32008</v>
          </cell>
          <cell r="B919" t="str">
            <v>CAN</v>
          </cell>
          <cell r="C919" t="str">
            <v>Canada</v>
          </cell>
          <cell r="D919" t="str">
            <v>Item 15</v>
          </cell>
          <cell r="E919" t="str">
            <v>TWA3A, TWA3B</v>
          </cell>
          <cell r="F919" t="str">
            <v>Maximum cumulated duration of temporary work contracts</v>
          </cell>
          <cell r="G919">
            <v>2008</v>
          </cell>
          <cell r="H919">
            <v>2008</v>
          </cell>
          <cell r="I919" t="str">
            <v>No limit</v>
          </cell>
          <cell r="J919">
            <v>100</v>
          </cell>
          <cell r="K919">
            <v>100</v>
          </cell>
          <cell r="M919">
            <v>0</v>
          </cell>
          <cell r="N919">
            <v>0</v>
          </cell>
        </row>
        <row r="920">
          <cell r="A920" t="str">
            <v>CANTWA42008</v>
          </cell>
          <cell r="B920" t="str">
            <v>CAN</v>
          </cell>
          <cell r="C920" t="str">
            <v>Canada</v>
          </cell>
          <cell r="D920" t="str">
            <v>Item 16</v>
          </cell>
          <cell r="E920" t="str">
            <v>TWA4</v>
          </cell>
          <cell r="F920" t="str">
            <v>Authorisation and reporting obligations</v>
          </cell>
          <cell r="G920">
            <v>2008</v>
          </cell>
          <cell r="H920">
            <v>2008</v>
          </cell>
          <cell r="I92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v>
          </cell>
          <cell r="J920">
            <v>0.26</v>
          </cell>
          <cell r="M920">
            <v>0.52</v>
          </cell>
        </row>
        <row r="921">
          <cell r="A921" t="str">
            <v>CANTWA52008</v>
          </cell>
          <cell r="B921" t="str">
            <v>CAN</v>
          </cell>
          <cell r="C921" t="str">
            <v>Canada</v>
          </cell>
          <cell r="D921" t="str">
            <v>Item 17</v>
          </cell>
          <cell r="E921" t="str">
            <v>TWA5</v>
          </cell>
          <cell r="F921" t="str">
            <v>Equal treatment for TWA workers</v>
          </cell>
          <cell r="G921">
            <v>2008</v>
          </cell>
          <cell r="H921">
            <v>2008</v>
          </cell>
          <cell r="I921" t="str">
            <v>No</v>
          </cell>
          <cell r="J921">
            <v>0</v>
          </cell>
          <cell r="M921">
            <v>0</v>
          </cell>
        </row>
        <row r="922">
          <cell r="A922" t="str">
            <v>CANCD12008</v>
          </cell>
          <cell r="B922" t="str">
            <v>CAN</v>
          </cell>
          <cell r="C922" t="str">
            <v>Canada</v>
          </cell>
          <cell r="D922" t="str">
            <v>Item 18</v>
          </cell>
          <cell r="E922" t="str">
            <v>CD1</v>
          </cell>
          <cell r="F922" t="str">
            <v>Definition of collective dismissal</v>
          </cell>
          <cell r="G922">
            <v>2008</v>
          </cell>
          <cell r="H922">
            <v>2008</v>
          </cell>
          <cell r="I922"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922">
            <v>1.83</v>
          </cell>
          <cell r="M922">
            <v>2.7450000000000001</v>
          </cell>
          <cell r="P922" t="str">
            <v>changed</v>
          </cell>
        </row>
        <row r="923">
          <cell r="A923" t="str">
            <v>CANCD22008</v>
          </cell>
          <cell r="B923" t="str">
            <v>CAN</v>
          </cell>
          <cell r="C923" t="str">
            <v>Canada</v>
          </cell>
          <cell r="D923" t="str">
            <v>Item 19</v>
          </cell>
          <cell r="E923" t="str">
            <v>CD2</v>
          </cell>
          <cell r="F923" t="str">
            <v>Additional notification requirements in case of collective dismissals</v>
          </cell>
          <cell r="G923">
            <v>2008</v>
          </cell>
          <cell r="H923">
            <v>2008</v>
          </cell>
          <cell r="I92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923">
            <v>1.43</v>
          </cell>
          <cell r="M923">
            <v>4.29</v>
          </cell>
          <cell r="P923" t="str">
            <v>changed</v>
          </cell>
        </row>
        <row r="924">
          <cell r="A924" t="str">
            <v>CANCD32008</v>
          </cell>
          <cell r="B924" t="str">
            <v>CAN</v>
          </cell>
          <cell r="C924" t="str">
            <v>Canada</v>
          </cell>
          <cell r="D924" t="str">
            <v>Item 20</v>
          </cell>
          <cell r="E924" t="str">
            <v>CD3</v>
          </cell>
          <cell r="F924" t="str">
            <v>Additional delays involved in case of collective dismissals</v>
          </cell>
          <cell r="G924">
            <v>2008</v>
          </cell>
          <cell r="H924">
            <v>2008</v>
          </cell>
          <cell r="I924"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924">
            <v>53</v>
          </cell>
          <cell r="M924">
            <v>4</v>
          </cell>
        </row>
        <row r="925">
          <cell r="A925" t="str">
            <v>CANCD42008</v>
          </cell>
          <cell r="B925" t="str">
            <v>CAN</v>
          </cell>
          <cell r="C925" t="str">
            <v>Canada</v>
          </cell>
          <cell r="D925" t="str">
            <v>Item 21</v>
          </cell>
          <cell r="E925" t="str">
            <v>CD4</v>
          </cell>
          <cell r="F925" t="str">
            <v>Other special costs to employers in case of collective dismissals</v>
          </cell>
          <cell r="G925">
            <v>2008</v>
          </cell>
          <cell r="H925">
            <v>2008</v>
          </cell>
          <cell r="I925"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925">
            <v>0.28000000000000003</v>
          </cell>
          <cell r="M925">
            <v>0.84000000000000008</v>
          </cell>
          <cell r="P925" t="str">
            <v>changed</v>
          </cell>
        </row>
        <row r="926">
          <cell r="A926" t="str">
            <v>CZEREG12008</v>
          </cell>
          <cell r="B926" t="str">
            <v>CZE</v>
          </cell>
          <cell r="C926" t="str">
            <v>Czech Republic</v>
          </cell>
          <cell r="D926" t="str">
            <v>Item 1</v>
          </cell>
          <cell r="E926" t="str">
            <v>REG1</v>
          </cell>
          <cell r="F926" t="str">
            <v>Notification procedures</v>
          </cell>
          <cell r="G926">
            <v>2008</v>
          </cell>
          <cell r="H926">
            <v>2008</v>
          </cell>
          <cell r="I926"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926">
            <v>2</v>
          </cell>
          <cell r="M926">
            <v>4</v>
          </cell>
        </row>
        <row r="927">
          <cell r="A927" t="str">
            <v>CZEREG22008</v>
          </cell>
          <cell r="B927" t="str">
            <v>CZE</v>
          </cell>
          <cell r="C927" t="str">
            <v>Czech Republic</v>
          </cell>
          <cell r="D927" t="str">
            <v>Item 2</v>
          </cell>
          <cell r="E927" t="str">
            <v>REG2</v>
          </cell>
          <cell r="F927" t="str">
            <v>Delay before notice can start</v>
          </cell>
          <cell r="G927">
            <v>2008</v>
          </cell>
          <cell r="H927">
            <v>2008</v>
          </cell>
          <cell r="I927" t="str">
            <v>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v>
          </cell>
          <cell r="J927">
            <v>21</v>
          </cell>
          <cell r="M927">
            <v>3</v>
          </cell>
        </row>
        <row r="928">
          <cell r="A928" t="str">
            <v>CZEREG32008</v>
          </cell>
          <cell r="B928" t="str">
            <v>CZE</v>
          </cell>
          <cell r="C928" t="str">
            <v>Czech Republic</v>
          </cell>
          <cell r="D928" t="str">
            <v>Item 3</v>
          </cell>
          <cell r="E928" t="str">
            <v>REG3A, REG3B, REG3C</v>
          </cell>
          <cell r="F928" t="str">
            <v>Notice / tenure</v>
          </cell>
          <cell r="G928">
            <v>2008</v>
          </cell>
          <cell r="H928">
            <v>2008</v>
          </cell>
          <cell r="I928" t="str">
            <v>All workers: 2 months.</v>
          </cell>
          <cell r="J928">
            <v>2</v>
          </cell>
          <cell r="K928">
            <v>2</v>
          </cell>
          <cell r="L928">
            <v>2</v>
          </cell>
          <cell r="M928">
            <v>6</v>
          </cell>
          <cell r="N928">
            <v>4</v>
          </cell>
          <cell r="O928">
            <v>1</v>
          </cell>
        </row>
        <row r="929">
          <cell r="A929" t="str">
            <v>CZEREG42008</v>
          </cell>
          <cell r="B929" t="str">
            <v>CZE</v>
          </cell>
          <cell r="C929" t="str">
            <v>Czech Republic</v>
          </cell>
          <cell r="D929" t="str">
            <v>Item 4</v>
          </cell>
          <cell r="E929" t="str">
            <v>REG4A, REG4B, REG4C</v>
          </cell>
          <cell r="F929" t="str">
            <v>Severance pay / tenure</v>
          </cell>
          <cell r="G929">
            <v>2008</v>
          </cell>
          <cell r="H929">
            <v>2008</v>
          </cell>
          <cell r="I929" t="str">
            <v xml:space="preserve">Personal reasons: None. Redundancy: 3 months. In cases of dismissal due to work-related accident or illness: 12 months.
Calculation: average of personal reasons and redundancy. </v>
          </cell>
          <cell r="J929">
            <v>1.5</v>
          </cell>
          <cell r="K929">
            <v>1.5</v>
          </cell>
          <cell r="L929">
            <v>1.5</v>
          </cell>
          <cell r="M929">
            <v>3</v>
          </cell>
          <cell r="N929">
            <v>3</v>
          </cell>
          <cell r="O929">
            <v>1</v>
          </cell>
        </row>
        <row r="930">
          <cell r="A930" t="str">
            <v>CZEREG52008</v>
          </cell>
          <cell r="B930" t="str">
            <v>CZE</v>
          </cell>
          <cell r="C930" t="str">
            <v>Czech Republic</v>
          </cell>
          <cell r="D930" t="str">
            <v>Item 5</v>
          </cell>
          <cell r="E930" t="str">
            <v>REG5</v>
          </cell>
          <cell r="F930" t="str">
            <v>Definition of justified or unfair dismissal</v>
          </cell>
          <cell r="G930">
            <v>2008</v>
          </cell>
          <cell r="H930">
            <v>2008</v>
          </cell>
          <cell r="I930" t="str">
            <v>Fair:  Dismissals for failure to meet performance requirements and for reasons of technological and organisational change. Unfair: Dismissals based on discrimination (age, sex, colour, religion, union membership, etc.).</v>
          </cell>
          <cell r="J930">
            <v>0</v>
          </cell>
          <cell r="M930">
            <v>0</v>
          </cell>
        </row>
        <row r="931">
          <cell r="A931" t="str">
            <v>CZEREG62008</v>
          </cell>
          <cell r="B931" t="str">
            <v>CZE</v>
          </cell>
          <cell r="C931" t="str">
            <v>Czech Republic</v>
          </cell>
          <cell r="D931" t="str">
            <v>Item 6</v>
          </cell>
          <cell r="E931" t="str">
            <v>REG6</v>
          </cell>
          <cell r="F931" t="str">
            <v>Trial period</v>
          </cell>
          <cell r="G931">
            <v>2008</v>
          </cell>
          <cell r="H931">
            <v>2008</v>
          </cell>
          <cell r="I931" t="str">
            <v>3 months (all workers)</v>
          </cell>
          <cell r="J931">
            <v>3</v>
          </cell>
          <cell r="M931">
            <v>4</v>
          </cell>
        </row>
        <row r="932">
          <cell r="A932" t="str">
            <v>CZEREG72008</v>
          </cell>
          <cell r="B932" t="str">
            <v>CZE</v>
          </cell>
          <cell r="C932" t="str">
            <v>Czech Republic</v>
          </cell>
          <cell r="D932" t="str">
            <v>Item 7</v>
          </cell>
          <cell r="E932" t="str">
            <v>REG7</v>
          </cell>
          <cell r="F932" t="str">
            <v xml:space="preserve">Compensation following unfair dismissal </v>
          </cell>
          <cell r="G932">
            <v>2008</v>
          </cell>
          <cell r="H932">
            <v>2008</v>
          </cell>
          <cell r="I93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6 months.</v>
          </cell>
          <cell r="J932">
            <v>6</v>
          </cell>
          <cell r="M932">
            <v>1</v>
          </cell>
        </row>
        <row r="933">
          <cell r="A933" t="str">
            <v>CZEREG82008</v>
          </cell>
          <cell r="B933" t="str">
            <v>CZE</v>
          </cell>
          <cell r="C933" t="str">
            <v>Czech Republic</v>
          </cell>
          <cell r="D933" t="str">
            <v>Item 8</v>
          </cell>
          <cell r="E933" t="str">
            <v>REG8</v>
          </cell>
          <cell r="F933" t="str">
            <v>Possibility of reinstatement following unfair dismissal</v>
          </cell>
          <cell r="G933">
            <v>2008</v>
          </cell>
          <cell r="H933">
            <v>2008</v>
          </cell>
          <cell r="I933" t="str">
            <v>Reinstatement is always available to the employee.</v>
          </cell>
          <cell r="J933">
            <v>3</v>
          </cell>
          <cell r="M933">
            <v>6</v>
          </cell>
        </row>
        <row r="934">
          <cell r="A934" t="str">
            <v>CZEREG92008</v>
          </cell>
          <cell r="B934" t="str">
            <v>CZE</v>
          </cell>
          <cell r="C934" t="str">
            <v>Czech Republic</v>
          </cell>
          <cell r="D934" t="str">
            <v>Item 9</v>
          </cell>
          <cell r="E934" t="str">
            <v>REG9</v>
          </cell>
          <cell r="F934" t="str">
            <v>Maximum time for claim</v>
          </cell>
          <cell r="G934">
            <v>2008</v>
          </cell>
          <cell r="H934">
            <v>2008</v>
          </cell>
          <cell r="I934" t="str">
            <v>Two months after the day on which the contract was due to end (art. 72, Labour Code).</v>
          </cell>
          <cell r="J934">
            <v>2</v>
          </cell>
          <cell r="M934">
            <v>2</v>
          </cell>
        </row>
        <row r="935">
          <cell r="A935" t="str">
            <v>CZEFTC12008</v>
          </cell>
          <cell r="B935" t="str">
            <v>CZE</v>
          </cell>
          <cell r="C935" t="str">
            <v>Czech Republic</v>
          </cell>
          <cell r="D935" t="str">
            <v>Item 10</v>
          </cell>
          <cell r="E935" t="str">
            <v>FTC1</v>
          </cell>
          <cell r="F935" t="str">
            <v>Valid cases for use of fixed-term contracts, other than  “objective”  or “material” situation</v>
          </cell>
          <cell r="G935">
            <v>2008</v>
          </cell>
          <cell r="H935">
            <v>2008</v>
          </cell>
          <cell r="I935" t="str">
            <v>Generally permitted.</v>
          </cell>
          <cell r="J935">
            <v>3</v>
          </cell>
          <cell r="M935">
            <v>0</v>
          </cell>
        </row>
        <row r="936">
          <cell r="A936" t="str">
            <v>CZEFTC22008</v>
          </cell>
          <cell r="B936" t="str">
            <v>CZE</v>
          </cell>
          <cell r="C936" t="str">
            <v>Czech Republic</v>
          </cell>
          <cell r="D936" t="str">
            <v>Item 11</v>
          </cell>
          <cell r="E936" t="str">
            <v>FTC2</v>
          </cell>
          <cell r="F936" t="str">
            <v>Maximum number of successive fixed-term contracts</v>
          </cell>
          <cell r="G936">
            <v>2008</v>
          </cell>
          <cell r="H936">
            <v>2008</v>
          </cell>
          <cell r="I936" t="str">
            <v>No limit.</v>
          </cell>
          <cell r="J936">
            <v>100</v>
          </cell>
          <cell r="M936">
            <v>0</v>
          </cell>
        </row>
        <row r="937">
          <cell r="A937" t="str">
            <v>CZEFTC32008</v>
          </cell>
          <cell r="B937" t="str">
            <v>CZE</v>
          </cell>
          <cell r="C937" t="str">
            <v>Czech Republic</v>
          </cell>
          <cell r="D937" t="str">
            <v>Item 12</v>
          </cell>
          <cell r="E937" t="str">
            <v>FTC3</v>
          </cell>
          <cell r="F937" t="str">
            <v>Maximum cumulated duration of successive fixed-term contracts</v>
          </cell>
          <cell r="G937">
            <v>2008</v>
          </cell>
          <cell r="H937">
            <v>2008</v>
          </cell>
          <cell r="I937" t="str">
            <v>The maximum duration of successive fixed term contracts is two years.</v>
          </cell>
          <cell r="J937">
            <v>24</v>
          </cell>
          <cell r="M937">
            <v>3</v>
          </cell>
        </row>
        <row r="938">
          <cell r="A938" t="str">
            <v>CZETWA12008</v>
          </cell>
          <cell r="B938" t="str">
            <v>CZE</v>
          </cell>
          <cell r="C938" t="str">
            <v>Czech Republic</v>
          </cell>
          <cell r="D938" t="str">
            <v>Item 13</v>
          </cell>
          <cell r="E938" t="str">
            <v>TWA1</v>
          </cell>
          <cell r="F938" t="str">
            <v>Types of work for which TWA employment is legal</v>
          </cell>
          <cell r="G938">
            <v>2008</v>
          </cell>
          <cell r="H938">
            <v>2008</v>
          </cell>
          <cell r="I938" t="str">
            <v>General</v>
          </cell>
          <cell r="J938">
            <v>4</v>
          </cell>
          <cell r="M938">
            <v>0</v>
          </cell>
        </row>
        <row r="939">
          <cell r="A939" t="str">
            <v>CZETWA22008</v>
          </cell>
          <cell r="B939" t="str">
            <v>CZE</v>
          </cell>
          <cell r="C939" t="str">
            <v>Czech Republic</v>
          </cell>
          <cell r="D939" t="str">
            <v>Item 14</v>
          </cell>
          <cell r="E939" t="str">
            <v>TWA2A, TWA2B</v>
          </cell>
          <cell r="F939" t="str">
            <v>Are there any restrictions on the number of renewals of a TWA contract?</v>
          </cell>
          <cell r="G939">
            <v>2008</v>
          </cell>
          <cell r="H939">
            <v>2008</v>
          </cell>
          <cell r="I939" t="str">
            <v>No</v>
          </cell>
          <cell r="J939" t="str">
            <v>No</v>
          </cell>
          <cell r="K939" t="str">
            <v>No</v>
          </cell>
          <cell r="M939">
            <v>2</v>
          </cell>
          <cell r="N939">
            <v>2</v>
          </cell>
        </row>
        <row r="940">
          <cell r="A940" t="str">
            <v>CZETWA32008</v>
          </cell>
          <cell r="B940" t="str">
            <v>CZE</v>
          </cell>
          <cell r="C940" t="str">
            <v>Czech Republic</v>
          </cell>
          <cell r="D940" t="str">
            <v>Item 15</v>
          </cell>
          <cell r="E940" t="str">
            <v>TWA3A, TWA3B</v>
          </cell>
          <cell r="F940" t="str">
            <v>Maximum cumulated duration of temporary work contracts</v>
          </cell>
          <cell r="G940">
            <v>2008</v>
          </cell>
          <cell r="H940">
            <v>2008</v>
          </cell>
          <cell r="I940"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The maximum duration of successive TWA contracts between the agency and the worker is two years. However, open-ended TWA contracts are possible and frequent.</v>
          </cell>
          <cell r="J940">
            <v>12</v>
          </cell>
          <cell r="K940">
            <v>24</v>
          </cell>
          <cell r="M940">
            <v>4</v>
          </cell>
          <cell r="N940">
            <v>2</v>
          </cell>
        </row>
        <row r="941">
          <cell r="A941" t="str">
            <v>CZETWA42008</v>
          </cell>
          <cell r="B941" t="str">
            <v>CZE</v>
          </cell>
          <cell r="C941" t="str">
            <v>Czech Republic</v>
          </cell>
          <cell r="D941" t="str">
            <v>Item 16</v>
          </cell>
          <cell r="E941" t="str">
            <v>TWA4</v>
          </cell>
          <cell r="F941" t="str">
            <v>Authorisation and reporting obligations</v>
          </cell>
          <cell r="G941">
            <v>2008</v>
          </cell>
          <cell r="H941">
            <v>2008</v>
          </cell>
          <cell r="I941" t="str">
            <v>Requires authorization and periodic reporting obligations.</v>
          </cell>
          <cell r="J941">
            <v>3</v>
          </cell>
          <cell r="M941">
            <v>6</v>
          </cell>
        </row>
        <row r="942">
          <cell r="A942" t="str">
            <v>CZETWA52008</v>
          </cell>
          <cell r="B942" t="str">
            <v>CZE</v>
          </cell>
          <cell r="C942" t="str">
            <v>Czech Republic</v>
          </cell>
          <cell r="D942" t="str">
            <v>Item 17</v>
          </cell>
          <cell r="E942" t="str">
            <v>TWA5</v>
          </cell>
          <cell r="F942" t="str">
            <v>Equal treatment for TWA workers</v>
          </cell>
          <cell r="G942">
            <v>2008</v>
          </cell>
          <cell r="H942">
            <v>2008</v>
          </cell>
          <cell r="I942" t="str">
            <v>Equal treatment on wages and conditions.</v>
          </cell>
          <cell r="J942">
            <v>2</v>
          </cell>
          <cell r="M942">
            <v>6</v>
          </cell>
        </row>
        <row r="943">
          <cell r="A943" t="str">
            <v>CZECD12008</v>
          </cell>
          <cell r="B943" t="str">
            <v>CZE</v>
          </cell>
          <cell r="C943" t="str">
            <v>Czech Republic</v>
          </cell>
          <cell r="D943" t="str">
            <v>Item 18</v>
          </cell>
          <cell r="E943" t="str">
            <v>CD1</v>
          </cell>
          <cell r="F943" t="str">
            <v>Definition of collective dismissal</v>
          </cell>
          <cell r="G943">
            <v>2008</v>
          </cell>
          <cell r="H943">
            <v>2008</v>
          </cell>
          <cell r="I94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v>
          </cell>
          <cell r="J943">
            <v>3</v>
          </cell>
          <cell r="M943">
            <v>4.5</v>
          </cell>
        </row>
        <row r="944">
          <cell r="A944" t="str">
            <v>CZECD22008</v>
          </cell>
          <cell r="B944" t="str">
            <v>CZE</v>
          </cell>
          <cell r="C944" t="str">
            <v>Czech Republic</v>
          </cell>
          <cell r="D944" t="str">
            <v>Item 19</v>
          </cell>
          <cell r="E944" t="str">
            <v>CD2</v>
          </cell>
          <cell r="F944" t="str">
            <v>Additional notification requirements in case of collective dismissals</v>
          </cell>
          <cell r="G944">
            <v>2008</v>
          </cell>
          <cell r="H944">
            <v>2008</v>
          </cell>
          <cell r="I944" t="str">
            <v>Notification of employee representatives: Duty to inform competent employment representatives. Notification of public authorities: Notification of district labour office.</v>
          </cell>
          <cell r="J944">
            <v>1</v>
          </cell>
          <cell r="M944">
            <v>3</v>
          </cell>
        </row>
        <row r="945">
          <cell r="A945" t="str">
            <v>CZECD32008</v>
          </cell>
          <cell r="B945" t="str">
            <v>CZE</v>
          </cell>
          <cell r="C945" t="str">
            <v>Czech Republic</v>
          </cell>
          <cell r="D945" t="str">
            <v>Item 20</v>
          </cell>
          <cell r="E945" t="str">
            <v>CD3</v>
          </cell>
          <cell r="F945" t="str">
            <v>Additional delays involved in case of collective dismissals</v>
          </cell>
          <cell r="G945">
            <v>2008</v>
          </cell>
          <cell r="H945">
            <v>2008</v>
          </cell>
          <cell r="I945" t="str">
            <v>Information to trade union and PES office 30 days before implementation. 
Calculation: 30 days - 21days in case of individual dismissal (item 2)</v>
          </cell>
          <cell r="J945">
            <v>9</v>
          </cell>
          <cell r="M945">
            <v>1</v>
          </cell>
        </row>
        <row r="946">
          <cell r="A946" t="str">
            <v>CZECD42008</v>
          </cell>
          <cell r="B946" t="str">
            <v>CZE</v>
          </cell>
          <cell r="C946" t="str">
            <v>Czech Republic</v>
          </cell>
          <cell r="D946" t="str">
            <v>Item 21</v>
          </cell>
          <cell r="E946" t="str">
            <v>CD4</v>
          </cell>
          <cell r="F946" t="str">
            <v>Other special costs to employers in case of collective dismissals</v>
          </cell>
          <cell r="G946">
            <v>2008</v>
          </cell>
          <cell r="H946">
            <v>2008</v>
          </cell>
          <cell r="I946"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946">
            <v>0</v>
          </cell>
          <cell r="M946">
            <v>0</v>
          </cell>
        </row>
        <row r="947">
          <cell r="A947" t="str">
            <v>DNKREG12008</v>
          </cell>
          <cell r="B947" t="str">
            <v>DNK</v>
          </cell>
          <cell r="C947" t="str">
            <v>Denmark</v>
          </cell>
          <cell r="D947" t="str">
            <v>Item 1</v>
          </cell>
          <cell r="E947" t="str">
            <v>REG1</v>
          </cell>
          <cell r="F947" t="str">
            <v>Notification procedures</v>
          </cell>
          <cell r="G947">
            <v>2008</v>
          </cell>
          <cell r="H947">
            <v>2008</v>
          </cell>
          <cell r="I947"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947">
            <v>2</v>
          </cell>
          <cell r="M947">
            <v>4</v>
          </cell>
        </row>
        <row r="948">
          <cell r="A948" t="str">
            <v>DNKREG22008</v>
          </cell>
          <cell r="B948" t="str">
            <v>DNK</v>
          </cell>
          <cell r="C948" t="str">
            <v>Denmark</v>
          </cell>
          <cell r="D948" t="str">
            <v>Item 2</v>
          </cell>
          <cell r="E948" t="str">
            <v>REG2</v>
          </cell>
          <cell r="F948" t="str">
            <v>Delay before notice can start</v>
          </cell>
          <cell r="G948">
            <v>2008</v>
          </cell>
          <cell r="H948">
            <v>2008</v>
          </cell>
          <cell r="I948"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948">
            <v>11</v>
          </cell>
          <cell r="M948">
            <v>2</v>
          </cell>
        </row>
        <row r="949">
          <cell r="A949" t="str">
            <v>DNKREG32008</v>
          </cell>
          <cell r="B949" t="str">
            <v>DNK</v>
          </cell>
          <cell r="C949" t="str">
            <v>Denmark</v>
          </cell>
          <cell r="D949" t="str">
            <v>Item 3</v>
          </cell>
          <cell r="E949" t="str">
            <v>REG3A, REG3B, REG3C</v>
          </cell>
          <cell r="F949" t="str">
            <v>Notice / tenure</v>
          </cell>
          <cell r="G949">
            <v>2008</v>
          </cell>
          <cell r="H949">
            <v>2008</v>
          </cell>
          <cell r="I949"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949">
            <v>1.8</v>
          </cell>
          <cell r="K949">
            <v>3</v>
          </cell>
          <cell r="L949">
            <v>4.25</v>
          </cell>
          <cell r="M949">
            <v>5</v>
          </cell>
          <cell r="N949">
            <v>5</v>
          </cell>
          <cell r="O949">
            <v>2</v>
          </cell>
        </row>
        <row r="950">
          <cell r="A950" t="str">
            <v>DNKREG42008</v>
          </cell>
          <cell r="B950" t="str">
            <v>DNK</v>
          </cell>
          <cell r="C950" t="str">
            <v>Denmark</v>
          </cell>
          <cell r="D950" t="str">
            <v>Item 4</v>
          </cell>
          <cell r="E950" t="str">
            <v>REG4A, REG4B, REG4C</v>
          </cell>
          <cell r="F950" t="str">
            <v>Severance pay / tenure</v>
          </cell>
          <cell r="G950">
            <v>2008</v>
          </cell>
          <cell r="H950">
            <v>2008</v>
          </cell>
          <cell r="I950" t="str">
            <v xml:space="preserve">Blue collar: None (based on collective agreements). 
White collar: 1m&gt;12y, 2m&gt;15y, 3m&gt;18y.
White collar: 9 months tenure: 0, 4 years tenure: 0, 20 years tenure: 3 months.
Calculation: average of blue and white collar workers
</v>
          </cell>
          <cell r="J950">
            <v>0</v>
          </cell>
          <cell r="K950">
            <v>0</v>
          </cell>
          <cell r="L950">
            <v>1.5</v>
          </cell>
          <cell r="M950">
            <v>0</v>
          </cell>
          <cell r="N950">
            <v>0</v>
          </cell>
          <cell r="O950">
            <v>1</v>
          </cell>
        </row>
        <row r="951">
          <cell r="A951" t="str">
            <v>DNKREG52008</v>
          </cell>
          <cell r="B951" t="str">
            <v>DNK</v>
          </cell>
          <cell r="C951" t="str">
            <v>Denmark</v>
          </cell>
          <cell r="D951" t="str">
            <v>Item 5</v>
          </cell>
          <cell r="E951" t="str">
            <v>REG5</v>
          </cell>
          <cell r="F951" t="str">
            <v>Definition of justified or unfair dismissal</v>
          </cell>
          <cell r="G951">
            <v>2008</v>
          </cell>
          <cell r="H951">
            <v>2008</v>
          </cell>
          <cell r="I951"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951">
            <v>0</v>
          </cell>
          <cell r="M951">
            <v>0</v>
          </cell>
        </row>
        <row r="952">
          <cell r="A952" t="str">
            <v>DNKREG62008</v>
          </cell>
          <cell r="B952" t="str">
            <v>DNK</v>
          </cell>
          <cell r="C952" t="str">
            <v>Denmark</v>
          </cell>
          <cell r="D952" t="str">
            <v>Item 6</v>
          </cell>
          <cell r="E952" t="str">
            <v>REG6</v>
          </cell>
          <cell r="F952" t="str">
            <v>Trial period</v>
          </cell>
          <cell r="G952">
            <v>2008</v>
          </cell>
          <cell r="H952">
            <v>2008</v>
          </cell>
          <cell r="I952" t="str">
            <v xml:space="preserve">Blue collar: 9 months (based on collective agreements). White collar: 3 months. 
Calculated by averaging figures for blue and white collar workers
</v>
          </cell>
          <cell r="J952">
            <v>6</v>
          </cell>
          <cell r="M952">
            <v>3</v>
          </cell>
        </row>
        <row r="953">
          <cell r="A953" t="str">
            <v>DNKREG72008</v>
          </cell>
          <cell r="B953" t="str">
            <v>DNK</v>
          </cell>
          <cell r="C953" t="str">
            <v>Denmark</v>
          </cell>
          <cell r="D953" t="str">
            <v>Item 7</v>
          </cell>
          <cell r="E953" t="str">
            <v>REG7</v>
          </cell>
          <cell r="F953" t="str">
            <v>Compensation following unfair dismissal</v>
          </cell>
          <cell r="G953">
            <v>2008</v>
          </cell>
          <cell r="H953">
            <v>2008</v>
          </cell>
          <cell r="I953"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953">
            <v>6.6</v>
          </cell>
          <cell r="M953">
            <v>1</v>
          </cell>
        </row>
        <row r="954">
          <cell r="A954" t="str">
            <v>DNKREG82008</v>
          </cell>
          <cell r="B954" t="str">
            <v>DNK</v>
          </cell>
          <cell r="C954" t="str">
            <v>Denmark</v>
          </cell>
          <cell r="D954" t="str">
            <v>Item 8</v>
          </cell>
          <cell r="E954" t="str">
            <v>REG8</v>
          </cell>
          <cell r="F954" t="str">
            <v>Possibility of reinstatement following unfair dismissal</v>
          </cell>
          <cell r="G954">
            <v>2008</v>
          </cell>
          <cell r="H954">
            <v>2008</v>
          </cell>
          <cell r="I954"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954">
            <v>1</v>
          </cell>
          <cell r="M954">
            <v>2</v>
          </cell>
        </row>
        <row r="955">
          <cell r="A955" t="str">
            <v>DNKREG92008</v>
          </cell>
          <cell r="B955" t="str">
            <v>DNK</v>
          </cell>
          <cell r="C955" t="str">
            <v>Denmark</v>
          </cell>
          <cell r="D955" t="str">
            <v>Item 9</v>
          </cell>
          <cell r="E955" t="str">
            <v>REG9</v>
          </cell>
          <cell r="F955" t="str">
            <v>Maximum time for claim</v>
          </cell>
          <cell r="G955">
            <v>2008</v>
          </cell>
          <cell r="H955">
            <v>2008</v>
          </cell>
          <cell r="I955"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955">
            <v>0</v>
          </cell>
          <cell r="M955">
            <v>0</v>
          </cell>
        </row>
        <row r="956">
          <cell r="A956" t="str">
            <v>DNKFTC12008</v>
          </cell>
          <cell r="B956" t="str">
            <v>DNK</v>
          </cell>
          <cell r="C956" t="str">
            <v>Denmark</v>
          </cell>
          <cell r="D956" t="str">
            <v>Item 10</v>
          </cell>
          <cell r="E956" t="str">
            <v>FTC1</v>
          </cell>
          <cell r="F956" t="str">
            <v>Valid cases for use of fixed-term contracts, other than  “objective”  or “material” situation</v>
          </cell>
          <cell r="G956">
            <v>2008</v>
          </cell>
          <cell r="H956">
            <v>2008</v>
          </cell>
          <cell r="I956" t="str">
            <v xml:space="preserve">Fixed-term contracts allowed for specified periods of time and/or for specific tasks 
Particularly used in professional services and construction, but also in other industries. Renewal of fixed term contracts must be based on “objective criteria”. 
</v>
          </cell>
          <cell r="J956">
            <v>2.5</v>
          </cell>
          <cell r="M956">
            <v>1</v>
          </cell>
        </row>
        <row r="957">
          <cell r="A957" t="str">
            <v>DNKFTC22008</v>
          </cell>
          <cell r="B957" t="str">
            <v>DNK</v>
          </cell>
          <cell r="C957" t="str">
            <v>Denmark</v>
          </cell>
          <cell r="D957" t="str">
            <v>Item 11</v>
          </cell>
          <cell r="E957" t="str">
            <v>FTC2</v>
          </cell>
          <cell r="F957" t="str">
            <v>Maximum number of successive fixed-term contracts</v>
          </cell>
          <cell r="G957">
            <v>2008</v>
          </cell>
          <cell r="H957">
            <v>2008</v>
          </cell>
          <cell r="I957"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957">
            <v>2.5</v>
          </cell>
          <cell r="M957">
            <v>4</v>
          </cell>
        </row>
        <row r="958">
          <cell r="A958" t="str">
            <v>DNKFTC32008</v>
          </cell>
          <cell r="B958" t="str">
            <v>DNK</v>
          </cell>
          <cell r="C958" t="str">
            <v>Denmark</v>
          </cell>
          <cell r="D958" t="str">
            <v>Item 12</v>
          </cell>
          <cell r="E958" t="str">
            <v>FTC3</v>
          </cell>
          <cell r="F958" t="str">
            <v>Maximum cumulated duration of successive fixed-term contracts</v>
          </cell>
          <cell r="G958">
            <v>2008</v>
          </cell>
          <cell r="H958">
            <v>2008</v>
          </cell>
          <cell r="I958" t="str">
            <v xml:space="preserve">There are no limits if objective reasons but in practice max. 2 years </v>
          </cell>
          <cell r="J958">
            <v>24</v>
          </cell>
          <cell r="M958">
            <v>3</v>
          </cell>
        </row>
        <row r="959">
          <cell r="A959" t="str">
            <v>DNKTWA12008</v>
          </cell>
          <cell r="B959" t="str">
            <v>DNK</v>
          </cell>
          <cell r="C959" t="str">
            <v>Denmark</v>
          </cell>
          <cell r="D959" t="str">
            <v>Item 13</v>
          </cell>
          <cell r="E959" t="str">
            <v>TWA1</v>
          </cell>
          <cell r="F959" t="str">
            <v>Types of work for which TWA employment is legal</v>
          </cell>
          <cell r="G959">
            <v>2008</v>
          </cell>
          <cell r="H959">
            <v>2008</v>
          </cell>
          <cell r="I959" t="str">
            <v>Generally allowed.</v>
          </cell>
          <cell r="J959">
            <v>4</v>
          </cell>
          <cell r="M959">
            <v>0</v>
          </cell>
        </row>
        <row r="960">
          <cell r="A960" t="str">
            <v>DNKTWA22008</v>
          </cell>
          <cell r="B960" t="str">
            <v>DNK</v>
          </cell>
          <cell r="C960" t="str">
            <v>Denmark</v>
          </cell>
          <cell r="D960" t="str">
            <v>Item 14</v>
          </cell>
          <cell r="E960" t="str">
            <v>TWA2A, TWA2B</v>
          </cell>
          <cell r="F960" t="str">
            <v>Are there any restrictions on the number of renewals of a TWA contract?</v>
          </cell>
          <cell r="G960">
            <v>2008</v>
          </cell>
          <cell r="H960">
            <v>2008</v>
          </cell>
          <cell r="I960" t="str">
            <v xml:space="preserve">No but the Danish Confederation of Trade Unions states that court rulings suggest that 4-5 renewals entail notification procedures. </v>
          </cell>
          <cell r="J960" t="str">
            <v>No</v>
          </cell>
          <cell r="K960" t="str">
            <v>No</v>
          </cell>
          <cell r="M960">
            <v>2</v>
          </cell>
          <cell r="N960">
            <v>2</v>
          </cell>
        </row>
        <row r="961">
          <cell r="A961" t="str">
            <v>DNKTWA32008</v>
          </cell>
          <cell r="B961" t="str">
            <v>DNK</v>
          </cell>
          <cell r="C961" t="str">
            <v>Denmark</v>
          </cell>
          <cell r="D961" t="str">
            <v>Item 15</v>
          </cell>
          <cell r="E961" t="str">
            <v>TWA3A, TWA3B</v>
          </cell>
          <cell r="F961" t="str">
            <v>Maximum cumulated duration of temporary work contracts</v>
          </cell>
          <cell r="G961">
            <v>2008</v>
          </cell>
          <cell r="H961">
            <v>2008</v>
          </cell>
          <cell r="I961" t="str">
            <v>The Danish Confederation of Trade Unions states that there is no limit, if employment pauses in between.</v>
          </cell>
          <cell r="J961">
            <v>100</v>
          </cell>
          <cell r="K961">
            <v>100</v>
          </cell>
          <cell r="M961">
            <v>0</v>
          </cell>
          <cell r="N961">
            <v>0</v>
          </cell>
        </row>
        <row r="962">
          <cell r="A962" t="str">
            <v>DNKTWA42008</v>
          </cell>
          <cell r="B962" t="str">
            <v>DNK</v>
          </cell>
          <cell r="C962" t="str">
            <v>Denmark</v>
          </cell>
          <cell r="D962" t="str">
            <v>Item 16</v>
          </cell>
          <cell r="E962" t="str">
            <v>TWA4</v>
          </cell>
          <cell r="F962" t="str">
            <v>Authorisation and reporting obligations</v>
          </cell>
          <cell r="G962">
            <v>2008</v>
          </cell>
          <cell r="H962">
            <v>2008</v>
          </cell>
          <cell r="I962" t="str">
            <v>No requirements except company registration.</v>
          </cell>
          <cell r="J962">
            <v>0</v>
          </cell>
          <cell r="M962">
            <v>0</v>
          </cell>
        </row>
        <row r="963">
          <cell r="A963" t="str">
            <v>DNKTWA52008</v>
          </cell>
          <cell r="B963" t="str">
            <v>DNK</v>
          </cell>
          <cell r="C963" t="str">
            <v>Denmark</v>
          </cell>
          <cell r="D963" t="str">
            <v>Item 17</v>
          </cell>
          <cell r="E963" t="str">
            <v>TWA5</v>
          </cell>
          <cell r="F963" t="str">
            <v>Equal treatment for TWA workers</v>
          </cell>
          <cell r="G963">
            <v>2008</v>
          </cell>
          <cell r="H963">
            <v>2008</v>
          </cell>
          <cell r="I963" t="str">
            <v>Yes, equal treatment regarding pay and working conditions</v>
          </cell>
          <cell r="J963">
            <v>2</v>
          </cell>
          <cell r="M963">
            <v>6</v>
          </cell>
        </row>
        <row r="964">
          <cell r="A964" t="str">
            <v>DNKCD12008</v>
          </cell>
          <cell r="B964" t="str">
            <v>DNK</v>
          </cell>
          <cell r="C964" t="str">
            <v>Denmark</v>
          </cell>
          <cell r="D964" t="str">
            <v>Item 18</v>
          </cell>
          <cell r="E964" t="str">
            <v>CD1</v>
          </cell>
          <cell r="F964" t="str">
            <v>Definition of collective dismissal</v>
          </cell>
          <cell r="G964">
            <v>2008</v>
          </cell>
          <cell r="H964">
            <v>2008</v>
          </cell>
          <cell r="I964" t="str">
            <v xml:space="preserve">Within 30 days, &gt;9 workers in firms 21-99 employees; &gt;9% in firms 100-299; &gt;29 workers in firms 300+ employees.
Firms with 20 employees or less are exempt from requirements for collective dismissals.
</v>
          </cell>
          <cell r="J964">
            <v>3</v>
          </cell>
          <cell r="M964">
            <v>4.5</v>
          </cell>
        </row>
        <row r="965">
          <cell r="A965" t="str">
            <v>DNKCD22008</v>
          </cell>
          <cell r="B965" t="str">
            <v>DNK</v>
          </cell>
          <cell r="C965" t="str">
            <v>Denmark</v>
          </cell>
          <cell r="D965" t="str">
            <v>Item 19</v>
          </cell>
          <cell r="E965" t="str">
            <v>CD2</v>
          </cell>
          <cell r="F965" t="str">
            <v>Additional notification requirements in case of collective dismissals</v>
          </cell>
          <cell r="G965">
            <v>2008</v>
          </cell>
          <cell r="H965">
            <v>2008</v>
          </cell>
          <cell r="I965" t="str">
            <v>Notification of Regional Employment Council (tripartite council) plus the Union and Employers org. (collective agreements provisions).</v>
          </cell>
          <cell r="J965">
            <v>1</v>
          </cell>
          <cell r="M965">
            <v>3</v>
          </cell>
        </row>
        <row r="966">
          <cell r="A966" t="str">
            <v>DNKCD32008</v>
          </cell>
          <cell r="B966" t="str">
            <v>DNK</v>
          </cell>
          <cell r="C966" t="str">
            <v>Denmark</v>
          </cell>
          <cell r="D966" t="str">
            <v>Item 20</v>
          </cell>
          <cell r="E966" t="str">
            <v>CD3</v>
          </cell>
          <cell r="F966" t="str">
            <v>Additional delays involved in case of collective dismissals</v>
          </cell>
          <cell r="G966">
            <v>2008</v>
          </cell>
          <cell r="H966">
            <v>2008</v>
          </cell>
          <cell r="I966"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966">
            <v>24</v>
          </cell>
          <cell r="M966">
            <v>1</v>
          </cell>
        </row>
        <row r="967">
          <cell r="A967" t="str">
            <v>DNKCD42008</v>
          </cell>
          <cell r="B967" t="str">
            <v>DNK</v>
          </cell>
          <cell r="C967" t="str">
            <v>Denmark</v>
          </cell>
          <cell r="D967" t="str">
            <v>Item 21</v>
          </cell>
          <cell r="E967" t="str">
            <v>CD4</v>
          </cell>
          <cell r="F967" t="str">
            <v>Other special costs to employers in case of collective dismissals</v>
          </cell>
          <cell r="G967">
            <v>2008</v>
          </cell>
          <cell r="H967">
            <v>2008</v>
          </cell>
          <cell r="I967" t="str">
            <v>Type of negotiation required: National agreement obliges companies to organise transfer and/or retraining whenever possible. Selection criteria: No criteria laid down by law. Severance pay: No special regulations for collective dismissal.</v>
          </cell>
          <cell r="J967">
            <v>1</v>
          </cell>
          <cell r="M967">
            <v>3</v>
          </cell>
        </row>
        <row r="968">
          <cell r="A968" t="str">
            <v>FINREG12008</v>
          </cell>
          <cell r="B968" t="str">
            <v>FIN</v>
          </cell>
          <cell r="C968" t="str">
            <v>Finland</v>
          </cell>
          <cell r="D968" t="str">
            <v>Item 1</v>
          </cell>
          <cell r="E968" t="str">
            <v>REG1</v>
          </cell>
          <cell r="F968" t="str">
            <v>Notification procedures</v>
          </cell>
          <cell r="G968">
            <v>2008</v>
          </cell>
          <cell r="H968">
            <v>2008</v>
          </cell>
          <cell r="I968"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968">
            <v>1.75</v>
          </cell>
          <cell r="M968">
            <v>3.5</v>
          </cell>
        </row>
        <row r="969">
          <cell r="A969" t="str">
            <v>FINREG22008</v>
          </cell>
          <cell r="B969" t="str">
            <v>FIN</v>
          </cell>
          <cell r="C969" t="str">
            <v>Finland</v>
          </cell>
          <cell r="D969" t="str">
            <v>Item 2</v>
          </cell>
          <cell r="E969" t="str">
            <v>REG2</v>
          </cell>
          <cell r="F969" t="str">
            <v>Delay before notice can start</v>
          </cell>
          <cell r="G969">
            <v>2008</v>
          </cell>
          <cell r="H969">
            <v>2008</v>
          </cell>
          <cell r="I969" t="str">
            <v>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v>
          </cell>
          <cell r="J969">
            <v>15.5</v>
          </cell>
          <cell r="M969">
            <v>2</v>
          </cell>
        </row>
        <row r="970">
          <cell r="A970" t="str">
            <v>FINREG32008</v>
          </cell>
          <cell r="B970" t="str">
            <v>FIN</v>
          </cell>
          <cell r="C970" t="str">
            <v>Finland</v>
          </cell>
          <cell r="D970" t="str">
            <v>Item 3</v>
          </cell>
          <cell r="E970" t="str">
            <v>REG3A, REG3B, REG3C</v>
          </cell>
          <cell r="F970" t="str">
            <v>Notice / tenure</v>
          </cell>
          <cell r="G970">
            <v>2008</v>
          </cell>
          <cell r="H970">
            <v>2008</v>
          </cell>
          <cell r="I970" t="str">
            <v>All workers: 14d&lt;=1y, 1m&lt;=4y, 2m&lt;=8y, 4m&lt;=12y, 6m&gt;12y.
9 months tenure: 14 days, 4 years tenure: 1 months, 20 years tenure: 6 months.</v>
          </cell>
          <cell r="J970">
            <v>0.5</v>
          </cell>
          <cell r="K970">
            <v>1</v>
          </cell>
          <cell r="L970">
            <v>6</v>
          </cell>
          <cell r="M970">
            <v>2</v>
          </cell>
          <cell r="N970">
            <v>2</v>
          </cell>
          <cell r="O970">
            <v>3</v>
          </cell>
        </row>
        <row r="971">
          <cell r="A971" t="str">
            <v>FINREG42008</v>
          </cell>
          <cell r="B971" t="str">
            <v>FIN</v>
          </cell>
          <cell r="C971" t="str">
            <v>Finland</v>
          </cell>
          <cell r="D971" t="str">
            <v>Item 4</v>
          </cell>
          <cell r="E971" t="str">
            <v>REG4A, REG4B, REG4C</v>
          </cell>
          <cell r="F971" t="str">
            <v>Severance pay / tenure</v>
          </cell>
          <cell r="G971">
            <v>2008</v>
          </cell>
          <cell r="H971">
            <v>2008</v>
          </cell>
          <cell r="I971" t="str">
            <v>All workers: None.</v>
          </cell>
          <cell r="J971">
            <v>0</v>
          </cell>
          <cell r="K971">
            <v>0</v>
          </cell>
          <cell r="L971">
            <v>0</v>
          </cell>
          <cell r="M971">
            <v>0</v>
          </cell>
          <cell r="N971">
            <v>0</v>
          </cell>
          <cell r="O971">
            <v>0</v>
          </cell>
        </row>
        <row r="972">
          <cell r="A972" t="str">
            <v>FINREG52008</v>
          </cell>
          <cell r="B972" t="str">
            <v>FIN</v>
          </cell>
          <cell r="C972" t="str">
            <v>Finland</v>
          </cell>
          <cell r="D972" t="str">
            <v>Item 5</v>
          </cell>
          <cell r="E972" t="str">
            <v>REG5</v>
          </cell>
          <cell r="F972" t="str">
            <v>Definition of justified or unfair dismissal</v>
          </cell>
          <cell r="G972">
            <v>2008</v>
          </cell>
          <cell r="H972">
            <v>2008</v>
          </cell>
          <cell r="I97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v>
          </cell>
          <cell r="J972">
            <v>2</v>
          </cell>
          <cell r="M972">
            <v>4</v>
          </cell>
        </row>
        <row r="973">
          <cell r="A973" t="str">
            <v>FINREG62008</v>
          </cell>
          <cell r="B973" t="str">
            <v>FIN</v>
          </cell>
          <cell r="C973" t="str">
            <v>Finland</v>
          </cell>
          <cell r="D973" t="str">
            <v>Item 6</v>
          </cell>
          <cell r="E973" t="str">
            <v>REG6</v>
          </cell>
          <cell r="F973" t="str">
            <v>Trial period</v>
          </cell>
          <cell r="G973">
            <v>2008</v>
          </cell>
          <cell r="H973">
            <v>2008</v>
          </cell>
          <cell r="I973" t="str">
            <v>4 months (all workers)</v>
          </cell>
          <cell r="J973">
            <v>4</v>
          </cell>
          <cell r="M973">
            <v>4</v>
          </cell>
        </row>
        <row r="974">
          <cell r="A974" t="str">
            <v>FINREG72008</v>
          </cell>
          <cell r="B974" t="str">
            <v>FIN</v>
          </cell>
          <cell r="C974" t="str">
            <v>Finland</v>
          </cell>
          <cell r="D974" t="str">
            <v>Item 7</v>
          </cell>
          <cell r="E974" t="str">
            <v>REG7</v>
          </cell>
          <cell r="F974" t="str">
            <v xml:space="preserve">Compensation following unfair dismissal </v>
          </cell>
          <cell r="G974">
            <v>2008</v>
          </cell>
          <cell r="H974">
            <v>2008</v>
          </cell>
          <cell r="I97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974">
            <v>14</v>
          </cell>
          <cell r="M974">
            <v>3</v>
          </cell>
        </row>
        <row r="975">
          <cell r="A975" t="str">
            <v>FINREG82008</v>
          </cell>
          <cell r="B975" t="str">
            <v>FIN</v>
          </cell>
          <cell r="C975" t="str">
            <v>Finland</v>
          </cell>
          <cell r="D975" t="str">
            <v>Item 8</v>
          </cell>
          <cell r="E975" t="str">
            <v>REG8</v>
          </cell>
          <cell r="F975" t="str">
            <v>Possibility of reinstatement following unfair dismissal</v>
          </cell>
          <cell r="G975">
            <v>2008</v>
          </cell>
          <cell r="H975">
            <v>2008</v>
          </cell>
          <cell r="I975" t="str">
            <v>No reinstatement.</v>
          </cell>
          <cell r="J975">
            <v>0</v>
          </cell>
          <cell r="M975">
            <v>0</v>
          </cell>
        </row>
        <row r="976">
          <cell r="A976" t="str">
            <v>FINREG92008</v>
          </cell>
          <cell r="B976" t="str">
            <v>FIN</v>
          </cell>
          <cell r="C976" t="str">
            <v>Finland</v>
          </cell>
          <cell r="D976" t="str">
            <v>Item 9</v>
          </cell>
          <cell r="E976" t="str">
            <v>REG9</v>
          </cell>
          <cell r="F976" t="str">
            <v>Maximum time for claim</v>
          </cell>
          <cell r="G976">
            <v>2008</v>
          </cell>
          <cell r="H976">
            <v>2008</v>
          </cell>
          <cell r="I976" t="str">
            <v>After the termination of employment the claim for compensation based on unfairness of the dismissal must be filed within 2 years</v>
          </cell>
          <cell r="J976">
            <v>24</v>
          </cell>
          <cell r="M976">
            <v>6</v>
          </cell>
        </row>
        <row r="977">
          <cell r="A977" t="str">
            <v>FINFTC12008</v>
          </cell>
          <cell r="B977" t="str">
            <v>FIN</v>
          </cell>
          <cell r="C977" t="str">
            <v>Finland</v>
          </cell>
          <cell r="D977" t="str">
            <v>Item 10</v>
          </cell>
          <cell r="E977" t="str">
            <v>FTC1</v>
          </cell>
          <cell r="F977" t="str">
            <v>Valid cases for use of fixed-term contracts, other than  “objective”  or “material” situation</v>
          </cell>
          <cell r="G977">
            <v>2008</v>
          </cell>
          <cell r="H977">
            <v>2008</v>
          </cell>
          <cell r="I977"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977">
            <v>2</v>
          </cell>
          <cell r="M977">
            <v>2</v>
          </cell>
        </row>
        <row r="978">
          <cell r="A978" t="str">
            <v>FINFTC22008</v>
          </cell>
          <cell r="B978" t="str">
            <v>FIN</v>
          </cell>
          <cell r="C978" t="str">
            <v>Finland</v>
          </cell>
          <cell r="D978" t="str">
            <v>Item 11</v>
          </cell>
          <cell r="E978" t="str">
            <v>FTC2</v>
          </cell>
          <cell r="F978" t="str">
            <v>Maximum number of successive fixed-term contracts</v>
          </cell>
          <cell r="G978">
            <v>2008</v>
          </cell>
          <cell r="H978">
            <v>2008</v>
          </cell>
          <cell r="I978" t="str">
            <v>In case of successive contracts, justification of limitation of contract subject to court examination.
Estimated number: 2.5</v>
          </cell>
          <cell r="J978">
            <v>2.5</v>
          </cell>
          <cell r="M978">
            <v>4</v>
          </cell>
        </row>
        <row r="979">
          <cell r="A979" t="str">
            <v>FINFTC32008</v>
          </cell>
          <cell r="B979" t="str">
            <v>FIN</v>
          </cell>
          <cell r="C979" t="str">
            <v>Finland</v>
          </cell>
          <cell r="D979" t="str">
            <v>Item 12</v>
          </cell>
          <cell r="E979" t="str">
            <v>FTC3</v>
          </cell>
          <cell r="F979" t="str">
            <v>Maximum cumulated duration of successive fixed-term contracts</v>
          </cell>
          <cell r="G979">
            <v>2008</v>
          </cell>
          <cell r="H979">
            <v>2008</v>
          </cell>
          <cell r="I979" t="str">
            <v>No limit</v>
          </cell>
          <cell r="J979">
            <v>200</v>
          </cell>
          <cell r="M979">
            <v>0</v>
          </cell>
        </row>
        <row r="980">
          <cell r="A980" t="str">
            <v>FINTWA12008</v>
          </cell>
          <cell r="B980" t="str">
            <v>FIN</v>
          </cell>
          <cell r="C980" t="str">
            <v>Finland</v>
          </cell>
          <cell r="D980" t="str">
            <v>Item 13</v>
          </cell>
          <cell r="E980" t="str">
            <v>TWA1</v>
          </cell>
          <cell r="F980" t="str">
            <v>Types of work for which TWA employment is legal</v>
          </cell>
          <cell r="G980">
            <v>2008</v>
          </cell>
          <cell r="H980">
            <v>2008</v>
          </cell>
          <cell r="I980"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980">
            <v>3.5</v>
          </cell>
          <cell r="M980">
            <v>0.75</v>
          </cell>
        </row>
        <row r="981">
          <cell r="A981" t="str">
            <v>FINTWA22008</v>
          </cell>
          <cell r="B981" t="str">
            <v>FIN</v>
          </cell>
          <cell r="C981" t="str">
            <v>Finland</v>
          </cell>
          <cell r="D981" t="str">
            <v>Item 14</v>
          </cell>
          <cell r="E981" t="str">
            <v>TWA2A, TWA2B</v>
          </cell>
          <cell r="F981" t="str">
            <v>Are there any restrictions on the number of renewals of a TWA contract?</v>
          </cell>
          <cell r="G981">
            <v>2008</v>
          </cell>
          <cell r="H981">
            <v>2008</v>
          </cell>
          <cell r="I981" t="str">
            <v>No for assignments. Same restrictions as for fixed-term contracts if the contract between the agency and the worker is fixed-term. It is not possible to use fixed-term TWA contracts when the agency has a permanent need of labour.</v>
          </cell>
          <cell r="J981" t="str">
            <v>No</v>
          </cell>
          <cell r="K981" t="str">
            <v>Yes</v>
          </cell>
          <cell r="M981">
            <v>2</v>
          </cell>
          <cell r="N981">
            <v>4</v>
          </cell>
        </row>
        <row r="982">
          <cell r="A982" t="str">
            <v>FINTWA32008</v>
          </cell>
          <cell r="B982" t="str">
            <v>FIN</v>
          </cell>
          <cell r="C982" t="str">
            <v>Finland</v>
          </cell>
          <cell r="D982" t="str">
            <v>Item 15</v>
          </cell>
          <cell r="E982" t="str">
            <v>TWA3A, TWA3B</v>
          </cell>
          <cell r="F982" t="str">
            <v>Maximum cumulated duration of temporary work contracts</v>
          </cell>
          <cell r="G982">
            <v>2008</v>
          </cell>
          <cell r="H982">
            <v>2008</v>
          </cell>
          <cell r="I982" t="str">
            <v>Restrictions on the length of assignments in certain collective agreements.
No limit for contracts, if the latter are open-ended.</v>
          </cell>
          <cell r="J982">
            <v>90</v>
          </cell>
          <cell r="K982">
            <v>100</v>
          </cell>
          <cell r="M982">
            <v>1</v>
          </cell>
          <cell r="N982">
            <v>0</v>
          </cell>
        </row>
        <row r="983">
          <cell r="A983" t="str">
            <v>FINTWA42008</v>
          </cell>
          <cell r="B983" t="str">
            <v>FIN</v>
          </cell>
          <cell r="C983" t="str">
            <v>Finland</v>
          </cell>
          <cell r="D983" t="str">
            <v>Item 16</v>
          </cell>
          <cell r="E983" t="str">
            <v>TWA4</v>
          </cell>
          <cell r="F983" t="str">
            <v>Authorisation and reporting obligations</v>
          </cell>
          <cell r="G983">
            <v>2008</v>
          </cell>
          <cell r="H983">
            <v>2008</v>
          </cell>
          <cell r="I983" t="str">
            <v>No</v>
          </cell>
          <cell r="J983">
            <v>0</v>
          </cell>
          <cell r="M983">
            <v>0</v>
          </cell>
        </row>
        <row r="984">
          <cell r="A984" t="str">
            <v>FINTWA52008</v>
          </cell>
          <cell r="B984" t="str">
            <v>FIN</v>
          </cell>
          <cell r="C984" t="str">
            <v>Finland</v>
          </cell>
          <cell r="D984" t="str">
            <v>Item 17</v>
          </cell>
          <cell r="E984" t="str">
            <v>TWA5</v>
          </cell>
          <cell r="F984" t="str">
            <v>Equal treatment for TWA workers</v>
          </cell>
          <cell r="G984">
            <v>2008</v>
          </cell>
          <cell r="H984">
            <v>2008</v>
          </cell>
          <cell r="I984" t="str">
            <v>Yes, equal treatment regarding pay and working conditions</v>
          </cell>
          <cell r="J984">
            <v>2</v>
          </cell>
          <cell r="M984">
            <v>6</v>
          </cell>
        </row>
        <row r="985">
          <cell r="A985" t="str">
            <v>FINCD12008</v>
          </cell>
          <cell r="B985" t="str">
            <v>FIN</v>
          </cell>
          <cell r="C985" t="str">
            <v>Finland</v>
          </cell>
          <cell r="D985" t="str">
            <v>Item 18</v>
          </cell>
          <cell r="E985" t="str">
            <v>CD1</v>
          </cell>
          <cell r="F985" t="str">
            <v>Definition of collective dismissal</v>
          </cell>
          <cell r="G985">
            <v>2008</v>
          </cell>
          <cell r="H985">
            <v>2008</v>
          </cell>
          <cell r="I985" t="str">
            <v>&gt;9 workers in firms &gt;20 employees, in case of dismissal for financial or production-related reasons.</v>
          </cell>
          <cell r="J985">
            <v>3</v>
          </cell>
          <cell r="M985">
            <v>4.5</v>
          </cell>
        </row>
        <row r="986">
          <cell r="A986" t="str">
            <v>FINCD22008</v>
          </cell>
          <cell r="B986" t="str">
            <v>FIN</v>
          </cell>
          <cell r="C986" t="str">
            <v>Finland</v>
          </cell>
          <cell r="D986" t="str">
            <v>Item 19</v>
          </cell>
          <cell r="E986" t="str">
            <v>CD2</v>
          </cell>
          <cell r="F986" t="str">
            <v>Additional notification requirements in case of collective dismissals</v>
          </cell>
          <cell r="G986">
            <v>2008</v>
          </cell>
          <cell r="H986">
            <v>2008</v>
          </cell>
          <cell r="I986" t="str">
            <v>Notification of employee representatives: Consultation with trade union or personnel representatives.
Notification of public authorities: Notification to local employment office.</v>
          </cell>
          <cell r="J986">
            <v>0</v>
          </cell>
          <cell r="M986">
            <v>0</v>
          </cell>
        </row>
        <row r="987">
          <cell r="A987" t="str">
            <v>FINCD32008</v>
          </cell>
          <cell r="B987" t="str">
            <v>FIN</v>
          </cell>
          <cell r="C987" t="str">
            <v>Finland</v>
          </cell>
          <cell r="D987" t="str">
            <v>Item 20</v>
          </cell>
          <cell r="E987" t="str">
            <v>CD3</v>
          </cell>
          <cell r="F987" t="str">
            <v>Additional delays involved in case of collective dismissals</v>
          </cell>
          <cell r="G987">
            <v>2008</v>
          </cell>
          <cell r="H987">
            <v>2008</v>
          </cell>
          <cell r="I987" t="str">
            <v>When an employer with more than 30 employees is considering laying off at least 10 employees, the mandatory period for negotiating with employees or their representatives is extended from 14 days to six weeks.</v>
          </cell>
          <cell r="J987">
            <v>28.5</v>
          </cell>
          <cell r="M987">
            <v>2</v>
          </cell>
        </row>
        <row r="988">
          <cell r="A988" t="str">
            <v>FINCD42008</v>
          </cell>
          <cell r="B988" t="str">
            <v>FIN</v>
          </cell>
          <cell r="C988" t="str">
            <v>Finland</v>
          </cell>
          <cell r="D988" t="str">
            <v>Item 21</v>
          </cell>
          <cell r="E988" t="str">
            <v>CD4</v>
          </cell>
          <cell r="F988" t="str">
            <v>Other special costs to employers in case of collective dismissals</v>
          </cell>
          <cell r="G988">
            <v>2008</v>
          </cell>
          <cell r="H988">
            <v>2008</v>
          </cell>
          <cell r="I988"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988">
            <v>0</v>
          </cell>
          <cell r="M988">
            <v>0</v>
          </cell>
        </row>
        <row r="989">
          <cell r="A989" t="str">
            <v>FRAREG12008</v>
          </cell>
          <cell r="B989" t="str">
            <v>FRA</v>
          </cell>
          <cell r="C989" t="str">
            <v>France</v>
          </cell>
          <cell r="D989" t="str">
            <v>Item 1</v>
          </cell>
          <cell r="E989" t="str">
            <v>REG1</v>
          </cell>
          <cell r="F989" t="str">
            <v>Notification procedures</v>
          </cell>
          <cell r="G989">
            <v>2008</v>
          </cell>
          <cell r="H989">
            <v>2009</v>
          </cell>
          <cell r="I989"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989">
            <v>1.5</v>
          </cell>
          <cell r="M989">
            <v>3</v>
          </cell>
        </row>
        <row r="990">
          <cell r="A990" t="str">
            <v>FRAREG22008</v>
          </cell>
          <cell r="B990" t="str">
            <v>FRA</v>
          </cell>
          <cell r="C990" t="str">
            <v>France</v>
          </cell>
          <cell r="D990" t="str">
            <v>Item 2</v>
          </cell>
          <cell r="E990" t="str">
            <v>REG2</v>
          </cell>
          <cell r="F990" t="str">
            <v>Delay before notice can start</v>
          </cell>
          <cell r="G990">
            <v>2008</v>
          </cell>
          <cell r="H990">
            <v>2009</v>
          </cell>
          <cell r="I990" t="str">
            <v>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v>
          </cell>
          <cell r="J990">
            <v>15.5</v>
          </cell>
          <cell r="M990">
            <v>2</v>
          </cell>
        </row>
        <row r="991">
          <cell r="A991" t="str">
            <v>FRAREG32008</v>
          </cell>
          <cell r="B991" t="str">
            <v>FRA</v>
          </cell>
          <cell r="C991" t="str">
            <v>France</v>
          </cell>
          <cell r="D991" t="str">
            <v>Item 3</v>
          </cell>
          <cell r="E991" t="str">
            <v>REG3A, REG3B, REG3C</v>
          </cell>
          <cell r="F991" t="str">
            <v>Notice / tenure</v>
          </cell>
          <cell r="G991">
            <v>2008</v>
          </cell>
          <cell r="H991">
            <v>2009</v>
          </cell>
          <cell r="I991"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991">
            <v>1</v>
          </cell>
          <cell r="K991">
            <v>2</v>
          </cell>
          <cell r="L991">
            <v>2</v>
          </cell>
          <cell r="M991">
            <v>3</v>
          </cell>
          <cell r="N991">
            <v>4</v>
          </cell>
          <cell r="O991">
            <v>1</v>
          </cell>
        </row>
        <row r="992">
          <cell r="A992" t="str">
            <v>FRAREG42008</v>
          </cell>
          <cell r="B992" t="str">
            <v>FRA</v>
          </cell>
          <cell r="C992" t="str">
            <v>France</v>
          </cell>
          <cell r="D992" t="str">
            <v>Item 4</v>
          </cell>
          <cell r="E992" t="str">
            <v>REG4A, REG4B, REG4C</v>
          </cell>
          <cell r="F992" t="str">
            <v>Severance pay / tenure</v>
          </cell>
          <cell r="G992">
            <v>2008</v>
          </cell>
          <cell r="H992">
            <v>2009</v>
          </cell>
          <cell r="I99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992">
            <v>0</v>
          </cell>
          <cell r="K992">
            <v>0.8</v>
          </cell>
          <cell r="L992">
            <v>5.3</v>
          </cell>
          <cell r="M992">
            <v>0</v>
          </cell>
          <cell r="N992">
            <v>2</v>
          </cell>
          <cell r="O992">
            <v>2</v>
          </cell>
        </row>
        <row r="993">
          <cell r="A993" t="str">
            <v>FRAREG52008</v>
          </cell>
          <cell r="B993" t="str">
            <v>FRA</v>
          </cell>
          <cell r="C993" t="str">
            <v>France</v>
          </cell>
          <cell r="D993" t="str">
            <v>Item 5</v>
          </cell>
          <cell r="E993" t="str">
            <v>REG5</v>
          </cell>
          <cell r="F993" t="str">
            <v>Definition of justified or unfair dismissal</v>
          </cell>
          <cell r="G993">
            <v>2008</v>
          </cell>
          <cell r="H993">
            <v>2009</v>
          </cell>
          <cell r="I993"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993">
            <v>2</v>
          </cell>
          <cell r="M993">
            <v>4</v>
          </cell>
        </row>
        <row r="994">
          <cell r="A994" t="str">
            <v>FRAREG62008</v>
          </cell>
          <cell r="B994" t="str">
            <v>FRA</v>
          </cell>
          <cell r="C994" t="str">
            <v>France</v>
          </cell>
          <cell r="D994" t="str">
            <v>Item 6</v>
          </cell>
          <cell r="E994" t="str">
            <v>REG6</v>
          </cell>
          <cell r="F994" t="str">
            <v>Trial period</v>
          </cell>
          <cell r="G994">
            <v>2008</v>
          </cell>
          <cell r="H994">
            <v>2009</v>
          </cell>
          <cell r="I994"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994">
            <v>3.75</v>
          </cell>
          <cell r="M994">
            <v>4</v>
          </cell>
        </row>
        <row r="995">
          <cell r="A995" t="str">
            <v>FRAREG72008</v>
          </cell>
          <cell r="B995" t="str">
            <v>FRA</v>
          </cell>
          <cell r="C995" t="str">
            <v>France</v>
          </cell>
          <cell r="D995" t="str">
            <v>Item 7</v>
          </cell>
          <cell r="E995" t="str">
            <v>REG7</v>
          </cell>
          <cell r="F995" t="str">
            <v xml:space="preserve">Compensation following unfair dismissal </v>
          </cell>
          <cell r="G995">
            <v>2008</v>
          </cell>
          <cell r="H995">
            <v>2009</v>
          </cell>
          <cell r="I995"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995">
            <v>16</v>
          </cell>
          <cell r="M995">
            <v>3</v>
          </cell>
        </row>
        <row r="996">
          <cell r="A996" t="str">
            <v>FRAREG82008</v>
          </cell>
          <cell r="B996" t="str">
            <v>FRA</v>
          </cell>
          <cell r="C996" t="str">
            <v>France</v>
          </cell>
          <cell r="D996" t="str">
            <v>Item 8</v>
          </cell>
          <cell r="E996" t="str">
            <v>REG8</v>
          </cell>
          <cell r="F996" t="str">
            <v>Possibility of reinstatement following unfair dismissal</v>
          </cell>
          <cell r="G996">
            <v>2008</v>
          </cell>
          <cell r="H996">
            <v>2009</v>
          </cell>
          <cell r="I996"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996">
            <v>0</v>
          </cell>
          <cell r="M996">
            <v>0</v>
          </cell>
        </row>
        <row r="997">
          <cell r="A997" t="str">
            <v>FRAREG92008</v>
          </cell>
          <cell r="B997" t="str">
            <v>FRA</v>
          </cell>
          <cell r="C997" t="str">
            <v>France</v>
          </cell>
          <cell r="D997" t="str">
            <v>Item 9</v>
          </cell>
          <cell r="E997" t="str">
            <v>REG9</v>
          </cell>
          <cell r="F997" t="str">
            <v>Maximum time for claim</v>
          </cell>
          <cell r="G997">
            <v>2008</v>
          </cell>
          <cell r="H997">
            <v>2009</v>
          </cell>
          <cell r="I997"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997">
            <v>36</v>
          </cell>
          <cell r="M997">
            <v>6</v>
          </cell>
        </row>
        <row r="998">
          <cell r="A998" t="str">
            <v>FRAFTC12008</v>
          </cell>
          <cell r="B998" t="str">
            <v>FRA</v>
          </cell>
          <cell r="C998" t="str">
            <v>France</v>
          </cell>
          <cell r="D998" t="str">
            <v>Item 10</v>
          </cell>
          <cell r="E998" t="str">
            <v>FTC1</v>
          </cell>
          <cell r="F998" t="str">
            <v>Valid cases for use of fixed-term contracts, other than  “objective”  or “material” situation</v>
          </cell>
          <cell r="G998">
            <v>2008</v>
          </cell>
          <cell r="H998">
            <v>2009</v>
          </cell>
          <cell r="I998" t="str">
            <v>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v>
          </cell>
          <cell r="J998">
            <v>1</v>
          </cell>
          <cell r="M998">
            <v>4</v>
          </cell>
        </row>
        <row r="999">
          <cell r="A999" t="str">
            <v>FRAFTC22008</v>
          </cell>
          <cell r="B999" t="str">
            <v>FRA</v>
          </cell>
          <cell r="C999" t="str">
            <v>France</v>
          </cell>
          <cell r="D999" t="str">
            <v>Item 11</v>
          </cell>
          <cell r="E999" t="str">
            <v>FTC2</v>
          </cell>
          <cell r="F999" t="str">
            <v>Maximum number of successive fixed-term contracts</v>
          </cell>
          <cell r="G999">
            <v>2008</v>
          </cell>
          <cell r="H999">
            <v>2009</v>
          </cell>
          <cell r="I999"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999">
            <v>2</v>
          </cell>
          <cell r="M999">
            <v>4</v>
          </cell>
        </row>
        <row r="1000">
          <cell r="A1000" t="str">
            <v>FRAFTC32008</v>
          </cell>
          <cell r="B1000" t="str">
            <v>FRA</v>
          </cell>
          <cell r="C1000" t="str">
            <v>France</v>
          </cell>
          <cell r="D1000" t="str">
            <v>Item 12</v>
          </cell>
          <cell r="E1000" t="str">
            <v>FTC3</v>
          </cell>
          <cell r="F1000" t="str">
            <v>Maximum cumulated duration of successive fixed-term contracts</v>
          </cell>
          <cell r="G1000">
            <v>2008</v>
          </cell>
          <cell r="H1000">
            <v>2009</v>
          </cell>
          <cell r="I100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000">
            <v>18</v>
          </cell>
          <cell r="M1000">
            <v>4</v>
          </cell>
        </row>
        <row r="1001">
          <cell r="A1001" t="str">
            <v>FRATWA12008</v>
          </cell>
          <cell r="B1001" t="str">
            <v>FRA</v>
          </cell>
          <cell r="C1001" t="str">
            <v>France</v>
          </cell>
          <cell r="D1001" t="str">
            <v>Item 13</v>
          </cell>
          <cell r="E1001" t="str">
            <v>TWA1</v>
          </cell>
          <cell r="F1001" t="str">
            <v>Types of work for which TWA employment is legal</v>
          </cell>
          <cell r="G1001">
            <v>2008</v>
          </cell>
          <cell r="H1001">
            <v>2009</v>
          </cell>
          <cell r="I1001"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001">
            <v>2</v>
          </cell>
          <cell r="M1001">
            <v>3</v>
          </cell>
        </row>
        <row r="1002">
          <cell r="A1002" t="str">
            <v>FRATWA22008</v>
          </cell>
          <cell r="B1002" t="str">
            <v>FRA</v>
          </cell>
          <cell r="C1002" t="str">
            <v>France</v>
          </cell>
          <cell r="D1002" t="str">
            <v>Item 14</v>
          </cell>
          <cell r="E1002" t="str">
            <v>TWA2A, TWA2B</v>
          </cell>
          <cell r="F1002" t="str">
            <v>Are there any restrictions on the number of renewals of a TWA contract?</v>
          </cell>
          <cell r="G1002">
            <v>2008</v>
          </cell>
          <cell r="H1002">
            <v>2009</v>
          </cell>
          <cell r="I1002" t="str">
            <v>Oui. Un nouveau contrat sur le même poste ne peut débuter qu’après un délai correspondant à un tiers de la durée du contrat initial.</v>
          </cell>
          <cell r="J1002" t="str">
            <v>Yes</v>
          </cell>
          <cell r="K1002" t="str">
            <v>Yes</v>
          </cell>
          <cell r="M1002">
            <v>4</v>
          </cell>
          <cell r="N1002">
            <v>4</v>
          </cell>
        </row>
        <row r="1003">
          <cell r="A1003" t="str">
            <v>FRATWA32008</v>
          </cell>
          <cell r="B1003" t="str">
            <v>FRA</v>
          </cell>
          <cell r="C1003" t="str">
            <v>France</v>
          </cell>
          <cell r="D1003" t="str">
            <v>Item 15</v>
          </cell>
          <cell r="E1003" t="str">
            <v>TWA3A, TWA3B</v>
          </cell>
          <cell r="F1003" t="str">
            <v>Maximum cumulated duration of temporary work contracts</v>
          </cell>
          <cell r="G1003">
            <v>2008</v>
          </cell>
          <cell r="H1003">
            <v>2009</v>
          </cell>
          <cell r="I1003"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003">
            <v>18</v>
          </cell>
          <cell r="K1003">
            <v>18</v>
          </cell>
          <cell r="M1003">
            <v>3</v>
          </cell>
          <cell r="N1003">
            <v>3</v>
          </cell>
        </row>
        <row r="1004">
          <cell r="A1004" t="str">
            <v>FRATWA42008</v>
          </cell>
          <cell r="B1004" t="str">
            <v>FRA</v>
          </cell>
          <cell r="C1004" t="str">
            <v>France</v>
          </cell>
          <cell r="D1004" t="str">
            <v>Item 16</v>
          </cell>
          <cell r="E1004" t="str">
            <v>TWA4</v>
          </cell>
          <cell r="F1004" t="str">
            <v>Authorisation and reporting obligations</v>
          </cell>
          <cell r="G1004">
            <v>2008</v>
          </cell>
          <cell r="H1004">
            <v>2009</v>
          </cell>
          <cell r="I1004" t="str">
            <v>Nécessite une autorisation administrative spéciale</v>
          </cell>
          <cell r="J1004">
            <v>1</v>
          </cell>
          <cell r="M1004">
            <v>2</v>
          </cell>
        </row>
        <row r="1005">
          <cell r="A1005" t="str">
            <v>FRATWA52008</v>
          </cell>
          <cell r="B1005" t="str">
            <v>FRA</v>
          </cell>
          <cell r="C1005" t="str">
            <v>France</v>
          </cell>
          <cell r="D1005" t="str">
            <v>Item 17</v>
          </cell>
          <cell r="E1005" t="str">
            <v>TWA5</v>
          </cell>
          <cell r="F1005" t="str">
            <v>Equal treatment for TWA workers</v>
          </cell>
          <cell r="G1005">
            <v>2008</v>
          </cell>
          <cell r="H1005">
            <v>2009</v>
          </cell>
          <cell r="I1005" t="str">
            <v xml:space="preserve">Égalité de traitement pour la rémunération et pour les autres conditions de travail </v>
          </cell>
          <cell r="J1005">
            <v>2</v>
          </cell>
          <cell r="M1005">
            <v>6</v>
          </cell>
        </row>
        <row r="1006">
          <cell r="A1006" t="str">
            <v>FRACD12008</v>
          </cell>
          <cell r="B1006" t="str">
            <v>FRA</v>
          </cell>
          <cell r="C1006" t="str">
            <v>France</v>
          </cell>
          <cell r="D1006" t="str">
            <v>Item 18</v>
          </cell>
          <cell r="E1006" t="str">
            <v>CD1</v>
          </cell>
          <cell r="F1006" t="str">
            <v>Definition of collective dismissal</v>
          </cell>
          <cell r="G1006">
            <v>2008</v>
          </cell>
          <cell r="H1006">
            <v>2009</v>
          </cell>
          <cell r="I1006"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006">
            <v>3</v>
          </cell>
          <cell r="M1006">
            <v>4.5</v>
          </cell>
        </row>
        <row r="1007">
          <cell r="A1007" t="str">
            <v>FRACD22008</v>
          </cell>
          <cell r="B1007" t="str">
            <v>FRA</v>
          </cell>
          <cell r="C1007" t="str">
            <v>France</v>
          </cell>
          <cell r="D1007" t="str">
            <v>Item 19</v>
          </cell>
          <cell r="E1007" t="str">
            <v>CD2</v>
          </cell>
          <cell r="F1007" t="str">
            <v>Additional notification requirements in case of collective dismissals</v>
          </cell>
          <cell r="G1007">
            <v>2008</v>
          </cell>
          <cell r="H1007">
            <v>2009</v>
          </cell>
          <cell r="I1007" t="str">
            <v>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v>
          </cell>
          <cell r="J1007">
            <v>1</v>
          </cell>
          <cell r="M1007">
            <v>3</v>
          </cell>
        </row>
        <row r="1008">
          <cell r="A1008" t="str">
            <v>FRACD32008</v>
          </cell>
          <cell r="B1008" t="str">
            <v>FRA</v>
          </cell>
          <cell r="C1008" t="str">
            <v>France</v>
          </cell>
          <cell r="D1008" t="str">
            <v>Item 20</v>
          </cell>
          <cell r="E1008" t="str">
            <v>CD3</v>
          </cell>
          <cell r="F1008" t="str">
            <v>Additional delays involved in case of collective dismissals</v>
          </cell>
          <cell r="G1008">
            <v>2008</v>
          </cell>
          <cell r="H1008">
            <v>2009</v>
          </cell>
          <cell r="I1008"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008">
            <v>40.5</v>
          </cell>
          <cell r="M1008">
            <v>3</v>
          </cell>
        </row>
        <row r="1009">
          <cell r="A1009" t="str">
            <v>FRACD42008</v>
          </cell>
          <cell r="B1009" t="str">
            <v>FRA</v>
          </cell>
          <cell r="C1009" t="str">
            <v>France</v>
          </cell>
          <cell r="D1009" t="str">
            <v>Item 21</v>
          </cell>
          <cell r="E1009" t="str">
            <v>CD4</v>
          </cell>
          <cell r="F1009" t="str">
            <v>Other special costs to employers in case of collective dismissals</v>
          </cell>
          <cell r="G1009">
            <v>2008</v>
          </cell>
          <cell r="H1009">
            <v>2009</v>
          </cell>
          <cell r="I1009"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009">
            <v>1</v>
          </cell>
          <cell r="M1009">
            <v>3</v>
          </cell>
        </row>
        <row r="1010">
          <cell r="A1010" t="str">
            <v>DEUREG12008</v>
          </cell>
          <cell r="B1010" t="str">
            <v>DEU</v>
          </cell>
          <cell r="C1010" t="str">
            <v>Germany</v>
          </cell>
          <cell r="D1010" t="str">
            <v>Item 1</v>
          </cell>
          <cell r="E1010" t="str">
            <v>REG1</v>
          </cell>
          <cell r="F1010" t="str">
            <v>Notification procedures</v>
          </cell>
          <cell r="G1010">
            <v>2008</v>
          </cell>
          <cell r="H1010">
            <v>2008</v>
          </cell>
          <cell r="I101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1010">
            <v>2.5</v>
          </cell>
          <cell r="M1010">
            <v>5</v>
          </cell>
        </row>
        <row r="1011">
          <cell r="A1011" t="str">
            <v>DEUREG22008</v>
          </cell>
          <cell r="B1011" t="str">
            <v>DEU</v>
          </cell>
          <cell r="C1011" t="str">
            <v>Germany</v>
          </cell>
          <cell r="D1011" t="str">
            <v>Item 2</v>
          </cell>
          <cell r="E1011" t="str">
            <v>REG2</v>
          </cell>
          <cell r="F1011" t="str">
            <v>Delay before notice can start</v>
          </cell>
          <cell r="G1011">
            <v>2008</v>
          </cell>
          <cell r="H1011">
            <v>2008</v>
          </cell>
          <cell r="I1011"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1011">
            <v>16</v>
          </cell>
          <cell r="M1011">
            <v>2</v>
          </cell>
        </row>
        <row r="1012">
          <cell r="A1012" t="str">
            <v>DEUREG32008</v>
          </cell>
          <cell r="B1012" t="str">
            <v>DEU</v>
          </cell>
          <cell r="C1012" t="str">
            <v>Germany</v>
          </cell>
          <cell r="D1012" t="str">
            <v>Item 3</v>
          </cell>
          <cell r="E1012" t="str">
            <v>REG3A, REG3B, REG3C</v>
          </cell>
          <cell r="F1012" t="str">
            <v>Notice / tenure</v>
          </cell>
          <cell r="G1012">
            <v>2008</v>
          </cell>
          <cell r="H1012">
            <v>2008</v>
          </cell>
          <cell r="I1012" t="str">
            <v xml:space="preserve">All workers: 2w in trial period, 4w&lt;2y, 1m&lt;5y, 2m&lt;8y, 3m&lt;10y, 4m&lt;12y, 5m&lt;15y, 6m&lt;20y, 7m&gt;20y. (Notice periods &gt;4w only apply to workers above 25 years of age.)
9 months tenure: 4 weeks, 4 years tenure: 1 month, 20 years tenure: 7 months.
</v>
          </cell>
          <cell r="J1012">
            <v>1</v>
          </cell>
          <cell r="K1012">
            <v>1</v>
          </cell>
          <cell r="L1012">
            <v>7</v>
          </cell>
          <cell r="M1012">
            <v>3</v>
          </cell>
          <cell r="N1012">
            <v>2</v>
          </cell>
          <cell r="O1012">
            <v>4</v>
          </cell>
        </row>
        <row r="1013">
          <cell r="A1013" t="str">
            <v>DEUREG42008</v>
          </cell>
          <cell r="B1013" t="str">
            <v>DEU</v>
          </cell>
          <cell r="C1013" t="str">
            <v>Germany</v>
          </cell>
          <cell r="D1013" t="str">
            <v>Item 4</v>
          </cell>
          <cell r="E1013" t="str">
            <v>REG4A, REG4B, REG4C</v>
          </cell>
          <cell r="F1013" t="str">
            <v>Severance pay / tenure</v>
          </cell>
          <cell r="G1013">
            <v>2008</v>
          </cell>
          <cell r="H1013">
            <v>2008</v>
          </cell>
          <cell r="I1013"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1013">
            <v>9.4E-2</v>
          </cell>
          <cell r="K1013">
            <v>0.5</v>
          </cell>
          <cell r="L1013">
            <v>2.5</v>
          </cell>
          <cell r="M1013">
            <v>1</v>
          </cell>
          <cell r="N1013">
            <v>1</v>
          </cell>
          <cell r="O1013">
            <v>1</v>
          </cell>
        </row>
        <row r="1014">
          <cell r="A1014" t="str">
            <v>DEUREG52008</v>
          </cell>
          <cell r="B1014" t="str">
            <v>DEU</v>
          </cell>
          <cell r="C1014" t="str">
            <v>Germany</v>
          </cell>
          <cell r="D1014" t="str">
            <v>Item 5</v>
          </cell>
          <cell r="E1014" t="str">
            <v>REG5</v>
          </cell>
          <cell r="F1014" t="str">
            <v>Definition of justified or unfair dismissal</v>
          </cell>
          <cell r="G1014">
            <v>2008</v>
          </cell>
          <cell r="H1014">
            <v>2008</v>
          </cell>
          <cell r="I101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1014">
            <v>2</v>
          </cell>
          <cell r="M1014">
            <v>4</v>
          </cell>
        </row>
        <row r="1015">
          <cell r="A1015" t="str">
            <v>DEUREG62008</v>
          </cell>
          <cell r="B1015" t="str">
            <v>DEU</v>
          </cell>
          <cell r="C1015" t="str">
            <v>Germany</v>
          </cell>
          <cell r="D1015" t="str">
            <v>Item 6</v>
          </cell>
          <cell r="E1015" t="str">
            <v>REG6</v>
          </cell>
          <cell r="F1015" t="str">
            <v>Trial period</v>
          </cell>
          <cell r="G1015">
            <v>2008</v>
          </cell>
          <cell r="H1015">
            <v>2008</v>
          </cell>
          <cell r="I1015" t="str">
            <v>6 months (all workers)</v>
          </cell>
          <cell r="J1015">
            <v>6</v>
          </cell>
          <cell r="M1015">
            <v>3</v>
          </cell>
        </row>
        <row r="1016">
          <cell r="A1016" t="str">
            <v>DEUREG72008</v>
          </cell>
          <cell r="B1016" t="str">
            <v>DEU</v>
          </cell>
          <cell r="C1016" t="str">
            <v>Germany</v>
          </cell>
          <cell r="D1016" t="str">
            <v>Item 7</v>
          </cell>
          <cell r="E1016" t="str">
            <v>REG7</v>
          </cell>
          <cell r="F1016" t="str">
            <v xml:space="preserve">Compensation following unfair dismissal </v>
          </cell>
          <cell r="G1016">
            <v>2008</v>
          </cell>
          <cell r="H1016">
            <v>2008</v>
          </cell>
          <cell r="I101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1016">
            <v>15.5</v>
          </cell>
          <cell r="M1016">
            <v>3</v>
          </cell>
        </row>
        <row r="1017">
          <cell r="A1017" t="str">
            <v>DEUREG82008</v>
          </cell>
          <cell r="B1017" t="str">
            <v>DEU</v>
          </cell>
          <cell r="C1017" t="str">
            <v>Germany</v>
          </cell>
          <cell r="D1017" t="str">
            <v>Item 8</v>
          </cell>
          <cell r="E1017" t="str">
            <v>REG8</v>
          </cell>
          <cell r="F1017" t="str">
            <v>Possibility of reinstatement following unfair dismissal</v>
          </cell>
          <cell r="G1017">
            <v>2008</v>
          </cell>
          <cell r="H1017">
            <v>2008</v>
          </cell>
          <cell r="I101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017">
            <v>1.5</v>
          </cell>
          <cell r="M1017">
            <v>3</v>
          </cell>
        </row>
        <row r="1018">
          <cell r="A1018" t="str">
            <v>DEUREG92008</v>
          </cell>
          <cell r="B1018" t="str">
            <v>DEU</v>
          </cell>
          <cell r="C1018" t="str">
            <v>Germany</v>
          </cell>
          <cell r="D1018" t="str">
            <v>Item 9</v>
          </cell>
          <cell r="E1018" t="str">
            <v>REG9</v>
          </cell>
          <cell r="F1018" t="str">
            <v>Maximum time for claim</v>
          </cell>
          <cell r="G1018">
            <v>2008</v>
          </cell>
          <cell r="H1018">
            <v>2008</v>
          </cell>
          <cell r="I1018" t="str">
            <v>3 weeks</v>
          </cell>
          <cell r="J1018">
            <v>0.75</v>
          </cell>
          <cell r="M1018">
            <v>1</v>
          </cell>
        </row>
        <row r="1019">
          <cell r="A1019" t="str">
            <v>DEUFTC12008</v>
          </cell>
          <cell r="B1019" t="str">
            <v>DEU</v>
          </cell>
          <cell r="C1019" t="str">
            <v>Germany</v>
          </cell>
          <cell r="D1019" t="str">
            <v>Item 10</v>
          </cell>
          <cell r="E1019" t="str">
            <v>FTC1</v>
          </cell>
          <cell r="F1019" t="str">
            <v>Valid cases for use of fixed-term contracts, other than  “objective”  or “material” situation</v>
          </cell>
          <cell r="G1019">
            <v>2008</v>
          </cell>
          <cell r="H1019">
            <v>2008</v>
          </cell>
          <cell r="I101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1019">
            <v>3</v>
          </cell>
          <cell r="M1019">
            <v>0</v>
          </cell>
        </row>
        <row r="1020">
          <cell r="A1020" t="str">
            <v>DEUFTC22008</v>
          </cell>
          <cell r="B1020" t="str">
            <v>DEU</v>
          </cell>
          <cell r="C1020" t="str">
            <v>Germany</v>
          </cell>
          <cell r="D1020" t="str">
            <v>Item 11</v>
          </cell>
          <cell r="E1020" t="str">
            <v>FTC2</v>
          </cell>
          <cell r="F1020" t="str">
            <v>Maximum number of successive fixed-term contracts</v>
          </cell>
          <cell r="G1020">
            <v>2008</v>
          </cell>
          <cell r="H1020">
            <v>2008</v>
          </cell>
          <cell r="I102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1020">
            <v>4</v>
          </cell>
          <cell r="M1020">
            <v>2</v>
          </cell>
        </row>
        <row r="1021">
          <cell r="A1021" t="str">
            <v>DEUFTC32008</v>
          </cell>
          <cell r="B1021" t="str">
            <v>DEU</v>
          </cell>
          <cell r="C1021" t="str">
            <v>Germany</v>
          </cell>
          <cell r="D1021" t="str">
            <v>Item 12</v>
          </cell>
          <cell r="E1021" t="str">
            <v>FTC3</v>
          </cell>
          <cell r="F1021" t="str">
            <v>Maximum cumulated duration of successive fixed-term contracts</v>
          </cell>
          <cell r="G1021">
            <v>2008</v>
          </cell>
          <cell r="H1021">
            <v>2008</v>
          </cell>
          <cell r="I1021" t="str">
            <v xml:space="preserve">24 months (No legal limit in case of objective reason). Exceptions: launching a new business: 48 months, older unemployed (see above): 60 months
Calculation: average of 24 and 48 months.
</v>
          </cell>
          <cell r="J1021">
            <v>36</v>
          </cell>
          <cell r="M1021">
            <v>1</v>
          </cell>
        </row>
        <row r="1022">
          <cell r="A1022" t="str">
            <v>DEUTWA12008</v>
          </cell>
          <cell r="B1022" t="str">
            <v>DEU</v>
          </cell>
          <cell r="C1022" t="str">
            <v>Germany</v>
          </cell>
          <cell r="D1022" t="str">
            <v>Item 13</v>
          </cell>
          <cell r="E1022" t="str">
            <v>TWA1</v>
          </cell>
          <cell r="F1022" t="str">
            <v>Types of work for which TWA employment is legal</v>
          </cell>
          <cell r="G1022">
            <v>2008</v>
          </cell>
          <cell r="H1022">
            <v>2008</v>
          </cell>
          <cell r="I1022" t="str">
            <v xml:space="preserve">General, with exception of construction industry. In the construction industry the law does not prohibit the use of TAW employment if there is a universally-binding collective agreement allowing its use, which at the moment is not the case. </v>
          </cell>
          <cell r="J1022">
            <v>3</v>
          </cell>
          <cell r="M1022">
            <v>1.5</v>
          </cell>
        </row>
        <row r="1023">
          <cell r="A1023" t="str">
            <v>DEUTWA22008</v>
          </cell>
          <cell r="B1023" t="str">
            <v>DEU</v>
          </cell>
          <cell r="C1023" t="str">
            <v>Germany</v>
          </cell>
          <cell r="D1023" t="str">
            <v>Item 14</v>
          </cell>
          <cell r="E1023" t="str">
            <v>TWA2A, TWA2B</v>
          </cell>
          <cell r="F1023" t="str">
            <v>Are there any restrictions on the number of renewals of a TWA contract?</v>
          </cell>
          <cell r="G1023">
            <v>2008</v>
          </cell>
          <cell r="H1023">
            <v>2008</v>
          </cell>
          <cell r="I1023" t="str">
            <v xml:space="preserve">No for assignments
Yes for contracts between the agency and the worker (see fixed term contracts - item 10)
</v>
          </cell>
          <cell r="J1023" t="str">
            <v>No</v>
          </cell>
          <cell r="K1023" t="str">
            <v>Yes</v>
          </cell>
          <cell r="M1023">
            <v>2</v>
          </cell>
          <cell r="N1023">
            <v>4</v>
          </cell>
        </row>
        <row r="1024">
          <cell r="A1024" t="str">
            <v>DEUTWA32008</v>
          </cell>
          <cell r="B1024" t="str">
            <v>DEU</v>
          </cell>
          <cell r="C1024" t="str">
            <v>Germany</v>
          </cell>
          <cell r="D1024" t="str">
            <v>Item 15</v>
          </cell>
          <cell r="E1024" t="str">
            <v>TWA3A, TWA3B</v>
          </cell>
          <cell r="F1024" t="str">
            <v>Maximum cumulated duration of temporary work contracts</v>
          </cell>
          <cell r="G1024">
            <v>2008</v>
          </cell>
          <cell r="H1024">
            <v>2008</v>
          </cell>
          <cell r="I1024" t="str">
            <v>No legal limit for assignments. However, limits can be set by collective agreements. 
Contracts between the agency and the worker can be open-ended.</v>
          </cell>
          <cell r="J1024">
            <v>100</v>
          </cell>
          <cell r="K1024">
            <v>100</v>
          </cell>
          <cell r="M1024">
            <v>0</v>
          </cell>
          <cell r="N1024">
            <v>0</v>
          </cell>
        </row>
        <row r="1025">
          <cell r="A1025" t="str">
            <v>DEUTWA42008</v>
          </cell>
          <cell r="B1025" t="str">
            <v>DEU</v>
          </cell>
          <cell r="C1025" t="str">
            <v>Germany</v>
          </cell>
          <cell r="D1025" t="str">
            <v>Item 16</v>
          </cell>
          <cell r="E1025" t="str">
            <v>TWA4</v>
          </cell>
          <cell r="F1025" t="str">
            <v>Authorisation and reporting obligations</v>
          </cell>
          <cell r="G1025">
            <v>2008</v>
          </cell>
          <cell r="H1025">
            <v>2008</v>
          </cell>
          <cell r="I1025" t="str">
            <v>TWA needs permission by labour authority and needs to report</v>
          </cell>
          <cell r="J1025">
            <v>3</v>
          </cell>
          <cell r="M1025">
            <v>6</v>
          </cell>
        </row>
        <row r="1026">
          <cell r="A1026" t="str">
            <v>DEUTWA52008</v>
          </cell>
          <cell r="B1026" t="str">
            <v>DEU</v>
          </cell>
          <cell r="C1026" t="str">
            <v>Germany</v>
          </cell>
          <cell r="D1026" t="str">
            <v>Item 17</v>
          </cell>
          <cell r="E1026" t="str">
            <v>TWA5</v>
          </cell>
          <cell r="F1026" t="str">
            <v>Equal treatment for TWA workers</v>
          </cell>
          <cell r="G1026">
            <v>2008</v>
          </cell>
          <cell r="H1026">
            <v>2008</v>
          </cell>
          <cell r="I1026" t="str">
            <v>Equal treatment on pay and conditions, but the principle of equal treatment can be waited as fas as the employees are protected by applicable collective agreements in the TWA sector.</v>
          </cell>
          <cell r="J1026">
            <v>1</v>
          </cell>
          <cell r="M1026">
            <v>3</v>
          </cell>
        </row>
        <row r="1027">
          <cell r="A1027" t="str">
            <v>DEUCD12008</v>
          </cell>
          <cell r="B1027" t="str">
            <v>DEU</v>
          </cell>
          <cell r="C1027" t="str">
            <v>Germany</v>
          </cell>
          <cell r="D1027" t="str">
            <v>Item 18</v>
          </cell>
          <cell r="E1027" t="str">
            <v>CD1</v>
          </cell>
          <cell r="F1027" t="str">
            <v>Definition of collective dismissal</v>
          </cell>
          <cell r="G1027">
            <v>2008</v>
          </cell>
          <cell r="H1027">
            <v>2008</v>
          </cell>
          <cell r="I1027" t="str">
            <v xml:space="preserve">Within 30 days, &gt;5 dimissals in firms 21-59 employees; 10% or &gt; 25 dismissals in firms 60-499; &gt;30 dismissals in firms &gt; 500 employees.
Firms with 20 employees or less are exempt from requirements for collective dismissals.
</v>
          </cell>
          <cell r="J1027">
            <v>4</v>
          </cell>
          <cell r="M1027">
            <v>6</v>
          </cell>
        </row>
        <row r="1028">
          <cell r="A1028" t="str">
            <v>DEUCD22008</v>
          </cell>
          <cell r="B1028" t="str">
            <v>DEU</v>
          </cell>
          <cell r="C1028" t="str">
            <v>Germany</v>
          </cell>
          <cell r="D1028" t="str">
            <v>Item 19</v>
          </cell>
          <cell r="E1028" t="str">
            <v>CD2</v>
          </cell>
          <cell r="F1028" t="str">
            <v>Additional notification requirements in case of collective dismissals</v>
          </cell>
          <cell r="G1028">
            <v>2008</v>
          </cell>
          <cell r="H1028">
            <v>2008</v>
          </cell>
          <cell r="I1028" t="str">
            <v>Notification of employee representatives: Consultation with Works Council. Notification of public authorities: Notification of local employment office.</v>
          </cell>
          <cell r="J1028">
            <v>1</v>
          </cell>
          <cell r="M1028">
            <v>3</v>
          </cell>
        </row>
        <row r="1029">
          <cell r="A1029" t="str">
            <v>DEUCD32008</v>
          </cell>
          <cell r="B1029" t="str">
            <v>DEU</v>
          </cell>
          <cell r="C1029" t="str">
            <v>Germany</v>
          </cell>
          <cell r="D1029" t="str">
            <v>Item 20</v>
          </cell>
          <cell r="E1029" t="str">
            <v>CD3</v>
          </cell>
          <cell r="F1029" t="str">
            <v>Additional delays involved in case of collective dismissals</v>
          </cell>
          <cell r="G1029">
            <v>2008</v>
          </cell>
          <cell r="H1029">
            <v>2008</v>
          </cell>
          <cell r="I1029"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1029">
            <v>14</v>
          </cell>
          <cell r="M1029">
            <v>1</v>
          </cell>
        </row>
        <row r="1030">
          <cell r="A1030" t="str">
            <v>DEUCD42008</v>
          </cell>
          <cell r="B1030" t="str">
            <v>DEU</v>
          </cell>
          <cell r="C1030" t="str">
            <v>Germany</v>
          </cell>
          <cell r="D1030" t="str">
            <v>Item 21</v>
          </cell>
          <cell r="E1030" t="str">
            <v>CD4</v>
          </cell>
          <cell r="F1030" t="str">
            <v>Other special costs to employers in case of collective dismissals</v>
          </cell>
          <cell r="G1030">
            <v>2008</v>
          </cell>
          <cell r="H1030">
            <v>2008</v>
          </cell>
          <cell r="I1030"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1030">
            <v>1.5</v>
          </cell>
          <cell r="M1030">
            <v>4.5</v>
          </cell>
        </row>
        <row r="1031">
          <cell r="A1031" t="str">
            <v>GRCREG12008</v>
          </cell>
          <cell r="B1031" t="str">
            <v>GRC</v>
          </cell>
          <cell r="C1031" t="str">
            <v>Greece</v>
          </cell>
          <cell r="D1031" t="str">
            <v>Item 1</v>
          </cell>
          <cell r="E1031" t="str">
            <v>REG1</v>
          </cell>
          <cell r="F1031" t="str">
            <v>Notification procedures</v>
          </cell>
          <cell r="G1031">
            <v>2008</v>
          </cell>
          <cell r="H1031">
            <v>2008</v>
          </cell>
          <cell r="I1031" t="str">
            <v>Written notice to employee, plus additional notification to OAED local office (public employment service).  Previous warning in case of dismissal for poor performance may be advisable.</v>
          </cell>
          <cell r="J1031">
            <v>2</v>
          </cell>
          <cell r="M1031">
            <v>4</v>
          </cell>
        </row>
        <row r="1032">
          <cell r="A1032" t="str">
            <v>GRCREG22008</v>
          </cell>
          <cell r="B1032" t="str">
            <v>GRC</v>
          </cell>
          <cell r="C1032" t="str">
            <v>Greece</v>
          </cell>
          <cell r="D1032" t="str">
            <v>Item 2</v>
          </cell>
          <cell r="E1032" t="str">
            <v>REG2</v>
          </cell>
          <cell r="F1032" t="str">
            <v>Delay before notice can start</v>
          </cell>
          <cell r="G1032">
            <v>2008</v>
          </cell>
          <cell r="H1032">
            <v>2008</v>
          </cell>
          <cell r="I1032" t="str">
            <v xml:space="preserve">Letter sent by mail or handed directly to employee.
Advisable previous warning (conventionally evaluated at 6 days) counting for half weight (3 days) in the case of personal reasons.
Calculation: average of personal and economic reasons.
</v>
          </cell>
          <cell r="J1032">
            <v>2.5</v>
          </cell>
          <cell r="M1032">
            <v>1</v>
          </cell>
        </row>
        <row r="1033">
          <cell r="A1033" t="str">
            <v>GRCREG32008</v>
          </cell>
          <cell r="B1033" t="str">
            <v>GRC</v>
          </cell>
          <cell r="C1033" t="str">
            <v>Greece</v>
          </cell>
          <cell r="D1033" t="str">
            <v>Item 3</v>
          </cell>
          <cell r="E1033" t="str">
            <v>REG3A, REG3B, REG3C</v>
          </cell>
          <cell r="F1033" t="str">
            <v>Notice / tenure</v>
          </cell>
          <cell r="G1033">
            <v>2008</v>
          </cell>
          <cell r="H1033">
            <v>2008</v>
          </cell>
          <cell r="I103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J1033">
            <v>0.5</v>
          </cell>
          <cell r="K1033">
            <v>1.5</v>
          </cell>
          <cell r="L1033">
            <v>8</v>
          </cell>
          <cell r="M1033">
            <v>2</v>
          </cell>
          <cell r="N1033">
            <v>3</v>
          </cell>
          <cell r="O1033">
            <v>4</v>
          </cell>
        </row>
        <row r="1034">
          <cell r="A1034" t="str">
            <v>GRCREG42008</v>
          </cell>
          <cell r="B1034" t="str">
            <v>GRC</v>
          </cell>
          <cell r="C1034" t="str">
            <v>Greece</v>
          </cell>
          <cell r="D1034" t="str">
            <v>Item 4</v>
          </cell>
          <cell r="E1034" t="str">
            <v>REG4A, REG4B, REG4C</v>
          </cell>
          <cell r="F1034" t="str">
            <v>Severance pay / tenure</v>
          </cell>
          <cell r="G1034">
            <v>2008</v>
          </cell>
          <cell r="H1034">
            <v>2008</v>
          </cell>
          <cell r="I103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J1034">
            <v>0.3</v>
          </cell>
          <cell r="K1034">
            <v>1</v>
          </cell>
          <cell r="L1034">
            <v>6</v>
          </cell>
          <cell r="M1034">
            <v>1</v>
          </cell>
          <cell r="N1034">
            <v>2</v>
          </cell>
          <cell r="O1034">
            <v>2</v>
          </cell>
        </row>
        <row r="1035">
          <cell r="A1035" t="str">
            <v>GRCREG52008</v>
          </cell>
          <cell r="B1035" t="str">
            <v>GRC</v>
          </cell>
          <cell r="C1035" t="str">
            <v>Greece</v>
          </cell>
          <cell r="D1035" t="str">
            <v>Item 5</v>
          </cell>
          <cell r="E1035" t="str">
            <v>REG5</v>
          </cell>
          <cell r="F1035" t="str">
            <v>Definition of justified or unfair dismissal</v>
          </cell>
          <cell r="G1035">
            <v>2008</v>
          </cell>
          <cell r="H1035">
            <v>2008</v>
          </cell>
          <cell r="I1035"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35">
            <v>0.5</v>
          </cell>
          <cell r="M1035">
            <v>1</v>
          </cell>
        </row>
        <row r="1036">
          <cell r="A1036" t="str">
            <v>GRCREG62008</v>
          </cell>
          <cell r="B1036" t="str">
            <v>GRC</v>
          </cell>
          <cell r="C1036" t="str">
            <v>Greece</v>
          </cell>
          <cell r="D1036" t="str">
            <v>Item 6</v>
          </cell>
          <cell r="E1036" t="str">
            <v>REG6</v>
          </cell>
          <cell r="F1036" t="str">
            <v>Trial period</v>
          </cell>
          <cell r="G1036">
            <v>2008</v>
          </cell>
          <cell r="H1036">
            <v>2008</v>
          </cell>
          <cell r="I1036" t="str">
            <v>No notice or severance pay is required for workers with less than 2 month of job tenure. However, as regards unfair dismissals based on the abuse of the employer’s termination right, workers with less than 2 months of tenure have essentially the same rights as other regular workers</v>
          </cell>
          <cell r="J1036">
            <v>1</v>
          </cell>
          <cell r="M1036">
            <v>6</v>
          </cell>
        </row>
        <row r="1037">
          <cell r="A1037" t="str">
            <v>GRCREG72008</v>
          </cell>
          <cell r="B1037" t="str">
            <v>GRC</v>
          </cell>
          <cell r="C1037" t="str">
            <v>Greece</v>
          </cell>
          <cell r="D1037" t="str">
            <v>Item 7</v>
          </cell>
          <cell r="E1037" t="str">
            <v>REG7</v>
          </cell>
          <cell r="F1037" t="str">
            <v xml:space="preserve">Compensation following unfair dismissal </v>
          </cell>
          <cell r="G1037">
            <v>2008</v>
          </cell>
          <cell r="H1037">
            <v>2008</v>
          </cell>
          <cell r="I103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37" t="str">
            <v>..</v>
          </cell>
          <cell r="M1037" t="e">
            <v>#N/A</v>
          </cell>
        </row>
        <row r="1038">
          <cell r="A1038" t="str">
            <v>GRCREG82008</v>
          </cell>
          <cell r="B1038" t="str">
            <v>GRC</v>
          </cell>
          <cell r="C1038" t="str">
            <v>Greece</v>
          </cell>
          <cell r="D1038" t="str">
            <v>Item 8</v>
          </cell>
          <cell r="E1038" t="str">
            <v>REG8</v>
          </cell>
          <cell r="F1038" t="str">
            <v>Possibility of reinstatement following unfair dismissal</v>
          </cell>
          <cell r="G1038">
            <v>2008</v>
          </cell>
          <cell r="H1038">
            <v>2008</v>
          </cell>
          <cell r="I1038" t="str">
            <v>Frequent reinstatement orders, accompanied by indemnity for the period of time between notice of termination and court ruling.  No reinstatement, if severance pay has been requested.</v>
          </cell>
          <cell r="J1038">
            <v>2</v>
          </cell>
          <cell r="M1038">
            <v>4</v>
          </cell>
        </row>
        <row r="1039">
          <cell r="A1039" t="str">
            <v>GRCREG92008</v>
          </cell>
          <cell r="B1039" t="str">
            <v>GRC</v>
          </cell>
          <cell r="C1039" t="str">
            <v>Greece</v>
          </cell>
          <cell r="D1039" t="str">
            <v>Item 9</v>
          </cell>
          <cell r="E1039" t="str">
            <v>REG9</v>
          </cell>
          <cell r="F1039" t="str">
            <v>Maximum time for claim</v>
          </cell>
          <cell r="G1039">
            <v>2008</v>
          </cell>
          <cell r="H1039">
            <v>2008</v>
          </cell>
          <cell r="I1039" t="str">
            <v>Three months.</v>
          </cell>
          <cell r="J1039">
            <v>3</v>
          </cell>
          <cell r="M1039">
            <v>2</v>
          </cell>
        </row>
        <row r="1040">
          <cell r="A1040" t="str">
            <v>GRCFTC12008</v>
          </cell>
          <cell r="B1040" t="str">
            <v>GRC</v>
          </cell>
          <cell r="C1040" t="str">
            <v>Greece</v>
          </cell>
          <cell r="D1040" t="str">
            <v>Item 10</v>
          </cell>
          <cell r="E1040" t="str">
            <v>FTC1</v>
          </cell>
          <cell r="F1040" t="str">
            <v>Valid cases for use of fixed-term contracts, other than  “objective”  or “material” situation</v>
          </cell>
          <cell r="G1040">
            <v>2008</v>
          </cell>
          <cell r="H1040">
            <v>2008</v>
          </cell>
          <cell r="I1040"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40">
            <v>1</v>
          </cell>
          <cell r="M1040">
            <v>4</v>
          </cell>
        </row>
        <row r="1041">
          <cell r="A1041" t="str">
            <v>GRCFTC22008</v>
          </cell>
          <cell r="B1041" t="str">
            <v>GRC</v>
          </cell>
          <cell r="C1041" t="str">
            <v>Greece</v>
          </cell>
          <cell r="D1041" t="str">
            <v>Item 11</v>
          </cell>
          <cell r="E1041" t="str">
            <v>FTC2</v>
          </cell>
          <cell r="F1041" t="str">
            <v>Maximum number of successive fixed-term contracts</v>
          </cell>
          <cell r="G1041">
            <v>2008</v>
          </cell>
          <cell r="H1041">
            <v>2008</v>
          </cell>
          <cell r="I1041" t="str">
            <v>If three renewals are made within a period of two years, then the contract is assumed to cover a constant need for the enterprise and consequently it is converted into an employment contract or working relationship of an indefinite term.</v>
          </cell>
          <cell r="J1041">
            <v>3</v>
          </cell>
          <cell r="M1041">
            <v>3</v>
          </cell>
        </row>
        <row r="1042">
          <cell r="A1042" t="str">
            <v>GRCFTC32008</v>
          </cell>
          <cell r="B1042" t="str">
            <v>GRC</v>
          </cell>
          <cell r="C1042" t="str">
            <v>Greece</v>
          </cell>
          <cell r="D1042" t="str">
            <v>Item 12</v>
          </cell>
          <cell r="E1042" t="str">
            <v>FTC3</v>
          </cell>
          <cell r="F1042" t="str">
            <v>Maximum cumulated duration of successive fixed-term contracts</v>
          </cell>
          <cell r="G1042">
            <v>2008</v>
          </cell>
          <cell r="H1042">
            <v>2008</v>
          </cell>
          <cell r="I1042" t="str">
            <v>If the duration of successive fixed-term contracts exceeds two years in total, then the contract is assumed to cover a constant need for the enterprise and consequently it is converted into an employment contract or working relationship of an indefinite term.</v>
          </cell>
          <cell r="J1042">
            <v>24</v>
          </cell>
          <cell r="M1042">
            <v>3</v>
          </cell>
        </row>
        <row r="1043">
          <cell r="A1043" t="str">
            <v>GRCTWA12008</v>
          </cell>
          <cell r="B1043" t="str">
            <v>GRC</v>
          </cell>
          <cell r="C1043" t="str">
            <v>Greece</v>
          </cell>
          <cell r="D1043" t="str">
            <v>Item 13</v>
          </cell>
          <cell r="E1043" t="str">
            <v>TWA1</v>
          </cell>
          <cell r="F1043" t="str">
            <v>Types of work for which TWA employment is legal</v>
          </cell>
          <cell r="G1043">
            <v>2008</v>
          </cell>
          <cell r="H1043">
            <v>2008</v>
          </cell>
          <cell r="I1043" t="str">
            <v>The employment of TWA workers is permitted in all forms of employment.</v>
          </cell>
          <cell r="J1043">
            <v>4</v>
          </cell>
          <cell r="M1043">
            <v>0</v>
          </cell>
        </row>
        <row r="1044">
          <cell r="A1044" t="str">
            <v>GRCTWA22008</v>
          </cell>
          <cell r="B1044" t="str">
            <v>GRC</v>
          </cell>
          <cell r="C1044" t="str">
            <v>Greece</v>
          </cell>
          <cell r="D1044" t="str">
            <v>Item 14</v>
          </cell>
          <cell r="E1044" t="str">
            <v>TWA2A, TWA2B</v>
          </cell>
          <cell r="F1044" t="str">
            <v>Are there any restrictions on the number of renewals of a TWA contract?</v>
          </cell>
          <cell r="G1044">
            <v>2008</v>
          </cell>
          <cell r="H1044">
            <v>2008</v>
          </cell>
          <cell r="I104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J1044" t="str">
            <v>Yes</v>
          </cell>
          <cell r="K1044" t="str">
            <v>Yes</v>
          </cell>
          <cell r="M1044">
            <v>4</v>
          </cell>
          <cell r="N1044">
            <v>4</v>
          </cell>
        </row>
        <row r="1045">
          <cell r="A1045" t="str">
            <v>GRCTWA32008</v>
          </cell>
          <cell r="B1045" t="str">
            <v>GRC</v>
          </cell>
          <cell r="C1045" t="str">
            <v>Greece</v>
          </cell>
          <cell r="D1045" t="str">
            <v>Item 15</v>
          </cell>
          <cell r="E1045" t="str">
            <v>TWA3A, TWA3B</v>
          </cell>
          <cell r="F1045" t="str">
            <v>Maximum cumulated duration of temporary work contracts</v>
          </cell>
          <cell r="G1045">
            <v>2008</v>
          </cell>
          <cell r="H1045">
            <v>2008</v>
          </cell>
          <cell r="I1045" t="str">
            <v>16 months.</v>
          </cell>
          <cell r="J1045">
            <v>16</v>
          </cell>
          <cell r="K1045">
            <v>16</v>
          </cell>
          <cell r="M1045">
            <v>4</v>
          </cell>
          <cell r="N1045">
            <v>4</v>
          </cell>
        </row>
        <row r="1046">
          <cell r="A1046" t="str">
            <v>GRCTWA42008</v>
          </cell>
          <cell r="B1046" t="str">
            <v>GRC</v>
          </cell>
          <cell r="C1046" t="str">
            <v>Greece</v>
          </cell>
          <cell r="D1046" t="str">
            <v>Item 16</v>
          </cell>
          <cell r="E1046" t="str">
            <v>TWA4</v>
          </cell>
          <cell r="F1046" t="str">
            <v>Authorisation and reporting obligations</v>
          </cell>
          <cell r="G1046">
            <v>2008</v>
          </cell>
          <cell r="H1046">
            <v>2008</v>
          </cell>
          <cell r="I104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46">
            <v>3</v>
          </cell>
          <cell r="M1046">
            <v>6</v>
          </cell>
        </row>
        <row r="1047">
          <cell r="A1047" t="str">
            <v>GRCTWA52008</v>
          </cell>
          <cell r="B1047" t="str">
            <v>GRC</v>
          </cell>
          <cell r="C1047" t="str">
            <v>Greece</v>
          </cell>
          <cell r="D1047" t="str">
            <v>Item 17</v>
          </cell>
          <cell r="E1047" t="str">
            <v>TWA5</v>
          </cell>
          <cell r="F1047" t="str">
            <v>Equal treatment for TWA workers</v>
          </cell>
          <cell r="G1047">
            <v>2008</v>
          </cell>
          <cell r="H1047">
            <v>2008</v>
          </cell>
          <cell r="I104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1047">
            <v>1</v>
          </cell>
          <cell r="M1047">
            <v>3</v>
          </cell>
        </row>
        <row r="1048">
          <cell r="A1048" t="str">
            <v>GRCCD12008</v>
          </cell>
          <cell r="B1048" t="str">
            <v>GRC</v>
          </cell>
          <cell r="C1048" t="str">
            <v>Greece</v>
          </cell>
          <cell r="D1048" t="str">
            <v>Item 18</v>
          </cell>
          <cell r="E1048" t="str">
            <v>CD1</v>
          </cell>
          <cell r="F1048" t="str">
            <v>Definition of collective dismissal</v>
          </cell>
          <cell r="G1048">
            <v>2008</v>
          </cell>
          <cell r="H1048">
            <v>2008</v>
          </cell>
          <cell r="I1048" t="str">
            <v>Within a month, &gt;4 workers in firms 20-200 employees; &gt;2% or &gt;30 workers in firms &gt;=200 employees (at the beginning of the month).</v>
          </cell>
          <cell r="J1048">
            <v>4</v>
          </cell>
          <cell r="M1048">
            <v>6</v>
          </cell>
        </row>
        <row r="1049">
          <cell r="A1049" t="str">
            <v>GRCCD22008</v>
          </cell>
          <cell r="B1049" t="str">
            <v>GRC</v>
          </cell>
          <cell r="C1049" t="str">
            <v>Greece</v>
          </cell>
          <cell r="D1049" t="str">
            <v>Item 19</v>
          </cell>
          <cell r="E1049" t="str">
            <v>CD2</v>
          </cell>
          <cell r="F1049" t="str">
            <v>Additional notification requirements in case of collective dismissals</v>
          </cell>
          <cell r="G1049">
            <v>2008</v>
          </cell>
          <cell r="H1049">
            <v>2008</v>
          </cell>
          <cell r="I1049" t="str">
            <v>Notification of employee representatives: Notification of reasons to employee representatives. Notification of public authorities: Notification to Prefect and Labour Inspection, with request for approval.</v>
          </cell>
          <cell r="J1049">
            <v>1</v>
          </cell>
          <cell r="M1049">
            <v>3</v>
          </cell>
        </row>
        <row r="1050">
          <cell r="A1050" t="str">
            <v>GRCCD32008</v>
          </cell>
          <cell r="B1050" t="str">
            <v>GRC</v>
          </cell>
          <cell r="C1050" t="str">
            <v>Greece</v>
          </cell>
          <cell r="D1050" t="str">
            <v>Item 20</v>
          </cell>
          <cell r="E1050" t="str">
            <v>CD3</v>
          </cell>
          <cell r="F1050" t="str">
            <v>Additional delays involved in case of collective dismissals</v>
          </cell>
          <cell r="G1050">
            <v>2008</v>
          </cell>
          <cell r="H1050">
            <v>2008</v>
          </cell>
          <cell r="I1050" t="str">
            <v>If social partners agree and Ministry approves, notice can be given after 10 days.  Ministry can extend time for negotiation by another 20 days.</v>
          </cell>
          <cell r="J1050">
            <v>19</v>
          </cell>
          <cell r="M1050">
            <v>1</v>
          </cell>
        </row>
        <row r="1051">
          <cell r="A1051" t="str">
            <v>GRCCD42008</v>
          </cell>
          <cell r="B1051" t="str">
            <v>GRC</v>
          </cell>
          <cell r="C1051" t="str">
            <v>Greece</v>
          </cell>
          <cell r="D1051" t="str">
            <v>Item 21</v>
          </cell>
          <cell r="E1051" t="str">
            <v>CD4</v>
          </cell>
          <cell r="F1051" t="str">
            <v>Other special costs to employers in case of collective dismissals</v>
          </cell>
          <cell r="G1051">
            <v>2008</v>
          </cell>
          <cell r="H1051">
            <v>2008</v>
          </cell>
          <cell r="I105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1051">
            <v>1</v>
          </cell>
          <cell r="M1051">
            <v>3</v>
          </cell>
        </row>
        <row r="1052">
          <cell r="A1052" t="str">
            <v>GRCREG12011</v>
          </cell>
          <cell r="B1052" t="str">
            <v>GRC</v>
          </cell>
          <cell r="C1052" t="str">
            <v>Greece</v>
          </cell>
          <cell r="D1052" t="str">
            <v>Item 1</v>
          </cell>
          <cell r="E1052" t="str">
            <v>REG1</v>
          </cell>
          <cell r="F1052" t="str">
            <v>Notification procedures</v>
          </cell>
          <cell r="G1052">
            <v>2011</v>
          </cell>
          <cell r="H1052">
            <v>2011</v>
          </cell>
          <cell r="I1052" t="str">
            <v>Written notice to employee, plus additional notification to OAED local office (public employment service).  Previous warning in case of dismissal for poor performance may be advisable.</v>
          </cell>
          <cell r="J1052">
            <v>2</v>
          </cell>
          <cell r="M1052">
            <v>4</v>
          </cell>
        </row>
        <row r="1053">
          <cell r="A1053" t="str">
            <v>GRCREG22011</v>
          </cell>
          <cell r="B1053" t="str">
            <v>GRC</v>
          </cell>
          <cell r="C1053" t="str">
            <v>Greece</v>
          </cell>
          <cell r="D1053" t="str">
            <v>Item 2</v>
          </cell>
          <cell r="E1053" t="str">
            <v>REG2</v>
          </cell>
          <cell r="F1053" t="str">
            <v>Delay before notice can start</v>
          </cell>
          <cell r="G1053">
            <v>2011</v>
          </cell>
          <cell r="H1053">
            <v>2011</v>
          </cell>
          <cell r="I1053" t="str">
            <v xml:space="preserve">Letter sent by mail or handed directly to employee.
Advisable previous warning (conventionally evaluated at 6 days) counting for half weight (3 days) in the case of personal reasons.
Calculation: average of personal and economic reasons.
</v>
          </cell>
          <cell r="J1053">
            <v>2.5</v>
          </cell>
          <cell r="M1053">
            <v>1</v>
          </cell>
        </row>
        <row r="1054">
          <cell r="A1054" t="str">
            <v>GRCREG32011</v>
          </cell>
          <cell r="B1054" t="str">
            <v>GRC</v>
          </cell>
          <cell r="C1054" t="str">
            <v>Greece</v>
          </cell>
          <cell r="D1054" t="str">
            <v>Item 3</v>
          </cell>
          <cell r="E1054" t="str">
            <v>REG3A, REG3B, REG3C</v>
          </cell>
          <cell r="F1054" t="str">
            <v>Notice / tenure</v>
          </cell>
          <cell r="G1054">
            <v>2011</v>
          </cell>
          <cell r="H1054">
            <v>2011</v>
          </cell>
          <cell r="I1054"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1054">
            <v>0</v>
          </cell>
          <cell r="K1054">
            <v>1</v>
          </cell>
          <cell r="L1054">
            <v>3</v>
          </cell>
          <cell r="M1054">
            <v>0</v>
          </cell>
          <cell r="N1054">
            <v>2</v>
          </cell>
          <cell r="O1054">
            <v>2</v>
          </cell>
        </row>
        <row r="1055">
          <cell r="A1055" t="str">
            <v>GRCREG42011</v>
          </cell>
          <cell r="B1055" t="str">
            <v>GRC</v>
          </cell>
          <cell r="C1055" t="str">
            <v>Greece</v>
          </cell>
          <cell r="D1055" t="str">
            <v>Item 4</v>
          </cell>
          <cell r="E1055" t="str">
            <v>REG4A, REG4B, REG4C</v>
          </cell>
          <cell r="F1055" t="str">
            <v>Severance pay / tenure</v>
          </cell>
          <cell r="G1055">
            <v>2011</v>
          </cell>
          <cell r="H1055">
            <v>2011</v>
          </cell>
          <cell r="I1055"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24m for tenure duration of 28y and more.
Blue collar: 9 months tenure: 0 days, 4 years tenure: 15 days, 20 years tenure (completed but less than 25y): 4 months.
White collar: 9 months tenure: 0 days, 4 years tenure (completed): 1.5 months, 20 years tenure (completed): 8 months. (Calculated assuming that notice is given).
Score calculated as average of blue and white collars</v>
          </cell>
          <cell r="J1055">
            <v>0</v>
          </cell>
          <cell r="K1055">
            <v>1</v>
          </cell>
          <cell r="L1055">
            <v>6</v>
          </cell>
          <cell r="M1055">
            <v>0</v>
          </cell>
          <cell r="N1055">
            <v>2</v>
          </cell>
          <cell r="O1055">
            <v>2</v>
          </cell>
        </row>
        <row r="1056">
          <cell r="A1056" t="str">
            <v>GRCREG52011</v>
          </cell>
          <cell r="B1056" t="str">
            <v>GRC</v>
          </cell>
          <cell r="C1056" t="str">
            <v>Greece</v>
          </cell>
          <cell r="D1056" t="str">
            <v>Item 5</v>
          </cell>
          <cell r="E1056" t="str">
            <v>REG5</v>
          </cell>
          <cell r="F1056" t="str">
            <v>Definition of justified or unfair dismissal</v>
          </cell>
          <cell r="G1056">
            <v>2011</v>
          </cell>
          <cell r="H1056">
            <v>2011</v>
          </cell>
          <cell r="I1056"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56">
            <v>0.5</v>
          </cell>
          <cell r="M1056">
            <v>1</v>
          </cell>
        </row>
        <row r="1057">
          <cell r="A1057" t="str">
            <v>GRCREG62011</v>
          </cell>
          <cell r="B1057" t="str">
            <v>GRC</v>
          </cell>
          <cell r="C1057" t="str">
            <v>Greece</v>
          </cell>
          <cell r="D1057" t="str">
            <v>Item 6</v>
          </cell>
          <cell r="E1057" t="str">
            <v>REG6</v>
          </cell>
          <cell r="F1057" t="str">
            <v>Trial period</v>
          </cell>
          <cell r="G1057">
            <v>2011</v>
          </cell>
          <cell r="H1057">
            <v>2011</v>
          </cell>
          <cell r="I1057"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1057">
            <v>6</v>
          </cell>
          <cell r="M1057">
            <v>3</v>
          </cell>
        </row>
        <row r="1058">
          <cell r="A1058" t="str">
            <v>GRCREG72011</v>
          </cell>
          <cell r="B1058" t="str">
            <v>GRC</v>
          </cell>
          <cell r="C1058" t="str">
            <v>Greece</v>
          </cell>
          <cell r="D1058" t="str">
            <v>Item 7</v>
          </cell>
          <cell r="E1058" t="str">
            <v>REG7</v>
          </cell>
          <cell r="F1058" t="str">
            <v xml:space="preserve">Compensation following unfair dismissal </v>
          </cell>
          <cell r="G1058">
            <v>2011</v>
          </cell>
          <cell r="H1058">
            <v>2011</v>
          </cell>
          <cell r="I1058"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58" t="str">
            <v>..</v>
          </cell>
          <cell r="M1058" t="e">
            <v>#N/A</v>
          </cell>
        </row>
        <row r="1059">
          <cell r="A1059" t="str">
            <v>GRCREG82011</v>
          </cell>
          <cell r="B1059" t="str">
            <v>GRC</v>
          </cell>
          <cell r="C1059" t="str">
            <v>Greece</v>
          </cell>
          <cell r="D1059" t="str">
            <v>Item 8</v>
          </cell>
          <cell r="E1059" t="str">
            <v>REG8</v>
          </cell>
          <cell r="F1059" t="str">
            <v>Possibility of reinstatement following unfair dismissal</v>
          </cell>
          <cell r="G1059">
            <v>2011</v>
          </cell>
          <cell r="H1059">
            <v>2011</v>
          </cell>
          <cell r="I1059" t="str">
            <v>Frequent reinstatement orders, accompanied by indemnity for the period of time between notice of termination and court ruling. No reinstatement if severance pay has been requested.</v>
          </cell>
          <cell r="J1059">
            <v>2</v>
          </cell>
          <cell r="M1059">
            <v>4</v>
          </cell>
        </row>
        <row r="1060">
          <cell r="A1060" t="str">
            <v>GRCREG92011</v>
          </cell>
          <cell r="B1060" t="str">
            <v>GRC</v>
          </cell>
          <cell r="C1060" t="str">
            <v>Greece</v>
          </cell>
          <cell r="D1060" t="str">
            <v>Item 9</v>
          </cell>
          <cell r="E1060" t="str">
            <v>REG9</v>
          </cell>
          <cell r="F1060" t="str">
            <v>Maximum time for claim</v>
          </cell>
          <cell r="G1060">
            <v>2011</v>
          </cell>
          <cell r="H1060">
            <v>2011</v>
          </cell>
          <cell r="I1060" t="str">
            <v>Three months.</v>
          </cell>
          <cell r="J1060">
            <v>3</v>
          </cell>
          <cell r="M1060">
            <v>2</v>
          </cell>
        </row>
        <row r="1061">
          <cell r="A1061" t="str">
            <v>GRCFTC12011</v>
          </cell>
          <cell r="B1061" t="str">
            <v>GRC</v>
          </cell>
          <cell r="C1061" t="str">
            <v>Greece</v>
          </cell>
          <cell r="D1061" t="str">
            <v>Item 10</v>
          </cell>
          <cell r="E1061" t="str">
            <v>FTC1</v>
          </cell>
          <cell r="F1061" t="str">
            <v>Valid cases for use of fixed-term contracts, other than  “objective”  or “material” situation</v>
          </cell>
          <cell r="G1061">
            <v>2011</v>
          </cell>
          <cell r="H1061">
            <v>2011</v>
          </cell>
          <cell r="I1061"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61">
            <v>1</v>
          </cell>
          <cell r="M1061">
            <v>4</v>
          </cell>
        </row>
        <row r="1062">
          <cell r="A1062" t="str">
            <v>GRCFTC22011</v>
          </cell>
          <cell r="B1062" t="str">
            <v>GRC</v>
          </cell>
          <cell r="C1062" t="str">
            <v>Greece</v>
          </cell>
          <cell r="D1062" t="str">
            <v>Item 11</v>
          </cell>
          <cell r="E1062" t="str">
            <v>FTC2</v>
          </cell>
          <cell r="F1062" t="str">
            <v>Maximum number of successive fixed-term contracts</v>
          </cell>
          <cell r="G1062">
            <v>2011</v>
          </cell>
          <cell r="H1062">
            <v>2011</v>
          </cell>
          <cell r="I1062" t="str">
            <v>If three renewals are made within a period of two years, then the contract is assumed to cover a constant need for the enterprise and consequently it is converted into an employment contract or working relationship of an indefinite term.</v>
          </cell>
          <cell r="J1062">
            <v>3</v>
          </cell>
          <cell r="M1062">
            <v>3</v>
          </cell>
        </row>
        <row r="1063">
          <cell r="A1063" t="str">
            <v>GRCFTC32011</v>
          </cell>
          <cell r="B1063" t="str">
            <v>GRC</v>
          </cell>
          <cell r="C1063" t="str">
            <v>Greece</v>
          </cell>
          <cell r="D1063" t="str">
            <v>Item 12</v>
          </cell>
          <cell r="E1063" t="str">
            <v>FTC3</v>
          </cell>
          <cell r="F1063" t="str">
            <v>Maximum cumulated duration of successive fixed-term contracts</v>
          </cell>
          <cell r="G1063">
            <v>2011</v>
          </cell>
          <cell r="H1063">
            <v>2011</v>
          </cell>
          <cell r="I1063" t="str">
            <v>If the duration of successive fixed-term contracts exceeds two years in total, then the contract is assumed to cover a constant need for the enterprise and consequently it is converted into an employment contract or working relationship of an indefinite term</v>
          </cell>
          <cell r="J1063">
            <v>24</v>
          </cell>
          <cell r="M1063">
            <v>3</v>
          </cell>
        </row>
        <row r="1064">
          <cell r="A1064" t="str">
            <v>GRCTWA12011</v>
          </cell>
          <cell r="B1064" t="str">
            <v>GRC</v>
          </cell>
          <cell r="C1064" t="str">
            <v>Greece</v>
          </cell>
          <cell r="D1064" t="str">
            <v>Item 13</v>
          </cell>
          <cell r="E1064" t="str">
            <v>TWA1</v>
          </cell>
          <cell r="F1064" t="str">
            <v>Types of work for which TWA employment is legal</v>
          </cell>
          <cell r="G1064">
            <v>2011</v>
          </cell>
          <cell r="H1064">
            <v>2011</v>
          </cell>
          <cell r="I1064" t="str">
            <v xml:space="preserve">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v>
          </cell>
          <cell r="J1064">
            <v>3</v>
          </cell>
          <cell r="M1064">
            <v>1.5</v>
          </cell>
        </row>
        <row r="1065">
          <cell r="A1065" t="str">
            <v>GRCTWA22011</v>
          </cell>
          <cell r="B1065" t="str">
            <v>GRC</v>
          </cell>
          <cell r="C1065" t="str">
            <v>Greece</v>
          </cell>
          <cell r="D1065" t="str">
            <v>Item 14</v>
          </cell>
          <cell r="E1065" t="str">
            <v>TWA2A, TWA2B</v>
          </cell>
          <cell r="F1065" t="str">
            <v>Are there any restrictions on the number of renewals of a TWA contract?</v>
          </cell>
          <cell r="G1065">
            <v>2011</v>
          </cell>
          <cell r="H1065">
            <v>2011</v>
          </cell>
          <cell r="I1065" t="str">
            <v>No restriction in the number of renewals for employment in the indirect employer (user firm).</v>
          </cell>
          <cell r="J1065" t="str">
            <v>No</v>
          </cell>
          <cell r="K1065" t="str">
            <v>No</v>
          </cell>
          <cell r="M1065">
            <v>2</v>
          </cell>
          <cell r="N1065">
            <v>2</v>
          </cell>
        </row>
        <row r="1066">
          <cell r="A1066" t="str">
            <v>GRCTWA32011</v>
          </cell>
          <cell r="B1066" t="str">
            <v>GRC</v>
          </cell>
          <cell r="C1066" t="str">
            <v>Greece</v>
          </cell>
          <cell r="D1066" t="str">
            <v>Item 15</v>
          </cell>
          <cell r="E1066" t="str">
            <v>TWA3A, TWA3B</v>
          </cell>
          <cell r="F1066" t="str">
            <v>Maximum cumulated duration of temporary work contracts</v>
          </cell>
          <cell r="G1066">
            <v>2011</v>
          </cell>
          <cell r="H1066">
            <v>2011</v>
          </cell>
          <cell r="I1066" t="str">
            <v>Maximum duration for employment in the indirect employer (user firm), including any renewals has been prolonged to 36 months under Art. 17 para.6 L. 3899/2010.</v>
          </cell>
          <cell r="J1066">
            <v>36</v>
          </cell>
          <cell r="K1066">
            <v>36</v>
          </cell>
          <cell r="M1066">
            <v>1</v>
          </cell>
          <cell r="N1066">
            <v>1</v>
          </cell>
        </row>
        <row r="1067">
          <cell r="A1067" t="str">
            <v>GRCTWA42011</v>
          </cell>
          <cell r="B1067" t="str">
            <v>GRC</v>
          </cell>
          <cell r="C1067" t="str">
            <v>Greece</v>
          </cell>
          <cell r="D1067" t="str">
            <v>Item 16</v>
          </cell>
          <cell r="E1067" t="str">
            <v>TWA4</v>
          </cell>
          <cell r="F1067" t="str">
            <v>Authorisation and reporting obligations</v>
          </cell>
          <cell r="G1067">
            <v>2011</v>
          </cell>
          <cell r="H1067">
            <v>2011</v>
          </cell>
          <cell r="I1067"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67">
            <v>3</v>
          </cell>
          <cell r="M1067">
            <v>6</v>
          </cell>
        </row>
        <row r="1068">
          <cell r="A1068" t="str">
            <v>GRCTWA52011</v>
          </cell>
          <cell r="B1068" t="str">
            <v>GRC</v>
          </cell>
          <cell r="C1068" t="str">
            <v>Greece</v>
          </cell>
          <cell r="D1068" t="str">
            <v>Item 17</v>
          </cell>
          <cell r="E1068" t="str">
            <v>TWA5</v>
          </cell>
          <cell r="F1068" t="str">
            <v>Equal treatment for TWA workers</v>
          </cell>
          <cell r="G1068">
            <v>2011</v>
          </cell>
          <cell r="H1068">
            <v>2011</v>
          </cell>
          <cell r="I1068" t="str">
            <v>Law 3846/2010 amended Art.22 of Law 2956/2001 and included clear regulations for non-discrimination in employment terms including payment for the TWA employees working in the firm of the indirect employer.</v>
          </cell>
          <cell r="J1068">
            <v>2</v>
          </cell>
          <cell r="M1068">
            <v>6</v>
          </cell>
        </row>
        <row r="1069">
          <cell r="A1069" t="str">
            <v>GRCCD12011</v>
          </cell>
          <cell r="B1069" t="str">
            <v>GRC</v>
          </cell>
          <cell r="C1069" t="str">
            <v>Greece</v>
          </cell>
          <cell r="D1069" t="str">
            <v>Item 18</v>
          </cell>
          <cell r="E1069" t="str">
            <v>CD1</v>
          </cell>
          <cell r="F1069" t="str">
            <v>Definition of collective dismissal</v>
          </cell>
          <cell r="G1069">
            <v>2011</v>
          </cell>
          <cell r="H1069">
            <v>2011</v>
          </cell>
          <cell r="I1069"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1069">
            <v>4</v>
          </cell>
          <cell r="M1069">
            <v>6</v>
          </cell>
        </row>
        <row r="1070">
          <cell r="A1070" t="str">
            <v>GRCCD22011</v>
          </cell>
          <cell r="B1070" t="str">
            <v>GRC</v>
          </cell>
          <cell r="C1070" t="str">
            <v>Greece</v>
          </cell>
          <cell r="D1070" t="str">
            <v>Item 19</v>
          </cell>
          <cell r="E1070" t="str">
            <v>CD2</v>
          </cell>
          <cell r="F1070" t="str">
            <v>Additional notification requirements in case of collective dismissals</v>
          </cell>
          <cell r="G1070">
            <v>2011</v>
          </cell>
          <cell r="H1070">
            <v>2011</v>
          </cell>
          <cell r="I1070"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1070">
            <v>1</v>
          </cell>
          <cell r="M1070">
            <v>3</v>
          </cell>
        </row>
        <row r="1071">
          <cell r="A1071" t="str">
            <v>GRCCD32011</v>
          </cell>
          <cell r="B1071" t="str">
            <v>GRC</v>
          </cell>
          <cell r="C1071" t="str">
            <v>Greece</v>
          </cell>
          <cell r="D1071" t="str">
            <v>Item 20</v>
          </cell>
          <cell r="E1071" t="str">
            <v>CD3</v>
          </cell>
          <cell r="F1071" t="str">
            <v>Additional delays involved in case of collective dismissals</v>
          </cell>
          <cell r="G1071">
            <v>2011</v>
          </cell>
          <cell r="H1071">
            <v>2011</v>
          </cell>
          <cell r="I1071"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1071">
            <v>17.5</v>
          </cell>
          <cell r="M1071">
            <v>1</v>
          </cell>
        </row>
        <row r="1072">
          <cell r="A1072" t="str">
            <v>GRCCD42011</v>
          </cell>
          <cell r="B1072" t="str">
            <v>GRC</v>
          </cell>
          <cell r="C1072" t="str">
            <v>Greece</v>
          </cell>
          <cell r="D1072" t="str">
            <v>Item 21</v>
          </cell>
          <cell r="E1072" t="str">
            <v>CD4</v>
          </cell>
          <cell r="F1072" t="str">
            <v>Other special costs to employers in case of collective dismissals</v>
          </cell>
          <cell r="G1072">
            <v>2011</v>
          </cell>
          <cell r="H1072">
            <v>2011</v>
          </cell>
          <cell r="I1072"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1072">
            <v>1</v>
          </cell>
          <cell r="M1072">
            <v>3</v>
          </cell>
        </row>
        <row r="1073">
          <cell r="A1073" t="str">
            <v>HUNREG12008</v>
          </cell>
          <cell r="B1073" t="str">
            <v>HUN</v>
          </cell>
          <cell r="C1073" t="str">
            <v>Hungary</v>
          </cell>
          <cell r="D1073" t="str">
            <v>Item 1</v>
          </cell>
          <cell r="E1073" t="str">
            <v>REG1</v>
          </cell>
          <cell r="F1073" t="str">
            <v>Notification procedures</v>
          </cell>
          <cell r="G1073">
            <v>2008</v>
          </cell>
          <cell r="H1073">
            <v>2008</v>
          </cell>
          <cell r="I1073"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1073">
            <v>1</v>
          </cell>
          <cell r="M1073">
            <v>2</v>
          </cell>
        </row>
        <row r="1074">
          <cell r="A1074" t="str">
            <v>HUNREG22008</v>
          </cell>
          <cell r="B1074" t="str">
            <v>HUN</v>
          </cell>
          <cell r="C1074" t="str">
            <v>Hungary</v>
          </cell>
          <cell r="D1074" t="str">
            <v>Item 2</v>
          </cell>
          <cell r="E1074" t="str">
            <v>REG2</v>
          </cell>
          <cell r="F1074" t="str">
            <v>Delay before notice can start</v>
          </cell>
          <cell r="G1074">
            <v>2008</v>
          </cell>
          <cell r="H1074">
            <v>2008</v>
          </cell>
          <cell r="I1074" t="str">
            <v>The notice period starts on the next day after the written notification is given to the employee. The employee shall be given an opportunity for defence against the objections raised against him/her. 
Calculation: 1 day for letter and 2 days for defence</v>
          </cell>
          <cell r="J1074">
            <v>3</v>
          </cell>
          <cell r="M1074">
            <v>1</v>
          </cell>
        </row>
        <row r="1075">
          <cell r="A1075" t="str">
            <v>HUNREG32008</v>
          </cell>
          <cell r="B1075" t="str">
            <v>HUN</v>
          </cell>
          <cell r="C1075" t="str">
            <v>Hungary</v>
          </cell>
          <cell r="D1075" t="str">
            <v>Item 3</v>
          </cell>
          <cell r="E1075" t="str">
            <v>REG3A, REG3B, REG3C</v>
          </cell>
          <cell r="F1075" t="str">
            <v>Notice / tenure</v>
          </cell>
          <cell r="G1075">
            <v>2008</v>
          </cell>
          <cell r="H1075">
            <v>2008</v>
          </cell>
          <cell r="I1075" t="str">
            <v xml:space="preserve">All workers: 30d&lt;3y, 35d&lt;5y, 45d&lt;8y, 50d&lt;10y, 55d&lt;15y, 60d&lt;18y, 70d&lt; 20y, 90d&gt;20y.
9 months tenure: 30 days, 4 years tenure: 35 days, 20 years tenure: 90 days.
</v>
          </cell>
          <cell r="J1075">
            <v>1</v>
          </cell>
          <cell r="K1075">
            <v>1.2</v>
          </cell>
          <cell r="L1075">
            <v>3</v>
          </cell>
          <cell r="M1075">
            <v>3</v>
          </cell>
          <cell r="N1075">
            <v>2</v>
          </cell>
          <cell r="O1075">
            <v>2</v>
          </cell>
        </row>
        <row r="1076">
          <cell r="A1076" t="str">
            <v>HUNREG42008</v>
          </cell>
          <cell r="B1076" t="str">
            <v>HUN</v>
          </cell>
          <cell r="C1076" t="str">
            <v>Hungary</v>
          </cell>
          <cell r="D1076" t="str">
            <v>Item 4</v>
          </cell>
          <cell r="E1076" t="str">
            <v>REG4A, REG4B, REG4C</v>
          </cell>
          <cell r="F1076" t="str">
            <v>Severance pay / tenure</v>
          </cell>
          <cell r="G1076">
            <v>2008</v>
          </cell>
          <cell r="H1076">
            <v>2008</v>
          </cell>
          <cell r="I1076" t="str">
            <v xml:space="preserve">All workers: 0&lt;3y, 1m&lt;5y, 2m&lt;10y, 3m&lt;15y, 4m&lt;20,  5m&lt;25y and 6m&gt;25y.
9 months tenure: 0, 4 years tenure: 1 month, 20 years tenure: 5 months.
</v>
          </cell>
          <cell r="J1076">
            <v>0</v>
          </cell>
          <cell r="K1076">
            <v>1</v>
          </cell>
          <cell r="L1076">
            <v>5</v>
          </cell>
          <cell r="M1076">
            <v>0</v>
          </cell>
          <cell r="N1076">
            <v>2</v>
          </cell>
          <cell r="O1076">
            <v>2</v>
          </cell>
        </row>
        <row r="1077">
          <cell r="A1077" t="str">
            <v>HUNREG52008</v>
          </cell>
          <cell r="B1077" t="str">
            <v>HUN</v>
          </cell>
          <cell r="C1077" t="str">
            <v>Hungary</v>
          </cell>
          <cell r="D1077" t="str">
            <v>Item 5</v>
          </cell>
          <cell r="E1077" t="str">
            <v>REG5</v>
          </cell>
          <cell r="F1077" t="str">
            <v>Definition of justified or unfair dismissal</v>
          </cell>
          <cell r="G1077">
            <v>2008</v>
          </cell>
          <cell r="H1077">
            <v>2008</v>
          </cell>
          <cell r="I1077"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1077">
            <v>0</v>
          </cell>
          <cell r="M1077">
            <v>0</v>
          </cell>
        </row>
        <row r="1078">
          <cell r="A1078" t="str">
            <v>HUNREG62008</v>
          </cell>
          <cell r="B1078" t="str">
            <v>HUN</v>
          </cell>
          <cell r="C1078" t="str">
            <v>Hungary</v>
          </cell>
          <cell r="D1078" t="str">
            <v>Item 6</v>
          </cell>
          <cell r="E1078" t="str">
            <v>REG6</v>
          </cell>
          <cell r="F1078" t="str">
            <v>Trial period</v>
          </cell>
          <cell r="G1078">
            <v>2008</v>
          </cell>
          <cell r="H1078">
            <v>2008</v>
          </cell>
          <cell r="I1078" t="str">
            <v>30 days. This period may be extended up to 3 months by agreement of parties or collective agreement.</v>
          </cell>
          <cell r="J1078">
            <v>3</v>
          </cell>
          <cell r="M1078">
            <v>4</v>
          </cell>
        </row>
        <row r="1079">
          <cell r="A1079" t="str">
            <v>HUNREG72008</v>
          </cell>
          <cell r="B1079" t="str">
            <v>HUN</v>
          </cell>
          <cell r="C1079" t="str">
            <v>Hungary</v>
          </cell>
          <cell r="D1079" t="str">
            <v>Item 7</v>
          </cell>
          <cell r="E1079" t="str">
            <v>REG7</v>
          </cell>
          <cell r="F1079" t="str">
            <v xml:space="preserve">Compensation following unfair dismissal </v>
          </cell>
          <cell r="G1079">
            <v>2008</v>
          </cell>
          <cell r="H1079">
            <v>2008</v>
          </cell>
          <cell r="I1079"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1079">
            <v>16</v>
          </cell>
          <cell r="M1079">
            <v>3</v>
          </cell>
        </row>
        <row r="1080">
          <cell r="A1080" t="str">
            <v>HUNREG82008</v>
          </cell>
          <cell r="B1080" t="str">
            <v>HUN</v>
          </cell>
          <cell r="C1080" t="str">
            <v>Hungary</v>
          </cell>
          <cell r="D1080" t="str">
            <v>Item 8</v>
          </cell>
          <cell r="E1080" t="str">
            <v>REG8</v>
          </cell>
          <cell r="F1080" t="str">
            <v>Possibility of reinstatement following unfair dismissal</v>
          </cell>
          <cell r="G1080">
            <v>2008</v>
          </cell>
          <cell r="H1080">
            <v>2008</v>
          </cell>
          <cell r="I1080"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1080">
            <v>2</v>
          </cell>
          <cell r="M1080">
            <v>4</v>
          </cell>
        </row>
        <row r="1081">
          <cell r="A1081" t="str">
            <v>HUNREG92008</v>
          </cell>
          <cell r="B1081" t="str">
            <v>HUN</v>
          </cell>
          <cell r="C1081" t="str">
            <v>Hungary</v>
          </cell>
          <cell r="D1081" t="str">
            <v>Item 9</v>
          </cell>
          <cell r="E1081" t="str">
            <v>REG9</v>
          </cell>
          <cell r="F1081" t="str">
            <v>Maximum time for claim</v>
          </cell>
          <cell r="G1081">
            <v>2008</v>
          </cell>
          <cell r="H1081">
            <v>2008</v>
          </cell>
          <cell r="I1081" t="str">
            <v xml:space="preserve">A dismissal claim may be filed within 30 days after the written notice is received.
Before dismissal takes effect </v>
          </cell>
          <cell r="J1081">
            <v>0</v>
          </cell>
          <cell r="M1081">
            <v>0</v>
          </cell>
        </row>
        <row r="1082">
          <cell r="A1082" t="str">
            <v>HUNFTC12008</v>
          </cell>
          <cell r="B1082" t="str">
            <v>HUN</v>
          </cell>
          <cell r="C1082" t="str">
            <v>Hungary</v>
          </cell>
          <cell r="D1082" t="str">
            <v>Item 10</v>
          </cell>
          <cell r="E1082" t="str">
            <v>FTC1</v>
          </cell>
          <cell r="F1082" t="str">
            <v>Valid cases for use of fixed-term contracts, other than  “objective”  or “material” situation</v>
          </cell>
          <cell r="G1082">
            <v>2008</v>
          </cell>
          <cell r="H1082">
            <v>2008</v>
          </cell>
          <cell r="I1082" t="str">
            <v>No restrictions for the first contract, except for public service (objective reasons only). However, a contract renewed without a valid reason ("legitimate interest") on the part of the employer and aimed at compromising the interest of the employee is deemed established for an indefinite duration.</v>
          </cell>
          <cell r="J1082">
            <v>2.5</v>
          </cell>
          <cell r="M1082">
            <v>1</v>
          </cell>
        </row>
        <row r="1083">
          <cell r="A1083" t="str">
            <v>HUNFTC22008</v>
          </cell>
          <cell r="B1083" t="str">
            <v>HUN</v>
          </cell>
          <cell r="C1083" t="str">
            <v>Hungary</v>
          </cell>
          <cell r="D1083" t="str">
            <v>Item 11</v>
          </cell>
          <cell r="E1083" t="str">
            <v>FTC2</v>
          </cell>
          <cell r="F1083" t="str">
            <v>Maximum number of successive fixed-term contracts</v>
          </cell>
          <cell r="G1083">
            <v>2008</v>
          </cell>
          <cell r="H1083">
            <v>2008</v>
          </cell>
          <cell r="I1083" t="str">
            <v>No limit specified. Any fixed-term contract shall be deemed as indefinite if the contract is repeatedly established or extended without the employer having a legitimate reason to do so and this violates the employee's legitimate interests.</v>
          </cell>
          <cell r="J1083">
            <v>2.5</v>
          </cell>
          <cell r="M1083">
            <v>4</v>
          </cell>
        </row>
        <row r="1084">
          <cell r="A1084" t="str">
            <v>HUNFTC32008</v>
          </cell>
          <cell r="B1084" t="str">
            <v>HUN</v>
          </cell>
          <cell r="C1084" t="str">
            <v>Hungary</v>
          </cell>
          <cell r="D1084" t="str">
            <v>Item 12</v>
          </cell>
          <cell r="E1084" t="str">
            <v>FTC3</v>
          </cell>
          <cell r="F1084" t="str">
            <v>Maximum cumulated duration of successive fixed-term contracts</v>
          </cell>
          <cell r="G1084">
            <v>2008</v>
          </cell>
          <cell r="H1084">
            <v>2008</v>
          </cell>
          <cell r="I1084"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1084">
            <v>60</v>
          </cell>
          <cell r="M1084">
            <v>1</v>
          </cell>
        </row>
        <row r="1085">
          <cell r="A1085" t="str">
            <v>HUNTWA12008</v>
          </cell>
          <cell r="B1085" t="str">
            <v>HUN</v>
          </cell>
          <cell r="C1085" t="str">
            <v>Hungary</v>
          </cell>
          <cell r="D1085" t="str">
            <v>Item 13</v>
          </cell>
          <cell r="E1085" t="str">
            <v>TWA1</v>
          </cell>
          <cell r="F1085" t="str">
            <v>Types of work for which TWA employment is legal</v>
          </cell>
          <cell r="G1085">
            <v>2008</v>
          </cell>
          <cell r="H1085">
            <v>2008</v>
          </cell>
          <cell r="I1085"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1085">
            <v>4</v>
          </cell>
          <cell r="M1085">
            <v>0</v>
          </cell>
        </row>
        <row r="1086">
          <cell r="A1086" t="str">
            <v>HUNTWA22008</v>
          </cell>
          <cell r="B1086" t="str">
            <v>HUN</v>
          </cell>
          <cell r="C1086" t="str">
            <v>Hungary</v>
          </cell>
          <cell r="D1086" t="str">
            <v>Item 14</v>
          </cell>
          <cell r="E1086" t="str">
            <v>TWA2A, TWA2B</v>
          </cell>
          <cell r="F1086" t="str">
            <v>Are there any restrictions on the number of renewals of a TWA contract?</v>
          </cell>
          <cell r="G1086">
            <v>2008</v>
          </cell>
          <cell r="H1086">
            <v>2008</v>
          </cell>
          <cell r="I1086"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1086" t="str">
            <v>No</v>
          </cell>
          <cell r="K1086" t="str">
            <v>No</v>
          </cell>
          <cell r="M1086">
            <v>2</v>
          </cell>
          <cell r="N1086">
            <v>2</v>
          </cell>
        </row>
        <row r="1087">
          <cell r="A1087" t="str">
            <v>HUNTWA32008</v>
          </cell>
          <cell r="B1087" t="str">
            <v>HUN</v>
          </cell>
          <cell r="C1087" t="str">
            <v>Hungary</v>
          </cell>
          <cell r="D1087" t="str">
            <v>Item 15</v>
          </cell>
          <cell r="E1087" t="str">
            <v>TWA3A, TWA3B</v>
          </cell>
          <cell r="F1087" t="str">
            <v>Maximum cumulated duration of temporary work contracts</v>
          </cell>
          <cell r="G1087">
            <v>2008</v>
          </cell>
          <cell r="H1087">
            <v>2008</v>
          </cell>
          <cell r="I1087" t="str">
            <v>No limit</v>
          </cell>
          <cell r="J1087">
            <v>100</v>
          </cell>
          <cell r="K1087">
            <v>100</v>
          </cell>
          <cell r="M1087">
            <v>0</v>
          </cell>
          <cell r="N1087">
            <v>0</v>
          </cell>
        </row>
        <row r="1088">
          <cell r="A1088" t="str">
            <v>HUNTWA42008</v>
          </cell>
          <cell r="B1088" t="str">
            <v>HUN</v>
          </cell>
          <cell r="C1088" t="str">
            <v>Hungary</v>
          </cell>
          <cell r="D1088" t="str">
            <v>Item 16</v>
          </cell>
          <cell r="E1088" t="str">
            <v>TWA4</v>
          </cell>
          <cell r="F1088" t="str">
            <v>Authorisation and reporting obligations</v>
          </cell>
          <cell r="G1088">
            <v>2008</v>
          </cell>
          <cell r="H1088">
            <v>2008</v>
          </cell>
          <cell r="I1088"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1088">
            <v>3</v>
          </cell>
          <cell r="M1088">
            <v>6</v>
          </cell>
        </row>
        <row r="1089">
          <cell r="A1089" t="str">
            <v>HUNTWA52008</v>
          </cell>
          <cell r="B1089" t="str">
            <v>HUN</v>
          </cell>
          <cell r="C1089" t="str">
            <v>Hungary</v>
          </cell>
          <cell r="D1089" t="str">
            <v>Item 17</v>
          </cell>
          <cell r="E1089" t="str">
            <v>TWA5</v>
          </cell>
          <cell r="F1089" t="str">
            <v>Equal treatment for TWA workers</v>
          </cell>
          <cell r="G1089">
            <v>2008</v>
          </cell>
          <cell r="H1089">
            <v>2008</v>
          </cell>
          <cell r="I1089" t="str">
            <v>Equal treatment shall be granted for temporary agency workers from the first day of the employment, excluding wages. As regards wages, equal treatment shall be granted after 6 months employment at the same user firm.</v>
          </cell>
          <cell r="J1089">
            <v>1.5</v>
          </cell>
          <cell r="M1089">
            <v>4.5</v>
          </cell>
        </row>
        <row r="1090">
          <cell r="A1090" t="str">
            <v>HUNCD12008</v>
          </cell>
          <cell r="B1090" t="str">
            <v>HUN</v>
          </cell>
          <cell r="C1090" t="str">
            <v>Hungary</v>
          </cell>
          <cell r="D1090" t="str">
            <v>Item 18</v>
          </cell>
          <cell r="E1090" t="str">
            <v>CD1</v>
          </cell>
          <cell r="F1090" t="str">
            <v>Definition of collective dismissal</v>
          </cell>
          <cell r="G1090">
            <v>2008</v>
          </cell>
          <cell r="H1090">
            <v>2008</v>
          </cell>
          <cell r="I1090" t="str">
            <v>10+ workers in firms 20-99 employees; &gt;10% in firms 100-299; 30+ workers in firms 300+ employee</v>
          </cell>
          <cell r="J1090">
            <v>3</v>
          </cell>
          <cell r="M1090">
            <v>4.5</v>
          </cell>
        </row>
        <row r="1091">
          <cell r="A1091" t="str">
            <v>HUNCD22008</v>
          </cell>
          <cell r="B1091" t="str">
            <v>HUN</v>
          </cell>
          <cell r="C1091" t="str">
            <v>Hungary</v>
          </cell>
          <cell r="D1091" t="str">
            <v>Item 19</v>
          </cell>
          <cell r="E1091" t="str">
            <v>CD2</v>
          </cell>
          <cell r="F1091" t="str">
            <v>Additional notification requirements in case of collective dismissals</v>
          </cell>
          <cell r="G1091">
            <v>2008</v>
          </cell>
          <cell r="H1091">
            <v>2008</v>
          </cell>
          <cell r="I1091"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1091">
            <v>2</v>
          </cell>
          <cell r="M1091">
            <v>6</v>
          </cell>
        </row>
        <row r="1092">
          <cell r="A1092" t="str">
            <v>HUNCD32008</v>
          </cell>
          <cell r="B1092" t="str">
            <v>HUN</v>
          </cell>
          <cell r="C1092" t="str">
            <v>Hungary</v>
          </cell>
          <cell r="D1092" t="str">
            <v>Item 20</v>
          </cell>
          <cell r="E1092" t="str">
            <v>CD3</v>
          </cell>
          <cell r="F1092" t="str">
            <v>Additional delays involved in case of collective dismissals</v>
          </cell>
          <cell r="G1092">
            <v>2008</v>
          </cell>
          <cell r="H1092">
            <v>2008</v>
          </cell>
          <cell r="I1092"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1092">
            <v>49</v>
          </cell>
          <cell r="M1092">
            <v>3</v>
          </cell>
        </row>
        <row r="1093">
          <cell r="A1093" t="str">
            <v>HUNCD42008</v>
          </cell>
          <cell r="B1093" t="str">
            <v>HUN</v>
          </cell>
          <cell r="C1093" t="str">
            <v>Hungary</v>
          </cell>
          <cell r="D1093" t="str">
            <v>Item 21</v>
          </cell>
          <cell r="E1093" t="str">
            <v>CD4</v>
          </cell>
          <cell r="F1093" t="str">
            <v>Other special costs to employers in case of collective dismissals</v>
          </cell>
          <cell r="G1093">
            <v>2008</v>
          </cell>
          <cell r="H1093">
            <v>2008</v>
          </cell>
          <cell r="I1093"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1093">
            <v>0</v>
          </cell>
          <cell r="M1093">
            <v>0</v>
          </cell>
        </row>
        <row r="1094">
          <cell r="A1094" t="str">
            <v>IRLREG12008</v>
          </cell>
          <cell r="B1094" t="str">
            <v>IRL</v>
          </cell>
          <cell r="C1094" t="str">
            <v>Ireland</v>
          </cell>
          <cell r="D1094" t="str">
            <v>Item 1</v>
          </cell>
          <cell r="E1094" t="str">
            <v>REG1</v>
          </cell>
          <cell r="F1094" t="str">
            <v>Notification procedures</v>
          </cell>
          <cell r="G1094">
            <v>2008</v>
          </cell>
          <cell r="H1094">
            <v>2008</v>
          </cell>
          <cell r="I1094"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1094">
            <v>1</v>
          </cell>
          <cell r="M1094">
            <v>2</v>
          </cell>
        </row>
        <row r="1095">
          <cell r="A1095" t="str">
            <v>IRLREG22008</v>
          </cell>
          <cell r="B1095" t="str">
            <v>IRL</v>
          </cell>
          <cell r="C1095" t="str">
            <v>Ireland</v>
          </cell>
          <cell r="D1095" t="str">
            <v>Item 2</v>
          </cell>
          <cell r="E1095" t="str">
            <v>REG2</v>
          </cell>
          <cell r="F1095" t="str">
            <v>Delay before notice can start</v>
          </cell>
          <cell r="G1095">
            <v>2008</v>
          </cell>
          <cell r="H1095">
            <v>2008</v>
          </cell>
          <cell r="I1095"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1095">
            <v>4</v>
          </cell>
          <cell r="M1095">
            <v>1</v>
          </cell>
        </row>
        <row r="1096">
          <cell r="A1096" t="str">
            <v>IRLREG32008</v>
          </cell>
          <cell r="B1096" t="str">
            <v>IRL</v>
          </cell>
          <cell r="C1096" t="str">
            <v>Ireland</v>
          </cell>
          <cell r="D1096" t="str">
            <v>Item 3</v>
          </cell>
          <cell r="E1096" t="str">
            <v>REG3A, REG3B, REG3C</v>
          </cell>
          <cell r="F1096" t="str">
            <v>Notice / tenure</v>
          </cell>
          <cell r="G1096">
            <v>2008</v>
          </cell>
          <cell r="H1096">
            <v>2008</v>
          </cell>
          <cell r="I1096"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1096">
            <v>0.37</v>
          </cell>
          <cell r="K1096">
            <v>0.5</v>
          </cell>
          <cell r="L1096">
            <v>2</v>
          </cell>
          <cell r="M1096">
            <v>1</v>
          </cell>
          <cell r="N1096">
            <v>1</v>
          </cell>
          <cell r="O1096">
            <v>1</v>
          </cell>
        </row>
        <row r="1097">
          <cell r="A1097" t="str">
            <v>IRLREG42008</v>
          </cell>
          <cell r="B1097" t="str">
            <v>IRL</v>
          </cell>
          <cell r="C1097" t="str">
            <v>Ireland</v>
          </cell>
          <cell r="D1097" t="str">
            <v>Item 4</v>
          </cell>
          <cell r="E1097" t="str">
            <v>REG4A, REG4B, REG4C</v>
          </cell>
          <cell r="F1097" t="str">
            <v>Severance pay / tenure</v>
          </cell>
          <cell r="G1097">
            <v>2008</v>
          </cell>
          <cell r="H1097">
            <v>2008</v>
          </cell>
          <cell r="I1097" t="str">
            <v xml:space="preserve">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
</v>
          </cell>
          <cell r="J1097">
            <v>0</v>
          </cell>
          <cell r="K1097">
            <v>0.45</v>
          </cell>
          <cell r="L1097">
            <v>2.0499999999999998</v>
          </cell>
          <cell r="M1097">
            <v>0</v>
          </cell>
          <cell r="N1097">
            <v>1</v>
          </cell>
          <cell r="O1097">
            <v>1</v>
          </cell>
        </row>
        <row r="1098">
          <cell r="A1098" t="str">
            <v>IRLREG52008</v>
          </cell>
          <cell r="B1098" t="str">
            <v>IRL</v>
          </cell>
          <cell r="C1098" t="str">
            <v>Ireland</v>
          </cell>
          <cell r="D1098" t="str">
            <v>Item 5</v>
          </cell>
          <cell r="E1098" t="str">
            <v>REG5</v>
          </cell>
          <cell r="F1098" t="str">
            <v>Definition of justified or unfair dismissal</v>
          </cell>
          <cell r="G1098">
            <v>2008</v>
          </cell>
          <cell r="H1098">
            <v>2008</v>
          </cell>
          <cell r="I1098"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1098">
            <v>0</v>
          </cell>
          <cell r="M1098">
            <v>0</v>
          </cell>
        </row>
        <row r="1099">
          <cell r="A1099" t="str">
            <v>IRLREG62008</v>
          </cell>
          <cell r="B1099" t="str">
            <v>IRL</v>
          </cell>
          <cell r="C1099" t="str">
            <v>Ireland</v>
          </cell>
          <cell r="D1099" t="str">
            <v>Item 6</v>
          </cell>
          <cell r="E1099" t="str">
            <v>REG6</v>
          </cell>
          <cell r="F1099" t="str">
            <v>Trial period</v>
          </cell>
          <cell r="G1099">
            <v>2008</v>
          </cell>
          <cell r="H1099">
            <v>2008</v>
          </cell>
          <cell r="I1099"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1099">
            <v>12</v>
          </cell>
          <cell r="M1099">
            <v>2</v>
          </cell>
        </row>
        <row r="1100">
          <cell r="A1100" t="str">
            <v>IRLREG72008</v>
          </cell>
          <cell r="B1100" t="str">
            <v>IRL</v>
          </cell>
          <cell r="C1100" t="str">
            <v>Ireland</v>
          </cell>
          <cell r="D1100" t="str">
            <v>Item 7</v>
          </cell>
          <cell r="E1100" t="str">
            <v>REG7</v>
          </cell>
          <cell r="F1100" t="str">
            <v xml:space="preserve">Compensation following unfair dismissal </v>
          </cell>
          <cell r="G1100">
            <v>2008</v>
          </cell>
          <cell r="H1100">
            <v>2008</v>
          </cell>
          <cell r="I1100" t="str">
            <v xml:space="preserve">Maximum compensation equals 104 weeks’ pay.  Compensation awards based on financial loss.  Maximum 4 weeks’  award where no loss established.  (Average Employment Appeals Tribunal award in 2007 was 7280 EUR)
Calculation: average of average and maximum compensation minus average severance pay reported in Item 4 = 8.7 months
</v>
          </cell>
          <cell r="J1100">
            <v>8.6999999999999993</v>
          </cell>
          <cell r="M1100">
            <v>2</v>
          </cell>
        </row>
        <row r="1101">
          <cell r="A1101" t="str">
            <v>IRLREG82008</v>
          </cell>
          <cell r="B1101" t="str">
            <v>IRL</v>
          </cell>
          <cell r="C1101" t="str">
            <v>Ireland</v>
          </cell>
          <cell r="D1101" t="str">
            <v>Item 8</v>
          </cell>
          <cell r="E1101" t="str">
            <v>REG8</v>
          </cell>
          <cell r="F1101" t="str">
            <v>Possibility of reinstatement following unfair dismissal</v>
          </cell>
          <cell r="G1101">
            <v>2008</v>
          </cell>
          <cell r="H1101">
            <v>2008</v>
          </cell>
          <cell r="I1101"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 More generally, reinstatement or re-engagement are typically ordered in 3%-4% of the cases where a remedy order is granted.</v>
          </cell>
          <cell r="J1101">
            <v>1</v>
          </cell>
          <cell r="M1101">
            <v>2</v>
          </cell>
        </row>
        <row r="1102">
          <cell r="A1102" t="str">
            <v>IRLREG92008</v>
          </cell>
          <cell r="B1102" t="str">
            <v>IRL</v>
          </cell>
          <cell r="C1102" t="str">
            <v>Ireland</v>
          </cell>
          <cell r="D1102" t="str">
            <v>Item 9</v>
          </cell>
          <cell r="E1102" t="str">
            <v>REG9</v>
          </cell>
          <cell r="F1102" t="str">
            <v>Maximum time for claim</v>
          </cell>
          <cell r="G1102">
            <v>2008</v>
          </cell>
          <cell r="H1102">
            <v>2008</v>
          </cell>
          <cell r="I1102" t="str">
            <v>6 months, extended to 12 months in exceptional circumstances</v>
          </cell>
          <cell r="J1102">
            <v>6</v>
          </cell>
          <cell r="M1102">
            <v>3</v>
          </cell>
        </row>
        <row r="1103">
          <cell r="A1103" t="str">
            <v>IRLFTC12008</v>
          </cell>
          <cell r="B1103" t="str">
            <v>IRL</v>
          </cell>
          <cell r="C1103" t="str">
            <v>Ireland</v>
          </cell>
          <cell r="D1103" t="str">
            <v>Item 10</v>
          </cell>
          <cell r="E1103" t="str">
            <v>FTC1</v>
          </cell>
          <cell r="F1103" t="str">
            <v>Valid cases for use of fixed-term contracts, other than  “objective”  or “material” situation</v>
          </cell>
          <cell r="G1103">
            <v>2008</v>
          </cell>
          <cell r="H1103">
            <v>2008</v>
          </cell>
          <cell r="I1103"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1103">
            <v>2.5</v>
          </cell>
          <cell r="M1103">
            <v>1</v>
          </cell>
        </row>
        <row r="1104">
          <cell r="A1104" t="str">
            <v>IRLFTC22008</v>
          </cell>
          <cell r="B1104" t="str">
            <v>IRL</v>
          </cell>
          <cell r="C1104" t="str">
            <v>Ireland</v>
          </cell>
          <cell r="D1104" t="str">
            <v>Item 11</v>
          </cell>
          <cell r="E1104" t="str">
            <v>FTC2</v>
          </cell>
          <cell r="F1104" t="str">
            <v>Maximum number of successive fixed-term contracts</v>
          </cell>
          <cell r="G1104">
            <v>2008</v>
          </cell>
          <cell r="H1104">
            <v>2008</v>
          </cell>
          <cell r="I1104"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1104">
            <v>100</v>
          </cell>
          <cell r="M1104">
            <v>0</v>
          </cell>
        </row>
        <row r="1105">
          <cell r="A1105" t="str">
            <v>IRLFTC32008</v>
          </cell>
          <cell r="B1105" t="str">
            <v>IRL</v>
          </cell>
          <cell r="C1105" t="str">
            <v>Ireland</v>
          </cell>
          <cell r="D1105" t="str">
            <v>Item 12</v>
          </cell>
          <cell r="E1105" t="str">
            <v>FTC3</v>
          </cell>
          <cell r="F1105" t="str">
            <v>Maximum cumulated duration of successive fixed-term contracts</v>
          </cell>
          <cell r="G1105">
            <v>2008</v>
          </cell>
          <cell r="H1105">
            <v>2008</v>
          </cell>
          <cell r="I1105" t="str">
            <v xml:space="preserve">The maximum cumulated duration of two or more successive fixed-term contracts is 4 years, unless there are objective grounds justifying the renewal on a fixed-term basis.
No limits for the first contract
</v>
          </cell>
          <cell r="J1105">
            <v>48</v>
          </cell>
          <cell r="M1105">
            <v>1</v>
          </cell>
        </row>
        <row r="1106">
          <cell r="A1106" t="str">
            <v>IRLTWA12008</v>
          </cell>
          <cell r="B1106" t="str">
            <v>IRL</v>
          </cell>
          <cell r="C1106" t="str">
            <v>Ireland</v>
          </cell>
          <cell r="D1106" t="str">
            <v>Item 13</v>
          </cell>
          <cell r="E1106" t="str">
            <v>TWA1</v>
          </cell>
          <cell r="F1106" t="str">
            <v>Types of work for which TWA employment is legal</v>
          </cell>
          <cell r="G1106">
            <v>2008</v>
          </cell>
          <cell r="H1106">
            <v>2008</v>
          </cell>
          <cell r="I1106" t="str">
            <v>All employment.</v>
          </cell>
          <cell r="J1106">
            <v>4</v>
          </cell>
          <cell r="M1106">
            <v>0</v>
          </cell>
        </row>
        <row r="1107">
          <cell r="A1107" t="str">
            <v>IRLTWA22008</v>
          </cell>
          <cell r="B1107" t="str">
            <v>IRL</v>
          </cell>
          <cell r="C1107" t="str">
            <v>Ireland</v>
          </cell>
          <cell r="D1107" t="str">
            <v>Item 14</v>
          </cell>
          <cell r="E1107" t="str">
            <v>TWA2A, TWA2B</v>
          </cell>
          <cell r="F1107" t="str">
            <v>Are there any restrictions on the number of renewals of a TWA contract?</v>
          </cell>
          <cell r="G1107">
            <v>2008</v>
          </cell>
          <cell r="H1107">
            <v>2008</v>
          </cell>
          <cell r="I1107" t="str">
            <v>No. The Protection of Employees (Fixed-Term Work) Act 2003 does not apply to agency workers placed by a temporary work agency at the disposition of a user enterprise.</v>
          </cell>
          <cell r="J1107" t="str">
            <v>No</v>
          </cell>
          <cell r="K1107" t="str">
            <v>No</v>
          </cell>
          <cell r="M1107">
            <v>2</v>
          </cell>
          <cell r="N1107">
            <v>2</v>
          </cell>
        </row>
        <row r="1108">
          <cell r="A1108" t="str">
            <v>IRLTWA32008</v>
          </cell>
          <cell r="B1108" t="str">
            <v>IRL</v>
          </cell>
          <cell r="C1108" t="str">
            <v>Ireland</v>
          </cell>
          <cell r="D1108" t="str">
            <v>Item 15</v>
          </cell>
          <cell r="E1108" t="str">
            <v>TWA3A, TWA3B</v>
          </cell>
          <cell r="F1108" t="str">
            <v>Maximum cumulated duration of temporary work contracts</v>
          </cell>
          <cell r="G1108">
            <v>2008</v>
          </cell>
          <cell r="H1108">
            <v>2008</v>
          </cell>
          <cell r="I1108" t="str">
            <v>No limit. The Protection of Employees (Fixed-Term Work) Act 2003 does not apply to agency workers placed by a temporary work agency at the disposition of a user enterprise.</v>
          </cell>
          <cell r="J1108">
            <v>100</v>
          </cell>
          <cell r="K1108">
            <v>100</v>
          </cell>
          <cell r="M1108">
            <v>0</v>
          </cell>
          <cell r="N1108">
            <v>0</v>
          </cell>
        </row>
        <row r="1109">
          <cell r="A1109" t="str">
            <v>IRLTWA42008</v>
          </cell>
          <cell r="B1109" t="str">
            <v>IRL</v>
          </cell>
          <cell r="C1109" t="str">
            <v>Ireland</v>
          </cell>
          <cell r="D1109" t="str">
            <v>Item 16</v>
          </cell>
          <cell r="E1109" t="str">
            <v>TWA4</v>
          </cell>
          <cell r="F1109" t="str">
            <v>Authorisation and reporting obligations</v>
          </cell>
          <cell r="G1109">
            <v>2008</v>
          </cell>
          <cell r="H1109">
            <v>2008</v>
          </cell>
          <cell r="I1109" t="str">
            <v>In order to operate in the State, an employment agency must obtain an employment agency license from the Minister of Enterprise, Trade and Employment.</v>
          </cell>
          <cell r="J1109">
            <v>1</v>
          </cell>
          <cell r="M1109">
            <v>2</v>
          </cell>
        </row>
        <row r="1110">
          <cell r="A1110" t="str">
            <v>IRLTWA52008</v>
          </cell>
          <cell r="B1110" t="str">
            <v>IRL</v>
          </cell>
          <cell r="C1110" t="str">
            <v>Ireland</v>
          </cell>
          <cell r="D1110" t="str">
            <v>Item 17</v>
          </cell>
          <cell r="E1110" t="str">
            <v>TWA5</v>
          </cell>
          <cell r="F1110" t="str">
            <v>Equal treatment for TWA workers</v>
          </cell>
          <cell r="G1110">
            <v>2008</v>
          </cell>
          <cell r="H1110">
            <v>2008</v>
          </cell>
          <cell r="I1110" t="str">
            <v>No such regulations.</v>
          </cell>
          <cell r="J1110">
            <v>0</v>
          </cell>
          <cell r="M1110">
            <v>0</v>
          </cell>
        </row>
        <row r="1111">
          <cell r="A1111" t="str">
            <v>IRLCD12008</v>
          </cell>
          <cell r="B1111" t="str">
            <v>IRL</v>
          </cell>
          <cell r="C1111" t="str">
            <v>Ireland</v>
          </cell>
          <cell r="D1111" t="str">
            <v>Item 18</v>
          </cell>
          <cell r="E1111" t="str">
            <v>CD1</v>
          </cell>
          <cell r="F1111" t="str">
            <v>Definition of collective dismissal</v>
          </cell>
          <cell r="G1111">
            <v>2008</v>
          </cell>
          <cell r="H1111">
            <v>2008</v>
          </cell>
          <cell r="I1111"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1111">
            <v>4</v>
          </cell>
          <cell r="M1111">
            <v>6</v>
          </cell>
        </row>
        <row r="1112">
          <cell r="A1112" t="str">
            <v>IRLCD22008</v>
          </cell>
          <cell r="B1112" t="str">
            <v>IRL</v>
          </cell>
          <cell r="C1112" t="str">
            <v>Ireland</v>
          </cell>
          <cell r="D1112" t="str">
            <v>Item 19</v>
          </cell>
          <cell r="E1112" t="str">
            <v>CD2</v>
          </cell>
          <cell r="F1112" t="str">
            <v>Additional notification requirements in case of collective dismissals</v>
          </cell>
          <cell r="G1112">
            <v>2008</v>
          </cell>
          <cell r="H1112">
            <v>2008</v>
          </cell>
          <cell r="I1112"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1112">
            <v>2</v>
          </cell>
          <cell r="M1112">
            <v>6</v>
          </cell>
        </row>
        <row r="1113">
          <cell r="A1113" t="str">
            <v>IRLCD32008</v>
          </cell>
          <cell r="B1113" t="str">
            <v>IRL</v>
          </cell>
          <cell r="C1113" t="str">
            <v>Ireland</v>
          </cell>
          <cell r="D1113" t="str">
            <v>Item 20</v>
          </cell>
          <cell r="E1113" t="str">
            <v>CD3</v>
          </cell>
          <cell r="F1113" t="str">
            <v>Additional delays involved in case of collective dismissals</v>
          </cell>
          <cell r="G1113">
            <v>2008</v>
          </cell>
          <cell r="H1113">
            <v>2008</v>
          </cell>
          <cell r="I1113" t="str">
            <v>Information to trade union and Ministry 30 days before implementation. (30-4 for individual dismissals)</v>
          </cell>
          <cell r="J1113">
            <v>26</v>
          </cell>
          <cell r="M1113">
            <v>2</v>
          </cell>
        </row>
        <row r="1114">
          <cell r="A1114" t="str">
            <v>IRLCD42008</v>
          </cell>
          <cell r="B1114" t="str">
            <v>IRL</v>
          </cell>
          <cell r="C1114" t="str">
            <v>Ireland</v>
          </cell>
          <cell r="D1114" t="str">
            <v>Item 21</v>
          </cell>
          <cell r="E1114" t="str">
            <v>CD4</v>
          </cell>
          <cell r="F1114" t="str">
            <v>Other special costs to employers in case of collective dismissals</v>
          </cell>
          <cell r="G1114">
            <v>2008</v>
          </cell>
          <cell r="H1114">
            <v>2008</v>
          </cell>
          <cell r="I1114"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1114">
            <v>0</v>
          </cell>
          <cell r="M1114">
            <v>0</v>
          </cell>
        </row>
        <row r="1115">
          <cell r="A1115" t="str">
            <v>ITAREG12008</v>
          </cell>
          <cell r="B1115" t="str">
            <v>ITA</v>
          </cell>
          <cell r="C1115" t="str">
            <v>Italy</v>
          </cell>
          <cell r="D1115" t="str">
            <v>Item 1</v>
          </cell>
          <cell r="E1115" t="str">
            <v>REG1</v>
          </cell>
          <cell r="F1115" t="str">
            <v>Notification procedures</v>
          </cell>
          <cell r="G1115">
            <v>2008</v>
          </cell>
          <cell r="H1115">
            <v>2008</v>
          </cell>
          <cell r="I1115" t="str">
            <v>Written notice to employee who can require communication of detailed reasons and can request conciliation by the provincial employment office or through conciliation committees set up under collective agreements.</v>
          </cell>
          <cell r="J1115">
            <v>1.5</v>
          </cell>
          <cell r="M1115">
            <v>3</v>
          </cell>
        </row>
        <row r="1116">
          <cell r="A1116" t="str">
            <v>ITAREG22008</v>
          </cell>
          <cell r="B1116" t="str">
            <v>ITA</v>
          </cell>
          <cell r="C1116" t="str">
            <v>Italy</v>
          </cell>
          <cell r="D1116" t="str">
            <v>Item 2</v>
          </cell>
          <cell r="E1116" t="str">
            <v>REG2</v>
          </cell>
          <cell r="F1116" t="str">
            <v>Delay before notice can start</v>
          </cell>
          <cell r="G1116">
            <v>2008</v>
          </cell>
          <cell r="H1116">
            <v>2008</v>
          </cell>
          <cell r="I1116"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1116">
            <v>10.5</v>
          </cell>
          <cell r="M1116">
            <v>2</v>
          </cell>
        </row>
        <row r="1117">
          <cell r="A1117" t="str">
            <v>ITAREG32008</v>
          </cell>
          <cell r="B1117" t="str">
            <v>ITA</v>
          </cell>
          <cell r="C1117" t="str">
            <v>Italy</v>
          </cell>
          <cell r="D1117" t="str">
            <v>Item 3</v>
          </cell>
          <cell r="E1117" t="str">
            <v>REG3A, REG3B, REG3C</v>
          </cell>
          <cell r="F1117" t="str">
            <v>Notice / tenure</v>
          </cell>
          <cell r="G1117">
            <v>2008</v>
          </cell>
          <cell r="H1117">
            <v>2008</v>
          </cell>
          <cell r="I1117"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1117">
            <v>1.4</v>
          </cell>
          <cell r="K1117">
            <v>1.4</v>
          </cell>
          <cell r="L1117">
            <v>4</v>
          </cell>
          <cell r="M1117">
            <v>4</v>
          </cell>
          <cell r="N1117">
            <v>3</v>
          </cell>
          <cell r="O1117">
            <v>2</v>
          </cell>
        </row>
        <row r="1118">
          <cell r="A1118" t="str">
            <v>ITAREG42008</v>
          </cell>
          <cell r="B1118" t="str">
            <v>ITA</v>
          </cell>
          <cell r="C1118" t="str">
            <v>Italy</v>
          </cell>
          <cell r="D1118" t="str">
            <v>Item 4</v>
          </cell>
          <cell r="E1118" t="str">
            <v>REG4A, REG4B, REG4C</v>
          </cell>
          <cell r="F1118" t="str">
            <v>Severance pay / tenure</v>
          </cell>
          <cell r="G1118">
            <v>2008</v>
          </cell>
          <cell r="H1118">
            <v>2008</v>
          </cell>
          <cell r="I1118" t="str">
            <v>An end-contract indemnity is paid to employees according to general principles set forth by art. 2120 of the civil code, and as provided by each collective agreement. However, this is paid upon any type of separation.</v>
          </cell>
          <cell r="J1118">
            <v>0</v>
          </cell>
          <cell r="K1118">
            <v>0</v>
          </cell>
          <cell r="L1118">
            <v>0</v>
          </cell>
          <cell r="M1118">
            <v>0</v>
          </cell>
          <cell r="N1118">
            <v>0</v>
          </cell>
          <cell r="O1118">
            <v>0</v>
          </cell>
        </row>
        <row r="1119">
          <cell r="A1119" t="str">
            <v>ITAREG52008</v>
          </cell>
          <cell r="B1119" t="str">
            <v>ITA</v>
          </cell>
          <cell r="C1119" t="str">
            <v>Italy</v>
          </cell>
          <cell r="D1119" t="str">
            <v>Item 5</v>
          </cell>
          <cell r="E1119" t="str">
            <v>REG5</v>
          </cell>
          <cell r="F1119" t="str">
            <v>Definition of justified or unfair dismissal</v>
          </cell>
          <cell r="G1119">
            <v>2008</v>
          </cell>
          <cell r="H1119">
            <v>2008</v>
          </cell>
          <cell r="I1119" t="str">
            <v>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v>
          </cell>
          <cell r="J1119">
            <v>2</v>
          </cell>
          <cell r="M1119">
            <v>4</v>
          </cell>
        </row>
        <row r="1120">
          <cell r="A1120" t="str">
            <v>ITAREG62008</v>
          </cell>
          <cell r="B1120" t="str">
            <v>ITA</v>
          </cell>
          <cell r="C1120" t="str">
            <v>Italy</v>
          </cell>
          <cell r="D1120" t="str">
            <v>Item 6</v>
          </cell>
          <cell r="E1120" t="str">
            <v>REG6</v>
          </cell>
          <cell r="F1120" t="str">
            <v>Trial period</v>
          </cell>
          <cell r="G1120">
            <v>2008</v>
          </cell>
          <cell r="H1120">
            <v>2008</v>
          </cell>
          <cell r="I1120"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1120">
            <v>3.5</v>
          </cell>
          <cell r="M1120">
            <v>4</v>
          </cell>
        </row>
        <row r="1121">
          <cell r="A1121" t="str">
            <v>ITAREG72008</v>
          </cell>
          <cell r="B1121" t="str">
            <v>ITA</v>
          </cell>
          <cell r="C1121" t="str">
            <v>Italy</v>
          </cell>
          <cell r="D1121" t="str">
            <v>Item 7</v>
          </cell>
          <cell r="E1121" t="str">
            <v>REG7</v>
          </cell>
          <cell r="F1121" t="str">
            <v xml:space="preserve">Compensation following unfair dismissal </v>
          </cell>
          <cell r="G1121">
            <v>2008</v>
          </cell>
          <cell r="H1121">
            <v>2008</v>
          </cell>
          <cell r="I1121"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1121">
            <v>21</v>
          </cell>
          <cell r="M1121">
            <v>4</v>
          </cell>
        </row>
        <row r="1122">
          <cell r="A1122" t="str">
            <v>ITAREG82008</v>
          </cell>
          <cell r="B1122" t="str">
            <v>ITA</v>
          </cell>
          <cell r="C1122" t="str">
            <v>Italy</v>
          </cell>
          <cell r="D1122" t="str">
            <v>Item 8</v>
          </cell>
          <cell r="E1122" t="str">
            <v>REG8</v>
          </cell>
          <cell r="F1122" t="str">
            <v>Possibility of reinstatement following unfair dismissal</v>
          </cell>
          <cell r="G1122">
            <v>2008</v>
          </cell>
          <cell r="H1122">
            <v>2008</v>
          </cell>
          <cell r="I1122" t="str">
            <v xml:space="preserve">The option of reinstatement is (almost) always made available to the employee.
However, small companies (see Item 7) are not required to pay back-pay or reinstate workers who are found to be unfairly dismissed.
</v>
          </cell>
          <cell r="J1122">
            <v>3</v>
          </cell>
          <cell r="M1122">
            <v>6</v>
          </cell>
        </row>
        <row r="1123">
          <cell r="A1123" t="str">
            <v>ITAREG92008</v>
          </cell>
          <cell r="B1123" t="str">
            <v>ITA</v>
          </cell>
          <cell r="C1123" t="str">
            <v>Italy</v>
          </cell>
          <cell r="D1123" t="str">
            <v>Item 9</v>
          </cell>
          <cell r="E1123" t="str">
            <v>REG9</v>
          </cell>
          <cell r="F1123" t="str">
            <v>Maximum time for claim</v>
          </cell>
          <cell r="G1123">
            <v>2008</v>
          </cell>
          <cell r="H1123">
            <v>2008</v>
          </cell>
          <cell r="I1123" t="str">
            <v>60 days</v>
          </cell>
          <cell r="J1123">
            <v>2</v>
          </cell>
          <cell r="M1123">
            <v>2</v>
          </cell>
        </row>
        <row r="1124">
          <cell r="A1124" t="str">
            <v>ITAFTC12008</v>
          </cell>
          <cell r="B1124" t="str">
            <v>ITA</v>
          </cell>
          <cell r="C1124" t="str">
            <v>Italy</v>
          </cell>
          <cell r="D1124" t="str">
            <v>Item 10</v>
          </cell>
          <cell r="E1124" t="str">
            <v>FTC1</v>
          </cell>
          <cell r="F1124" t="str">
            <v>Valid cases for use of fixed-term contracts, other than  “objective”  or “material” situation</v>
          </cell>
          <cell r="G1124">
            <v>2008</v>
          </cell>
          <cell r="H1124">
            <v>2008</v>
          </cell>
          <cell r="I1124" t="str">
            <v xml:space="preserve">Fixed term contracts can be used for technical, production and organizational reasons including the replacement of absent workers, and for types of work normally carried out by the enterprise. </v>
          </cell>
          <cell r="J1124">
            <v>2</v>
          </cell>
          <cell r="M1124">
            <v>2</v>
          </cell>
        </row>
        <row r="1125">
          <cell r="A1125" t="str">
            <v>ITAFTC22008</v>
          </cell>
          <cell r="B1125" t="str">
            <v>ITA</v>
          </cell>
          <cell r="C1125" t="str">
            <v>Italy</v>
          </cell>
          <cell r="D1125" t="str">
            <v>Item 11</v>
          </cell>
          <cell r="E1125" t="str">
            <v>FTC2</v>
          </cell>
          <cell r="F1125" t="str">
            <v>Maximum number of successive fixed-term contracts</v>
          </cell>
          <cell r="G1125">
            <v>2008</v>
          </cell>
          <cell r="H1125">
            <v>2008</v>
          </cell>
          <cell r="I1125" t="str">
            <v xml:space="preserve">One extension is possible provided that the duration initially agreed is less than three years.
It is possible to conclude successive FTCs within a time frame of 36 months.
</v>
          </cell>
          <cell r="J1125">
            <v>2</v>
          </cell>
          <cell r="M1125">
            <v>4</v>
          </cell>
        </row>
        <row r="1126">
          <cell r="A1126" t="str">
            <v>ITAFTC32008</v>
          </cell>
          <cell r="B1126" t="str">
            <v>ITA</v>
          </cell>
          <cell r="C1126" t="str">
            <v>Italy</v>
          </cell>
          <cell r="D1126" t="str">
            <v>Item 12</v>
          </cell>
          <cell r="E1126" t="str">
            <v>FTC3</v>
          </cell>
          <cell r="F1126" t="str">
            <v>Maximum cumulated duration of successive fixed-term contracts</v>
          </cell>
          <cell r="G1126">
            <v>2008</v>
          </cell>
          <cell r="H1126">
            <v>2008</v>
          </cell>
          <cell r="I1126" t="str">
            <v>36 months, with further renewal possible with agreement of territorial employment Office, unless collective agreements define a longer duration.</v>
          </cell>
          <cell r="J1126">
            <v>36</v>
          </cell>
          <cell r="M1126">
            <v>1</v>
          </cell>
        </row>
        <row r="1127">
          <cell r="A1127" t="str">
            <v>ITATWA12008</v>
          </cell>
          <cell r="B1127" t="str">
            <v>ITA</v>
          </cell>
          <cell r="C1127" t="str">
            <v>Italy</v>
          </cell>
          <cell r="D1127" t="str">
            <v>Item 13</v>
          </cell>
          <cell r="E1127" t="str">
            <v>TWA1</v>
          </cell>
          <cell r="F1127" t="str">
            <v>Types of work for which TWA employment is legal</v>
          </cell>
          <cell r="G1127">
            <v>2008</v>
          </cell>
          <cell r="H1127">
            <v>2008</v>
          </cell>
          <cell r="I1127"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1127">
            <v>3</v>
          </cell>
          <cell r="M1127">
            <v>1.5</v>
          </cell>
        </row>
        <row r="1128">
          <cell r="A1128" t="str">
            <v>ITATWA22008</v>
          </cell>
          <cell r="B1128" t="str">
            <v>ITA</v>
          </cell>
          <cell r="C1128" t="str">
            <v>Italy</v>
          </cell>
          <cell r="D1128" t="str">
            <v>Item 14</v>
          </cell>
          <cell r="E1128" t="str">
            <v>TWA2A, TWA2B</v>
          </cell>
          <cell r="F1128" t="str">
            <v>Are there any restrictions on the number of renewals of a TWA contract?</v>
          </cell>
          <cell r="G1128">
            <v>2008</v>
          </cell>
          <cell r="H1128">
            <v>2008</v>
          </cell>
          <cell r="I1128" t="str">
            <v xml:space="preserve">Yes for assignments, in the cases and for the duration set forth in the collective agreement used by temporary work agencies.
Contracts between the agency and the worker can be open-ended
</v>
          </cell>
          <cell r="J1128" t="str">
            <v>Yes</v>
          </cell>
          <cell r="K1128" t="str">
            <v>No</v>
          </cell>
          <cell r="M1128">
            <v>4</v>
          </cell>
          <cell r="N1128">
            <v>2</v>
          </cell>
        </row>
        <row r="1129">
          <cell r="A1129" t="str">
            <v>ITATWA32008</v>
          </cell>
          <cell r="B1129" t="str">
            <v>ITA</v>
          </cell>
          <cell r="C1129" t="str">
            <v>Italy</v>
          </cell>
          <cell r="D1129" t="str">
            <v>Item 15</v>
          </cell>
          <cell r="E1129" t="str">
            <v>TWA3A, TWA3B</v>
          </cell>
          <cell r="F1129" t="str">
            <v>Maximum cumulated duration of temporary work contracts</v>
          </cell>
          <cell r="G1129">
            <v>2008</v>
          </cell>
          <cell r="H1129">
            <v>2008</v>
          </cell>
          <cell r="I1129"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1129">
            <v>100</v>
          </cell>
          <cell r="K1129">
            <v>100</v>
          </cell>
          <cell r="M1129">
            <v>0</v>
          </cell>
          <cell r="N1129">
            <v>0</v>
          </cell>
        </row>
        <row r="1130">
          <cell r="A1130" t="str">
            <v>ITATWA42008</v>
          </cell>
          <cell r="B1130" t="str">
            <v>ITA</v>
          </cell>
          <cell r="C1130" t="str">
            <v>Italy</v>
          </cell>
          <cell r="D1130" t="str">
            <v>Item 16</v>
          </cell>
          <cell r="E1130" t="str">
            <v>TWA4</v>
          </cell>
          <cell r="F1130" t="str">
            <v>Authorisation and reporting obligations</v>
          </cell>
          <cell r="G1130">
            <v>2008</v>
          </cell>
          <cell r="H1130">
            <v>2008</v>
          </cell>
          <cell r="I1130"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1130">
            <v>3</v>
          </cell>
          <cell r="M1130">
            <v>6</v>
          </cell>
        </row>
        <row r="1131">
          <cell r="A1131" t="str">
            <v>ITATWA52008</v>
          </cell>
          <cell r="B1131" t="str">
            <v>ITA</v>
          </cell>
          <cell r="C1131" t="str">
            <v>Italy</v>
          </cell>
          <cell r="D1131" t="str">
            <v>Item 17</v>
          </cell>
          <cell r="E1131" t="str">
            <v>TWA5</v>
          </cell>
          <cell r="F1131" t="str">
            <v>Equal treatment for TWA workers</v>
          </cell>
          <cell r="G1131">
            <v>2008</v>
          </cell>
          <cell r="H1131">
            <v>2008</v>
          </cell>
          <cell r="I1131" t="str">
            <v>TWA workers are entitled to receive the same pay and conditions as other workers in the firm for equal work, equivalent tasks or jobs of the same nature.</v>
          </cell>
          <cell r="J1131">
            <v>2</v>
          </cell>
          <cell r="M1131">
            <v>6</v>
          </cell>
        </row>
        <row r="1132">
          <cell r="A1132" t="str">
            <v>ITACD12008</v>
          </cell>
          <cell r="B1132" t="str">
            <v>ITA</v>
          </cell>
          <cell r="C1132" t="str">
            <v>Italy</v>
          </cell>
          <cell r="D1132" t="str">
            <v>Item 18</v>
          </cell>
          <cell r="E1132" t="str">
            <v>CD1</v>
          </cell>
          <cell r="F1132" t="str">
            <v>Definition of collective dismissal</v>
          </cell>
          <cell r="G1132">
            <v>2008</v>
          </cell>
          <cell r="H1132">
            <v>2008</v>
          </cell>
          <cell r="I1132" t="str">
            <v>In firms with 15 and more employees and over  a period of 120 days, 5+ workers in a single production unit; 5+ workers in several units within one province.</v>
          </cell>
          <cell r="J1132">
            <v>4</v>
          </cell>
          <cell r="M1132">
            <v>6</v>
          </cell>
        </row>
        <row r="1133">
          <cell r="A1133" t="str">
            <v>ITACD22008</v>
          </cell>
          <cell r="B1133" t="str">
            <v>ITA</v>
          </cell>
          <cell r="C1133" t="str">
            <v>Italy</v>
          </cell>
          <cell r="D1133" t="str">
            <v>Item 19</v>
          </cell>
          <cell r="E1133" t="str">
            <v>CD2</v>
          </cell>
          <cell r="F1133" t="str">
            <v>Additional notification requirements in case of collective dismissals</v>
          </cell>
          <cell r="G1133">
            <v>2008</v>
          </cell>
          <cell r="H1133">
            <v>2008</v>
          </cell>
          <cell r="I1133"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1133">
            <v>1.5</v>
          </cell>
          <cell r="M1133">
            <v>4.5</v>
          </cell>
        </row>
        <row r="1134">
          <cell r="A1134" t="str">
            <v>ITACD32008</v>
          </cell>
          <cell r="B1134" t="str">
            <v>ITA</v>
          </cell>
          <cell r="C1134" t="str">
            <v>Italy</v>
          </cell>
          <cell r="D1134" t="str">
            <v>Item 20</v>
          </cell>
          <cell r="E1134" t="str">
            <v>CD3</v>
          </cell>
          <cell r="F1134" t="str">
            <v>Additional delays involved in case of collective dismissals</v>
          </cell>
          <cell r="G1134">
            <v>2008</v>
          </cell>
          <cell r="H1134">
            <v>2008</v>
          </cell>
          <cell r="I1134"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1134">
            <v>34.5</v>
          </cell>
          <cell r="M1134">
            <v>3</v>
          </cell>
        </row>
        <row r="1135">
          <cell r="A1135" t="str">
            <v>ITACD42008</v>
          </cell>
          <cell r="B1135" t="str">
            <v>ITA</v>
          </cell>
          <cell r="C1135" t="str">
            <v>Italy</v>
          </cell>
          <cell r="D1135" t="str">
            <v>Item 21</v>
          </cell>
          <cell r="E1135" t="str">
            <v>CD4</v>
          </cell>
          <cell r="F1135" t="str">
            <v>Other special costs to employers in case of collective dismissals</v>
          </cell>
          <cell r="G1135">
            <v>2008</v>
          </cell>
          <cell r="H1135">
            <v>2008</v>
          </cell>
          <cell r="I1135"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1135">
            <v>1</v>
          </cell>
          <cell r="M1135">
            <v>3</v>
          </cell>
        </row>
        <row r="1136">
          <cell r="A1136" t="str">
            <v>JPNREG12008</v>
          </cell>
          <cell r="B1136" t="str">
            <v>JPN</v>
          </cell>
          <cell r="C1136" t="str">
            <v>Japan</v>
          </cell>
          <cell r="D1136" t="str">
            <v>Item 1</v>
          </cell>
          <cell r="E1136" t="str">
            <v>REG1</v>
          </cell>
          <cell r="F1136" t="str">
            <v>Notification procedures</v>
          </cell>
          <cell r="G1136">
            <v>2008</v>
          </cell>
          <cell r="H1136">
            <v>2008</v>
          </cell>
          <cell r="I1136" t="str">
            <v xml:space="preserve">An employer shall provide at least 30 days advance notice, or pay the average wage for a period of not less than 30 days.
Oral notification is sufficient.
A written statement on the reasons of dismissal must be provided upon request.
</v>
          </cell>
          <cell r="J1136">
            <v>1</v>
          </cell>
          <cell r="M1136">
            <v>2</v>
          </cell>
        </row>
        <row r="1137">
          <cell r="A1137" t="str">
            <v>JPNREG22008</v>
          </cell>
          <cell r="B1137" t="str">
            <v>JPN</v>
          </cell>
          <cell r="C1137" t="str">
            <v>Japan</v>
          </cell>
          <cell r="D1137" t="str">
            <v>Item 2</v>
          </cell>
          <cell r="E1137" t="str">
            <v>REG2</v>
          </cell>
          <cell r="F1137" t="str">
            <v>Delay before notice can start</v>
          </cell>
          <cell r="G1137">
            <v>2008</v>
          </cell>
          <cell r="H1137">
            <v>2008</v>
          </cell>
          <cell r="I1137" t="str">
            <v>There are no prescribed procedures. Written or oral notification is common practice.</v>
          </cell>
          <cell r="J1137">
            <v>1</v>
          </cell>
          <cell r="M1137">
            <v>0</v>
          </cell>
        </row>
        <row r="1138">
          <cell r="A1138" t="str">
            <v>JPNREG32008</v>
          </cell>
          <cell r="B1138" t="str">
            <v>JPN</v>
          </cell>
          <cell r="C1138" t="str">
            <v>Japan</v>
          </cell>
          <cell r="D1138" t="str">
            <v>Item 3</v>
          </cell>
          <cell r="E1138" t="str">
            <v>REG3A, REG3B, REG3C</v>
          </cell>
          <cell r="F1138" t="str">
            <v>Notice / tenure</v>
          </cell>
          <cell r="G1138">
            <v>2008</v>
          </cell>
          <cell r="H1138">
            <v>2008</v>
          </cell>
          <cell r="I1138" t="str">
            <v xml:space="preserve">30 days, regardless of the tenure. </v>
          </cell>
          <cell r="J1138">
            <v>1</v>
          </cell>
          <cell r="K1138">
            <v>1</v>
          </cell>
          <cell r="L1138">
            <v>1</v>
          </cell>
          <cell r="M1138">
            <v>3</v>
          </cell>
          <cell r="N1138">
            <v>2</v>
          </cell>
          <cell r="O1138">
            <v>1</v>
          </cell>
        </row>
        <row r="1139">
          <cell r="A1139" t="str">
            <v>JPNREG42008</v>
          </cell>
          <cell r="B1139" t="str">
            <v>JPN</v>
          </cell>
          <cell r="C1139" t="str">
            <v>Japan</v>
          </cell>
          <cell r="D1139" t="str">
            <v>Item 4</v>
          </cell>
          <cell r="E1139" t="str">
            <v>REG4A, REG4B, REG4C</v>
          </cell>
          <cell r="F1139" t="str">
            <v>Severance pay / tenure</v>
          </cell>
          <cell r="G1139">
            <v>2008</v>
          </cell>
          <cell r="H1139">
            <v>2008</v>
          </cell>
          <cell r="I1139" t="str">
            <v xml:space="preserve">Severance pay is not legally required. </v>
          </cell>
          <cell r="J1139">
            <v>0</v>
          </cell>
          <cell r="K1139">
            <v>0</v>
          </cell>
          <cell r="L1139">
            <v>0</v>
          </cell>
          <cell r="M1139">
            <v>0</v>
          </cell>
          <cell r="N1139">
            <v>0</v>
          </cell>
          <cell r="O1139">
            <v>0</v>
          </cell>
        </row>
        <row r="1140">
          <cell r="A1140" t="str">
            <v>JPNREG52008</v>
          </cell>
          <cell r="B1140" t="str">
            <v>JPN</v>
          </cell>
          <cell r="C1140" t="str">
            <v>Japan</v>
          </cell>
          <cell r="D1140" t="str">
            <v>Item 5</v>
          </cell>
          <cell r="E1140" t="str">
            <v>REG5</v>
          </cell>
          <cell r="F1140" t="str">
            <v>Definition of justified or unfair dismissal</v>
          </cell>
          <cell r="G1140">
            <v>2008</v>
          </cell>
          <cell r="H1140">
            <v>2008</v>
          </cell>
          <cell r="I1140"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1140">
            <v>1</v>
          </cell>
          <cell r="M1140">
            <v>2</v>
          </cell>
        </row>
        <row r="1141">
          <cell r="A1141" t="str">
            <v>JPNREG62008</v>
          </cell>
          <cell r="B1141" t="str">
            <v>JPN</v>
          </cell>
          <cell r="C1141" t="str">
            <v>Japan</v>
          </cell>
          <cell r="D1141" t="str">
            <v>Item 6</v>
          </cell>
          <cell r="E1141" t="str">
            <v>REG6</v>
          </cell>
          <cell r="F1141" t="str">
            <v>Trial period</v>
          </cell>
          <cell r="G1141">
            <v>2008</v>
          </cell>
          <cell r="H1141">
            <v>2008</v>
          </cell>
          <cell r="I1141" t="str">
            <v xml:space="preserve">Length of trial period is not legally regulated. (It usually varies from 2 to 6 months. The most common period is 3 months). </v>
          </cell>
          <cell r="J1141">
            <v>3</v>
          </cell>
          <cell r="M1141">
            <v>4</v>
          </cell>
        </row>
        <row r="1142">
          <cell r="A1142" t="str">
            <v>JPNREG72008</v>
          </cell>
          <cell r="B1142" t="str">
            <v>JPN</v>
          </cell>
          <cell r="C1142" t="str">
            <v>Japan</v>
          </cell>
          <cell r="D1142" t="str">
            <v>Item 7</v>
          </cell>
          <cell r="E1142" t="str">
            <v>REG7</v>
          </cell>
          <cell r="F1142" t="str">
            <v xml:space="preserve">Compensation following unfair dismissal </v>
          </cell>
          <cell r="G1142">
            <v>2008</v>
          </cell>
          <cell r="H1142">
            <v>2008</v>
          </cell>
          <cell r="I1142"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1142">
            <v>6</v>
          </cell>
          <cell r="M1142">
            <v>1</v>
          </cell>
        </row>
        <row r="1143">
          <cell r="A1143" t="str">
            <v>JPNREG82008</v>
          </cell>
          <cell r="B1143" t="str">
            <v>JPN</v>
          </cell>
          <cell r="C1143" t="str">
            <v>Japan</v>
          </cell>
          <cell r="D1143" t="str">
            <v>Item 8</v>
          </cell>
          <cell r="E1143" t="str">
            <v>REG8</v>
          </cell>
          <cell r="F1143" t="str">
            <v>Possibility of reinstatement following unfair dismissal</v>
          </cell>
          <cell r="G1143">
            <v>2008</v>
          </cell>
          <cell r="H1143">
            <v>2008</v>
          </cell>
          <cell r="I1143"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1143">
            <v>1</v>
          </cell>
          <cell r="M1143">
            <v>2</v>
          </cell>
        </row>
        <row r="1144">
          <cell r="A1144" t="str">
            <v>JPNREG92008</v>
          </cell>
          <cell r="B1144" t="str">
            <v>JPN</v>
          </cell>
          <cell r="C1144" t="str">
            <v>Japan</v>
          </cell>
          <cell r="D1144" t="str">
            <v>Item 9</v>
          </cell>
          <cell r="E1144" t="str">
            <v>REG9</v>
          </cell>
          <cell r="F1144" t="str">
            <v>Maximum time for claim</v>
          </cell>
          <cell r="G1144">
            <v>2008</v>
          </cell>
          <cell r="H1144">
            <v>2008</v>
          </cell>
          <cell r="I1144"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1144">
            <v>100</v>
          </cell>
          <cell r="M1144">
            <v>6</v>
          </cell>
        </row>
        <row r="1145">
          <cell r="A1145" t="str">
            <v>JPNFTC12008</v>
          </cell>
          <cell r="B1145" t="str">
            <v>JPN</v>
          </cell>
          <cell r="C1145" t="str">
            <v>Japan</v>
          </cell>
          <cell r="D1145" t="str">
            <v>Item 10</v>
          </cell>
          <cell r="E1145" t="str">
            <v>FTC1</v>
          </cell>
          <cell r="F1145" t="str">
            <v>Valid cases for use of fixed-term contracts, other than  “objective”  or “material” situation</v>
          </cell>
          <cell r="G1145">
            <v>2008</v>
          </cell>
          <cell r="H1145">
            <v>2008</v>
          </cell>
          <cell r="I1145" t="str">
            <v>Fixed-term  contracts under 3 year duration widely possible without specifying an objective reason. The contract can be of 5 years for highly skilled employees or those aged 60+.</v>
          </cell>
          <cell r="J1145">
            <v>3</v>
          </cell>
          <cell r="M1145">
            <v>0</v>
          </cell>
        </row>
        <row r="1146">
          <cell r="A1146" t="str">
            <v>JPNFTC22008</v>
          </cell>
          <cell r="B1146" t="str">
            <v>JPN</v>
          </cell>
          <cell r="C1146" t="str">
            <v>Japan</v>
          </cell>
          <cell r="D1146" t="str">
            <v>Item 11</v>
          </cell>
          <cell r="E1146" t="str">
            <v>FTC2</v>
          </cell>
          <cell r="F1146" t="str">
            <v>Maximum number of successive fixed-term contracts</v>
          </cell>
          <cell r="G1146">
            <v>2008</v>
          </cell>
          <cell r="H1146">
            <v>2008</v>
          </cell>
          <cell r="I1146" t="str">
            <v xml:space="preserve">No legal limit specified in terms of the number of renewals; after repeated renewals the employee becomes entitled to expect renewal of his contract and the employer must have just cause to refuse renewal. </v>
          </cell>
          <cell r="J1146">
            <v>98</v>
          </cell>
          <cell r="M1146">
            <v>1</v>
          </cell>
        </row>
        <row r="1147">
          <cell r="A1147" t="str">
            <v>JPNFTC32008</v>
          </cell>
          <cell r="B1147" t="str">
            <v>JPN</v>
          </cell>
          <cell r="C1147" t="str">
            <v>Japan</v>
          </cell>
          <cell r="D1147" t="str">
            <v>Item 12</v>
          </cell>
          <cell r="E1147" t="str">
            <v>FTC3</v>
          </cell>
          <cell r="F1147" t="str">
            <v>Maximum cumulated duration of successive fixed-term contracts</v>
          </cell>
          <cell r="G1147">
            <v>2008</v>
          </cell>
          <cell r="H1147">
            <v>2008</v>
          </cell>
          <cell r="I1147"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1147">
            <v>200</v>
          </cell>
          <cell r="M1147">
            <v>0</v>
          </cell>
        </row>
        <row r="1148">
          <cell r="A1148" t="str">
            <v>JPNTWA12008</v>
          </cell>
          <cell r="B1148" t="str">
            <v>JPN</v>
          </cell>
          <cell r="C1148" t="str">
            <v>Japan</v>
          </cell>
          <cell r="D1148" t="str">
            <v>Item 13</v>
          </cell>
          <cell r="E1148" t="str">
            <v>TWA1</v>
          </cell>
          <cell r="F1148" t="str">
            <v>Types of work for which TWA employment is legal</v>
          </cell>
          <cell r="G1148">
            <v>2008</v>
          </cell>
          <cell r="H1148">
            <v>2008</v>
          </cell>
          <cell r="I1148" t="str">
            <v xml:space="preserve">"Dispatching agencies" allowed for all occupations except port transport services, construction work, security services, medical-related work at hospital etc. </v>
          </cell>
          <cell r="J1148">
            <v>3</v>
          </cell>
          <cell r="M1148">
            <v>1.5</v>
          </cell>
        </row>
        <row r="1149">
          <cell r="A1149" t="str">
            <v>JPNTWA22008</v>
          </cell>
          <cell r="B1149" t="str">
            <v>JPN</v>
          </cell>
          <cell r="C1149" t="str">
            <v>Japan</v>
          </cell>
          <cell r="D1149" t="str">
            <v>Item 14</v>
          </cell>
          <cell r="E1149" t="str">
            <v>TWA2A, TWA2B</v>
          </cell>
          <cell r="F1149" t="str">
            <v>Are there any restrictions on the number of renewals of a TWA contract?</v>
          </cell>
          <cell r="G1149">
            <v>2008</v>
          </cell>
          <cell r="H1149">
            <v>2008</v>
          </cell>
          <cell r="I1149" t="str">
            <v>No restrictions</v>
          </cell>
          <cell r="J1149" t="str">
            <v>No</v>
          </cell>
          <cell r="K1149" t="str">
            <v>No</v>
          </cell>
          <cell r="M1149">
            <v>2</v>
          </cell>
          <cell r="N1149">
            <v>2</v>
          </cell>
        </row>
        <row r="1150">
          <cell r="A1150" t="str">
            <v>JPNTWA32008</v>
          </cell>
          <cell r="B1150" t="str">
            <v>JPN</v>
          </cell>
          <cell r="C1150" t="str">
            <v>Japan</v>
          </cell>
          <cell r="D1150" t="str">
            <v>Item 15</v>
          </cell>
          <cell r="E1150" t="str">
            <v>TWA3A, TWA3B</v>
          </cell>
          <cell r="F1150" t="str">
            <v>Maximum cumulated duration of temporary work contracts</v>
          </cell>
          <cell r="G1150">
            <v>2008</v>
          </cell>
          <cell r="H1150">
            <v>2008</v>
          </cell>
          <cell r="I1150"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1150">
            <v>36</v>
          </cell>
          <cell r="K1150">
            <v>36</v>
          </cell>
          <cell r="M1150">
            <v>1</v>
          </cell>
          <cell r="N1150">
            <v>1</v>
          </cell>
        </row>
        <row r="1151">
          <cell r="A1151" t="str">
            <v>JPNTWA42008</v>
          </cell>
          <cell r="B1151" t="str">
            <v>JPN</v>
          </cell>
          <cell r="C1151" t="str">
            <v>Japan</v>
          </cell>
          <cell r="D1151" t="str">
            <v>Item 16</v>
          </cell>
          <cell r="E1151" t="str">
            <v>TWA4</v>
          </cell>
          <cell r="F1151" t="str">
            <v>Authorisation and reporting obligations</v>
          </cell>
          <cell r="G1151">
            <v>2008</v>
          </cell>
          <cell r="H1151">
            <v>2008</v>
          </cell>
          <cell r="I1151" t="str">
            <v>Setting up a TWA requires the permission or notification of the Ministry for Health, Labour and Welfare. After set-up, the TWA is required to report on its operations, etc., once a year.</v>
          </cell>
          <cell r="J1151">
            <v>3</v>
          </cell>
          <cell r="M1151">
            <v>6</v>
          </cell>
        </row>
        <row r="1152">
          <cell r="A1152" t="str">
            <v>JPNTWA52008</v>
          </cell>
          <cell r="B1152" t="str">
            <v>JPN</v>
          </cell>
          <cell r="C1152" t="str">
            <v>Japan</v>
          </cell>
          <cell r="D1152" t="str">
            <v>Item 17</v>
          </cell>
          <cell r="E1152" t="str">
            <v>TWA5</v>
          </cell>
          <cell r="F1152" t="str">
            <v>Equal treatment for TWA workers</v>
          </cell>
          <cell r="G1152">
            <v>2008</v>
          </cell>
          <cell r="H1152">
            <v>2008</v>
          </cell>
          <cell r="I1152"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1152">
            <v>0.5</v>
          </cell>
          <cell r="M1152">
            <v>1.5</v>
          </cell>
        </row>
        <row r="1153">
          <cell r="A1153" t="str">
            <v>JPNCD12008</v>
          </cell>
          <cell r="B1153" t="str">
            <v>JPN</v>
          </cell>
          <cell r="C1153" t="str">
            <v>Japan</v>
          </cell>
          <cell r="D1153" t="str">
            <v>Item 18</v>
          </cell>
          <cell r="E1153" t="str">
            <v>CD1</v>
          </cell>
          <cell r="F1153" t="str">
            <v>Definition of collective dismissal</v>
          </cell>
          <cell r="G1153">
            <v>2008</v>
          </cell>
          <cell r="H1153">
            <v>2008</v>
          </cell>
          <cell r="I1153" t="str">
            <v>Firms expecting 30+ workers turnover in one month will have additional notification requirements</v>
          </cell>
          <cell r="J1153">
            <v>2</v>
          </cell>
          <cell r="M1153">
            <v>3</v>
          </cell>
        </row>
        <row r="1154">
          <cell r="A1154" t="str">
            <v>JPNCD22008</v>
          </cell>
          <cell r="B1154" t="str">
            <v>JPN</v>
          </cell>
          <cell r="C1154" t="str">
            <v>Japan</v>
          </cell>
          <cell r="D1154" t="str">
            <v>Item 19</v>
          </cell>
          <cell r="E1154" t="str">
            <v>CD2</v>
          </cell>
          <cell r="F1154" t="str">
            <v>Additional notification requirements in case of collective dismissals</v>
          </cell>
          <cell r="G1154">
            <v>2008</v>
          </cell>
          <cell r="H1154">
            <v>2008</v>
          </cell>
          <cell r="I1154"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1154">
            <v>2</v>
          </cell>
          <cell r="M1154">
            <v>6</v>
          </cell>
        </row>
        <row r="1155">
          <cell r="A1155" t="str">
            <v>JPNCD32008</v>
          </cell>
          <cell r="B1155" t="str">
            <v>JPN</v>
          </cell>
          <cell r="C1155" t="str">
            <v>Japan</v>
          </cell>
          <cell r="D1155" t="str">
            <v>Item 20</v>
          </cell>
          <cell r="E1155" t="str">
            <v>CD3</v>
          </cell>
          <cell r="F1155" t="str">
            <v>Additional delays involved in case of collective dismissals</v>
          </cell>
          <cell r="G1155">
            <v>2008</v>
          </cell>
          <cell r="H1155">
            <v>2008</v>
          </cell>
          <cell r="I1155"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1155">
            <v>1</v>
          </cell>
          <cell r="M1155">
            <v>1</v>
          </cell>
        </row>
        <row r="1156">
          <cell r="A1156" t="str">
            <v>JPNCD42008</v>
          </cell>
          <cell r="B1156" t="str">
            <v>JPN</v>
          </cell>
          <cell r="C1156" t="str">
            <v>Japan</v>
          </cell>
          <cell r="D1156" t="str">
            <v>Item 21</v>
          </cell>
          <cell r="E1156" t="str">
            <v>CD4</v>
          </cell>
          <cell r="F1156" t="str">
            <v>Other special costs to employers in case of collective dismissals</v>
          </cell>
          <cell r="G1156">
            <v>2008</v>
          </cell>
          <cell r="H1156">
            <v>2008</v>
          </cell>
          <cell r="I1156" t="str">
            <v xml:space="preserve">Firms expecting 30 or more workers’ turn over within one month due to business contraction are obliged to make a re-employment assistance plan and submit it to the public employment service. </v>
          </cell>
          <cell r="J1156">
            <v>1</v>
          </cell>
          <cell r="M1156">
            <v>3</v>
          </cell>
        </row>
        <row r="1157">
          <cell r="A1157" t="str">
            <v>KORREG12008</v>
          </cell>
          <cell r="B1157" t="str">
            <v>KOR</v>
          </cell>
          <cell r="C1157" t="str">
            <v>Korea</v>
          </cell>
          <cell r="D1157" t="str">
            <v>Item 1</v>
          </cell>
          <cell r="E1157" t="str">
            <v>REG1</v>
          </cell>
          <cell r="F1157" t="str">
            <v>Notification procedures</v>
          </cell>
          <cell r="G1157">
            <v>2008</v>
          </cell>
          <cell r="H1157">
            <v>2008</v>
          </cell>
          <cell r="I115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1157">
            <v>1.5</v>
          </cell>
          <cell r="M1157">
            <v>3</v>
          </cell>
        </row>
        <row r="1158">
          <cell r="A1158" t="str">
            <v>KORREG22008</v>
          </cell>
          <cell r="B1158" t="str">
            <v>KOR</v>
          </cell>
          <cell r="C1158" t="str">
            <v>Korea</v>
          </cell>
          <cell r="D1158" t="str">
            <v>Item 2</v>
          </cell>
          <cell r="E1158" t="str">
            <v>REG2</v>
          </cell>
          <cell r="F1158" t="str">
            <v>Delay before notice can start</v>
          </cell>
          <cell r="G1158">
            <v>2008</v>
          </cell>
          <cell r="H1158">
            <v>2008</v>
          </cell>
          <cell r="I115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1158">
            <v>20</v>
          </cell>
          <cell r="M1158">
            <v>3</v>
          </cell>
        </row>
        <row r="1159">
          <cell r="A1159" t="str">
            <v>KORREG32008</v>
          </cell>
          <cell r="B1159" t="str">
            <v>KOR</v>
          </cell>
          <cell r="C1159" t="str">
            <v>Korea</v>
          </cell>
          <cell r="D1159" t="str">
            <v>Item 3</v>
          </cell>
          <cell r="E1159" t="str">
            <v>REG3A, REG3B, REG3C</v>
          </cell>
          <cell r="F1159" t="str">
            <v>Notice / tenure</v>
          </cell>
          <cell r="G1159">
            <v>2008</v>
          </cell>
          <cell r="H1159">
            <v>2008</v>
          </cell>
          <cell r="I115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1159">
            <v>1</v>
          </cell>
          <cell r="K1159">
            <v>1</v>
          </cell>
          <cell r="L1159">
            <v>1</v>
          </cell>
          <cell r="M1159">
            <v>3</v>
          </cell>
          <cell r="N1159">
            <v>2</v>
          </cell>
          <cell r="O1159">
            <v>1</v>
          </cell>
        </row>
        <row r="1160">
          <cell r="A1160" t="str">
            <v>KORREG42008</v>
          </cell>
          <cell r="B1160" t="str">
            <v>KOR</v>
          </cell>
          <cell r="C1160" t="str">
            <v>Korea</v>
          </cell>
          <cell r="D1160" t="str">
            <v>Item 4</v>
          </cell>
          <cell r="E1160" t="str">
            <v>REG4A, REG4B, REG4C</v>
          </cell>
          <cell r="F1160" t="str">
            <v>Severance pay / tenure</v>
          </cell>
          <cell r="G1160">
            <v>2008</v>
          </cell>
          <cell r="H1160">
            <v>2008</v>
          </cell>
          <cell r="I1160" t="str">
            <v xml:space="preserve">There is no severance pay. All firms are required to pay at least 30 days pay per year of service regardless of the reason for separation (i.e. voluntary quit or involuntary dismissal) to those with at least one year of tenure. </v>
          </cell>
          <cell r="J1160">
            <v>0</v>
          </cell>
          <cell r="K1160">
            <v>0</v>
          </cell>
          <cell r="L1160">
            <v>0</v>
          </cell>
          <cell r="M1160">
            <v>0</v>
          </cell>
          <cell r="N1160">
            <v>0</v>
          </cell>
          <cell r="O1160">
            <v>0</v>
          </cell>
        </row>
        <row r="1161">
          <cell r="A1161" t="str">
            <v>KORREG52008</v>
          </cell>
          <cell r="B1161" t="str">
            <v>KOR</v>
          </cell>
          <cell r="C1161" t="str">
            <v>Korea</v>
          </cell>
          <cell r="D1161" t="str">
            <v>Item 5</v>
          </cell>
          <cell r="E1161" t="str">
            <v>REG5</v>
          </cell>
          <cell r="F1161" t="str">
            <v>Definition of justified or unfair dismissal</v>
          </cell>
          <cell r="G1161">
            <v>2008</v>
          </cell>
          <cell r="H1161">
            <v>2008</v>
          </cell>
          <cell r="I116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1161">
            <v>1</v>
          </cell>
          <cell r="M1161">
            <v>2</v>
          </cell>
        </row>
        <row r="1162">
          <cell r="A1162" t="str">
            <v>KORREG62008</v>
          </cell>
          <cell r="B1162" t="str">
            <v>KOR</v>
          </cell>
          <cell r="C1162" t="str">
            <v>Korea</v>
          </cell>
          <cell r="D1162" t="str">
            <v>Item 6</v>
          </cell>
          <cell r="E1162" t="str">
            <v>REG6</v>
          </cell>
          <cell r="F1162" t="str">
            <v>Trial period</v>
          </cell>
          <cell r="G1162">
            <v>2008</v>
          </cell>
          <cell r="H1162">
            <v>2008</v>
          </cell>
          <cell r="I116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1162">
            <v>3</v>
          </cell>
          <cell r="M1162">
            <v>4</v>
          </cell>
        </row>
        <row r="1163">
          <cell r="A1163" t="str">
            <v>KORREG72008</v>
          </cell>
          <cell r="B1163" t="str">
            <v>KOR</v>
          </cell>
          <cell r="C1163" t="str">
            <v>Korea</v>
          </cell>
          <cell r="D1163" t="str">
            <v>Item 7</v>
          </cell>
          <cell r="E1163" t="str">
            <v>REG7</v>
          </cell>
          <cell r="F1163" t="str">
            <v xml:space="preserve">Compensation following unfair dismissal </v>
          </cell>
          <cell r="G1163">
            <v>2008</v>
          </cell>
          <cell r="H1163">
            <v>2008</v>
          </cell>
          <cell r="I116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1163">
            <v>6</v>
          </cell>
          <cell r="M1163">
            <v>1</v>
          </cell>
        </row>
        <row r="1164">
          <cell r="A1164" t="str">
            <v>KORREG82008</v>
          </cell>
          <cell r="B1164" t="str">
            <v>KOR</v>
          </cell>
          <cell r="C1164" t="str">
            <v>Korea</v>
          </cell>
          <cell r="D1164" t="str">
            <v>Item 8</v>
          </cell>
          <cell r="E1164" t="str">
            <v>REG8</v>
          </cell>
          <cell r="F1164" t="str">
            <v>Possibility of reinstatement following unfair dismissal</v>
          </cell>
          <cell r="G1164">
            <v>2008</v>
          </cell>
          <cell r="H1164">
            <v>2008</v>
          </cell>
          <cell r="I116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1164">
            <v>3</v>
          </cell>
          <cell r="M1164">
            <v>6</v>
          </cell>
        </row>
        <row r="1165">
          <cell r="A1165" t="str">
            <v>KORREG92008</v>
          </cell>
          <cell r="B1165" t="str">
            <v>KOR</v>
          </cell>
          <cell r="C1165" t="str">
            <v>Korea</v>
          </cell>
          <cell r="D1165" t="str">
            <v>Item 9</v>
          </cell>
          <cell r="E1165" t="str">
            <v>REG9</v>
          </cell>
          <cell r="F1165" t="str">
            <v>Maximum time for claim</v>
          </cell>
          <cell r="G1165">
            <v>2008</v>
          </cell>
          <cell r="H1165">
            <v>2008</v>
          </cell>
          <cell r="I116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1165">
            <v>3</v>
          </cell>
          <cell r="M1165">
            <v>2</v>
          </cell>
        </row>
        <row r="1166">
          <cell r="A1166" t="str">
            <v>KORFTC12008</v>
          </cell>
          <cell r="B1166" t="str">
            <v>KOR</v>
          </cell>
          <cell r="C1166" t="str">
            <v>Korea</v>
          </cell>
          <cell r="D1166" t="str">
            <v>Item 10</v>
          </cell>
          <cell r="E1166" t="str">
            <v>FTC1</v>
          </cell>
          <cell r="F1166" t="str">
            <v>Valid cases for use of fixed-term contracts, other than  “objective”  or “material” situation</v>
          </cell>
          <cell r="G1166">
            <v>2008</v>
          </cell>
          <cell r="H1166">
            <v>2008</v>
          </cell>
          <cell r="I1166" t="str">
            <v xml:space="preserve">Fixed term contracts do not require objective situations or reasons (no restrictions). 
</v>
          </cell>
          <cell r="J1166">
            <v>3</v>
          </cell>
          <cell r="M1166">
            <v>0</v>
          </cell>
        </row>
        <row r="1167">
          <cell r="A1167" t="str">
            <v>KORFTC22008</v>
          </cell>
          <cell r="B1167" t="str">
            <v>KOR</v>
          </cell>
          <cell r="C1167" t="str">
            <v>Korea</v>
          </cell>
          <cell r="D1167" t="str">
            <v>Item 11</v>
          </cell>
          <cell r="E1167" t="str">
            <v>FTC2</v>
          </cell>
          <cell r="F1167" t="str">
            <v>Maximum number of successive fixed-term contracts</v>
          </cell>
          <cell r="G1167">
            <v>2008</v>
          </cell>
          <cell r="H1167">
            <v>2008</v>
          </cell>
          <cell r="I1167" t="str">
            <v>The number of renewals is not limited within the 2-year limit for fixed term contracts.</v>
          </cell>
          <cell r="J1167">
            <v>100</v>
          </cell>
          <cell r="M1167">
            <v>0</v>
          </cell>
        </row>
        <row r="1168">
          <cell r="A1168" t="str">
            <v>KORFTC32008</v>
          </cell>
          <cell r="B1168" t="str">
            <v>KOR</v>
          </cell>
          <cell r="C1168" t="str">
            <v>Korea</v>
          </cell>
          <cell r="D1168" t="str">
            <v>Item 12</v>
          </cell>
          <cell r="E1168" t="str">
            <v>FTC3</v>
          </cell>
          <cell r="F1168" t="str">
            <v>Maximum cumulated duration of successive fixed-term contracts</v>
          </cell>
          <cell r="G1168">
            <v>2008</v>
          </cell>
          <cell r="H1168">
            <v>2008</v>
          </cell>
          <cell r="I116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1168">
            <v>24</v>
          </cell>
          <cell r="M1168">
            <v>3</v>
          </cell>
        </row>
        <row r="1169">
          <cell r="A1169" t="str">
            <v>KORTWA12008</v>
          </cell>
          <cell r="B1169" t="str">
            <v>KOR</v>
          </cell>
          <cell r="C1169" t="str">
            <v>Korea</v>
          </cell>
          <cell r="D1169" t="str">
            <v>Item 13</v>
          </cell>
          <cell r="E1169" t="str">
            <v>TWA1</v>
          </cell>
          <cell r="F1169" t="str">
            <v>Types of work for which TWA employment is legal</v>
          </cell>
          <cell r="G1169">
            <v>2008</v>
          </cell>
          <cell r="H1169">
            <v>2008</v>
          </cell>
          <cell r="I116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1169">
            <v>2</v>
          </cell>
          <cell r="M1169">
            <v>3</v>
          </cell>
        </row>
        <row r="1170">
          <cell r="A1170" t="str">
            <v>KORTWA22008</v>
          </cell>
          <cell r="B1170" t="str">
            <v>KOR</v>
          </cell>
          <cell r="C1170" t="str">
            <v>Korea</v>
          </cell>
          <cell r="D1170" t="str">
            <v>Item 14</v>
          </cell>
          <cell r="E1170" t="str">
            <v>TWA2A, TWA2B</v>
          </cell>
          <cell r="F1170" t="str">
            <v>Are there any restrictions on the number of renewals of a TWA contract?</v>
          </cell>
          <cell r="G1170">
            <v>2008</v>
          </cell>
          <cell r="H1170">
            <v>2008</v>
          </cell>
          <cell r="I117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1170" t="str">
            <v>Yes</v>
          </cell>
          <cell r="K1170" t="str">
            <v>No</v>
          </cell>
          <cell r="M1170">
            <v>4</v>
          </cell>
          <cell r="N1170">
            <v>2</v>
          </cell>
        </row>
        <row r="1171">
          <cell r="A1171" t="str">
            <v>KORTWA32008</v>
          </cell>
          <cell r="B1171" t="str">
            <v>KOR</v>
          </cell>
          <cell r="C1171" t="str">
            <v>Korea</v>
          </cell>
          <cell r="D1171" t="str">
            <v>Item 15</v>
          </cell>
          <cell r="E1171" t="str">
            <v>TWA3A, TWA3B</v>
          </cell>
          <cell r="F1171" t="str">
            <v>Maximum cumulated duration of temporary work contracts</v>
          </cell>
          <cell r="G1171">
            <v>2008</v>
          </cell>
          <cell r="H1171">
            <v>2008</v>
          </cell>
          <cell r="I117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1171">
            <v>15</v>
          </cell>
          <cell r="K1171">
            <v>100</v>
          </cell>
          <cell r="M1171">
            <v>4</v>
          </cell>
          <cell r="N1171">
            <v>0</v>
          </cell>
        </row>
        <row r="1172">
          <cell r="A1172" t="str">
            <v>KORTWA42008</v>
          </cell>
          <cell r="B1172" t="str">
            <v>KOR</v>
          </cell>
          <cell r="C1172" t="str">
            <v>Korea</v>
          </cell>
          <cell r="D1172" t="str">
            <v>Item 16</v>
          </cell>
          <cell r="E1172" t="str">
            <v>TWA4</v>
          </cell>
          <cell r="F1172" t="str">
            <v>Authorisation and reporting obligations</v>
          </cell>
          <cell r="G1172">
            <v>2008</v>
          </cell>
          <cell r="H1172">
            <v>2008</v>
          </cell>
          <cell r="I117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1172">
            <v>3</v>
          </cell>
          <cell r="M1172">
            <v>6</v>
          </cell>
        </row>
        <row r="1173">
          <cell r="A1173" t="str">
            <v>KORTWA52008</v>
          </cell>
          <cell r="B1173" t="str">
            <v>KOR</v>
          </cell>
          <cell r="C1173" t="str">
            <v>Korea</v>
          </cell>
          <cell r="D1173" t="str">
            <v>Item 17</v>
          </cell>
          <cell r="E1173" t="str">
            <v>TWA5</v>
          </cell>
          <cell r="F1173" t="str">
            <v>Equal treatment for TWA workers</v>
          </cell>
          <cell r="G1173">
            <v>2008</v>
          </cell>
          <cell r="H1173">
            <v>2008</v>
          </cell>
          <cell r="I117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1173">
            <v>2</v>
          </cell>
          <cell r="M1173">
            <v>6</v>
          </cell>
        </row>
        <row r="1174">
          <cell r="A1174" t="str">
            <v>KORCD12008</v>
          </cell>
          <cell r="B1174" t="str">
            <v>KOR</v>
          </cell>
          <cell r="C1174" t="str">
            <v>Korea</v>
          </cell>
          <cell r="D1174" t="str">
            <v>Item 18</v>
          </cell>
          <cell r="E1174" t="str">
            <v>CD1</v>
          </cell>
          <cell r="F1174" t="str">
            <v>Definition of collective dismissal</v>
          </cell>
          <cell r="G1174">
            <v>2008</v>
          </cell>
          <cell r="H1174">
            <v>2008</v>
          </cell>
          <cell r="I117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1174">
            <v>3</v>
          </cell>
          <cell r="M1174">
            <v>4.5</v>
          </cell>
        </row>
        <row r="1175">
          <cell r="A1175" t="str">
            <v>KORCD22008</v>
          </cell>
          <cell r="B1175" t="str">
            <v>KOR</v>
          </cell>
          <cell r="C1175" t="str">
            <v>Korea</v>
          </cell>
          <cell r="D1175" t="str">
            <v>Item 19</v>
          </cell>
          <cell r="E1175" t="str">
            <v>CD2</v>
          </cell>
          <cell r="F1175" t="str">
            <v>Additional notification requirements in case of collective dismissals</v>
          </cell>
          <cell r="G1175">
            <v>2008</v>
          </cell>
          <cell r="H1175">
            <v>2008</v>
          </cell>
          <cell r="I1175" t="str">
            <v xml:space="preserve">Notification to Ministry of Labor and Employment 30 days before the dismissal is necessary when dismissing a certain number of employees or more. </v>
          </cell>
          <cell r="J1175">
            <v>1</v>
          </cell>
          <cell r="M1175">
            <v>3</v>
          </cell>
        </row>
        <row r="1176">
          <cell r="A1176" t="str">
            <v>KORCD32008</v>
          </cell>
          <cell r="B1176" t="str">
            <v>KOR</v>
          </cell>
          <cell r="C1176" t="str">
            <v>Korea</v>
          </cell>
          <cell r="D1176" t="str">
            <v>Item 20</v>
          </cell>
          <cell r="E1176" t="str">
            <v>CD3</v>
          </cell>
          <cell r="F1176" t="str">
            <v>Additional delays involved in case of collective dismissals</v>
          </cell>
          <cell r="G1176">
            <v>2008</v>
          </cell>
          <cell r="H1176">
            <v>2008</v>
          </cell>
          <cell r="I117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1176">
            <v>0</v>
          </cell>
          <cell r="M1176">
            <v>0</v>
          </cell>
        </row>
        <row r="1177">
          <cell r="A1177" t="str">
            <v>KORCD42008</v>
          </cell>
          <cell r="B1177" t="str">
            <v>KOR</v>
          </cell>
          <cell r="C1177" t="str">
            <v>Korea</v>
          </cell>
          <cell r="D1177" t="str">
            <v>Item 21</v>
          </cell>
          <cell r="E1177" t="str">
            <v>CD4</v>
          </cell>
          <cell r="F1177" t="str">
            <v>Other special costs to employers in case of collective dismissals</v>
          </cell>
          <cell r="G1177">
            <v>2008</v>
          </cell>
          <cell r="H1177">
            <v>2008</v>
          </cell>
          <cell r="I117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1177">
            <v>0</v>
          </cell>
          <cell r="M1177">
            <v>0</v>
          </cell>
        </row>
        <row r="1178">
          <cell r="A1178" t="str">
            <v>MEXREG12008</v>
          </cell>
          <cell r="B1178" t="str">
            <v>MEX</v>
          </cell>
          <cell r="C1178" t="str">
            <v>Mexico</v>
          </cell>
          <cell r="D1178" t="str">
            <v>Item 1</v>
          </cell>
          <cell r="E1178" t="str">
            <v>REG1</v>
          </cell>
          <cell r="F1178" t="str">
            <v>Notification procedures</v>
          </cell>
          <cell r="G1178">
            <v>2008</v>
          </cell>
          <cell r="H1178">
            <v>2008</v>
          </cell>
          <cell r="I1178" t="str">
            <v>The employer shall serve on the employee written notice indicating the date of termination of his contract and the reason or reasons there for. If the employee refuses to receive it, The employer shall, within five days following the date of the rescission, inform the respective Board providing it with the address it has registered and requesting notification to the employee. (Art. 47 Federal Labour Law, FLL hereafter).</v>
          </cell>
          <cell r="J1178">
            <v>1</v>
          </cell>
          <cell r="M1178">
            <v>2</v>
          </cell>
        </row>
        <row r="1179">
          <cell r="A1179" t="str">
            <v>MEXREG22008</v>
          </cell>
          <cell r="B1179" t="str">
            <v>MEX</v>
          </cell>
          <cell r="C1179" t="str">
            <v>Mexico</v>
          </cell>
          <cell r="D1179" t="str">
            <v>Item 2</v>
          </cell>
          <cell r="E1179" t="str">
            <v>REG2</v>
          </cell>
          <cell r="F1179" t="str">
            <v>Delay before notice can start</v>
          </cell>
          <cell r="G1179">
            <v>2008</v>
          </cell>
          <cell r="H1179">
            <v>2008</v>
          </cell>
          <cell r="I1179" t="str">
            <v>The notice must be communicated to the employee.</v>
          </cell>
          <cell r="J1179">
            <v>1</v>
          </cell>
          <cell r="M1179">
            <v>0</v>
          </cell>
        </row>
        <row r="1180">
          <cell r="A1180" t="str">
            <v>MEXREG32008</v>
          </cell>
          <cell r="B1180" t="str">
            <v>MEX</v>
          </cell>
          <cell r="C1180" t="str">
            <v>Mexico</v>
          </cell>
          <cell r="D1180" t="str">
            <v>Item 3</v>
          </cell>
          <cell r="E1180" t="str">
            <v>REG3A, REG3B, REG3C</v>
          </cell>
          <cell r="F1180" t="str">
            <v>Notice / tenure</v>
          </cell>
          <cell r="G1180">
            <v>2008</v>
          </cell>
          <cell r="H1180">
            <v>2008</v>
          </cell>
          <cell r="I1180" t="str">
            <v>All workers: No minimum notice period.</v>
          </cell>
          <cell r="J1180">
            <v>0</v>
          </cell>
          <cell r="K1180">
            <v>0</v>
          </cell>
          <cell r="L1180">
            <v>0</v>
          </cell>
          <cell r="M1180">
            <v>0</v>
          </cell>
          <cell r="N1180">
            <v>0</v>
          </cell>
          <cell r="O1180">
            <v>0</v>
          </cell>
        </row>
        <row r="1181">
          <cell r="A1181" t="str">
            <v>MEXREG42008</v>
          </cell>
          <cell r="B1181" t="str">
            <v>MEX</v>
          </cell>
          <cell r="C1181" t="str">
            <v>Mexico</v>
          </cell>
          <cell r="D1181" t="str">
            <v>Item 4</v>
          </cell>
          <cell r="E1181" t="str">
            <v>REG4A, REG4B, REG4C</v>
          </cell>
          <cell r="F1181" t="str">
            <v>Severance pay / tenure</v>
          </cell>
          <cell r="G1181">
            <v>2008</v>
          </cell>
          <cell r="H1181">
            <v>2008</v>
          </cell>
          <cell r="I1181"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1181">
            <v>1</v>
          </cell>
          <cell r="K1181">
            <v>2.6</v>
          </cell>
          <cell r="L1181">
            <v>1</v>
          </cell>
          <cell r="M1181">
            <v>2</v>
          </cell>
          <cell r="N1181">
            <v>4</v>
          </cell>
          <cell r="O1181">
            <v>1</v>
          </cell>
        </row>
        <row r="1182">
          <cell r="A1182" t="str">
            <v>MEXREG52008</v>
          </cell>
          <cell r="B1182" t="str">
            <v>MEX</v>
          </cell>
          <cell r="C1182" t="str">
            <v>Mexico</v>
          </cell>
          <cell r="D1182" t="str">
            <v>Item 5</v>
          </cell>
          <cell r="E1182" t="str">
            <v>REG5</v>
          </cell>
          <cell r="F1182" t="str">
            <v>Definition of justified or unfair dismissal</v>
          </cell>
          <cell r="G1182">
            <v>2008</v>
          </cell>
          <cell r="H1182">
            <v>2008</v>
          </cell>
          <cell r="I1182"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1182">
            <v>2.5</v>
          </cell>
          <cell r="M1182">
            <v>5</v>
          </cell>
        </row>
        <row r="1183">
          <cell r="A1183" t="str">
            <v>MEXREG62008</v>
          </cell>
          <cell r="B1183" t="str">
            <v>MEX</v>
          </cell>
          <cell r="C1183" t="str">
            <v>Mexico</v>
          </cell>
          <cell r="D1183" t="str">
            <v>Item 6</v>
          </cell>
          <cell r="E1183" t="str">
            <v>REG6</v>
          </cell>
          <cell r="F1183" t="str">
            <v>Trial period</v>
          </cell>
          <cell r="G1183">
            <v>2008</v>
          </cell>
          <cell r="H1183">
            <v>2008</v>
          </cell>
          <cell r="I1183" t="str">
            <v>No trial period in legislation.</v>
          </cell>
          <cell r="J1183">
            <v>0</v>
          </cell>
          <cell r="M1183">
            <v>6</v>
          </cell>
        </row>
        <row r="1184">
          <cell r="A1184" t="str">
            <v>MEXREG72008</v>
          </cell>
          <cell r="B1184" t="str">
            <v>MEX</v>
          </cell>
          <cell r="C1184" t="str">
            <v>Mexico</v>
          </cell>
          <cell r="D1184" t="str">
            <v>Item 7</v>
          </cell>
          <cell r="E1184" t="str">
            <v>REG7</v>
          </cell>
          <cell r="F1184" t="str">
            <v xml:space="preserve">Compensation following unfair dismissal </v>
          </cell>
          <cell r="G1184">
            <v>2008</v>
          </cell>
          <cell r="H1184">
            <v>2008</v>
          </cell>
          <cell r="I1184"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1184">
            <v>15</v>
          </cell>
          <cell r="M1184">
            <v>3</v>
          </cell>
        </row>
        <row r="1185">
          <cell r="A1185" t="str">
            <v>MEXREG82008</v>
          </cell>
          <cell r="B1185" t="str">
            <v>MEX</v>
          </cell>
          <cell r="C1185" t="str">
            <v>Mexico</v>
          </cell>
          <cell r="D1185" t="str">
            <v>Item 8</v>
          </cell>
          <cell r="E1185" t="str">
            <v>REG8</v>
          </cell>
          <cell r="F1185" t="str">
            <v>Possibility of reinstatement following unfair dismissal</v>
          </cell>
          <cell r="G1185">
            <v>2008</v>
          </cell>
          <cell r="H1185">
            <v>2008</v>
          </cell>
          <cell r="I1185"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1185">
            <v>1.5</v>
          </cell>
          <cell r="M1185">
            <v>3</v>
          </cell>
        </row>
        <row r="1186">
          <cell r="A1186" t="str">
            <v>MEXREG92008</v>
          </cell>
          <cell r="B1186" t="str">
            <v>MEX</v>
          </cell>
          <cell r="C1186" t="str">
            <v>Mexico</v>
          </cell>
          <cell r="D1186" t="str">
            <v>Item 9</v>
          </cell>
          <cell r="E1186" t="str">
            <v>REG9</v>
          </cell>
          <cell r="F1186" t="str">
            <v>Maximum time for claim</v>
          </cell>
          <cell r="G1186">
            <v>2008</v>
          </cell>
          <cell r="H1186">
            <v>2008</v>
          </cell>
          <cell r="I1186"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1186">
            <v>2</v>
          </cell>
          <cell r="M1186">
            <v>2</v>
          </cell>
        </row>
        <row r="1187">
          <cell r="A1187" t="str">
            <v>MEXFTC12008</v>
          </cell>
          <cell r="B1187" t="str">
            <v>MEX</v>
          </cell>
          <cell r="C1187" t="str">
            <v>Mexico</v>
          </cell>
          <cell r="D1187" t="str">
            <v>Item 10</v>
          </cell>
          <cell r="E1187" t="str">
            <v>FTC1</v>
          </cell>
          <cell r="F1187" t="str">
            <v>Valid cases for use of fixed-term contracts, other than  “objective”  or “material” situation</v>
          </cell>
          <cell r="G1187">
            <v>2008</v>
          </cell>
          <cell r="H1187">
            <v>2008</v>
          </cell>
          <cell r="I1187" t="str">
            <v>Restricted to objective situations (replacement, temporary increase in workload, work on a project that is itself of a fixed-term nature, etc.), with the exception of a few occupations.  Extent of use determined in consultation with union delegates.</v>
          </cell>
          <cell r="J1187">
            <v>0.5</v>
          </cell>
          <cell r="M1187">
            <v>5</v>
          </cell>
        </row>
        <row r="1188">
          <cell r="A1188" t="str">
            <v>MEXFTC22008</v>
          </cell>
          <cell r="B1188" t="str">
            <v>MEX</v>
          </cell>
          <cell r="C1188" t="str">
            <v>Mexico</v>
          </cell>
          <cell r="D1188" t="str">
            <v>Item 11</v>
          </cell>
          <cell r="E1188" t="str">
            <v>FTC2</v>
          </cell>
          <cell r="F1188" t="str">
            <v>Maximum number of successive fixed-term contracts</v>
          </cell>
          <cell r="G1188">
            <v>2008</v>
          </cell>
          <cell r="H1188">
            <v>2008</v>
          </cell>
          <cell r="I1188" t="str">
            <v xml:space="preserve">No limit specified, negotiable by both parties. </v>
          </cell>
          <cell r="J1188">
            <v>100</v>
          </cell>
          <cell r="M1188">
            <v>0</v>
          </cell>
        </row>
        <row r="1189">
          <cell r="A1189" t="str">
            <v>MEXFTC32008</v>
          </cell>
          <cell r="B1189" t="str">
            <v>MEX</v>
          </cell>
          <cell r="C1189" t="str">
            <v>Mexico</v>
          </cell>
          <cell r="D1189" t="str">
            <v>Item 12</v>
          </cell>
          <cell r="E1189" t="str">
            <v>FTC3</v>
          </cell>
          <cell r="F1189" t="str">
            <v>Maximum cumulated duration of successive fixed-term contracts</v>
          </cell>
          <cell r="G1189">
            <v>2008</v>
          </cell>
          <cell r="H1189">
            <v>2008</v>
          </cell>
          <cell r="I1189" t="str">
            <v>No limit specified, negotiable by both parties. If the fixed term contract is to perform work of a fixed-term nature, the contract will extend as long as the work extends.</v>
          </cell>
          <cell r="J1189">
            <v>200</v>
          </cell>
          <cell r="M1189">
            <v>0</v>
          </cell>
        </row>
        <row r="1190">
          <cell r="A1190" t="str">
            <v>MEXTWA12008</v>
          </cell>
          <cell r="B1190" t="str">
            <v>MEX</v>
          </cell>
          <cell r="C1190" t="str">
            <v>Mexico</v>
          </cell>
          <cell r="D1190" t="str">
            <v>Item 13</v>
          </cell>
          <cell r="E1190" t="str">
            <v>TWA1</v>
          </cell>
          <cell r="F1190" t="str">
            <v>Types of work for which TWA employment is legal</v>
          </cell>
          <cell r="G1190">
            <v>2008</v>
          </cell>
          <cell r="H1190">
            <v>2008</v>
          </cell>
          <cell r="I1190" t="str">
            <v>TWAs are illegal</v>
          </cell>
          <cell r="J1190">
            <v>0</v>
          </cell>
          <cell r="M1190">
            <v>6</v>
          </cell>
        </row>
        <row r="1191">
          <cell r="A1191" t="str">
            <v>MEXTWA22008</v>
          </cell>
          <cell r="B1191" t="str">
            <v>MEX</v>
          </cell>
          <cell r="C1191" t="str">
            <v>Mexico</v>
          </cell>
          <cell r="D1191" t="str">
            <v>Item 14</v>
          </cell>
          <cell r="E1191" t="str">
            <v>TWA2A, TWA2B</v>
          </cell>
          <cell r="F1191" t="str">
            <v>Are there any restrictions on the number of renewals of a TWA contract?</v>
          </cell>
          <cell r="G1191">
            <v>2008</v>
          </cell>
          <cell r="H1191">
            <v>2008</v>
          </cell>
          <cell r="I1191" t="str">
            <v>Non applicable</v>
          </cell>
          <cell r="J1191" t="str">
            <v>-</v>
          </cell>
          <cell r="K1191" t="str">
            <v>-</v>
          </cell>
          <cell r="M1191">
            <v>4</v>
          </cell>
          <cell r="N1191">
            <v>4</v>
          </cell>
        </row>
        <row r="1192">
          <cell r="A1192" t="str">
            <v>MEXTWA32008</v>
          </cell>
          <cell r="B1192" t="str">
            <v>MEX</v>
          </cell>
          <cell r="C1192" t="str">
            <v>Mexico</v>
          </cell>
          <cell r="D1192" t="str">
            <v>Item 15</v>
          </cell>
          <cell r="E1192" t="str">
            <v>TWA3A, TWA3B</v>
          </cell>
          <cell r="F1192" t="str">
            <v>Maximum cumulated duration of temporary work contracts</v>
          </cell>
          <cell r="G1192">
            <v>2008</v>
          </cell>
          <cell r="H1192">
            <v>2008</v>
          </cell>
          <cell r="I1192" t="str">
            <v>Not applicable</v>
          </cell>
          <cell r="J1192">
            <v>6</v>
          </cell>
          <cell r="K1192">
            <v>6</v>
          </cell>
          <cell r="M1192">
            <v>6</v>
          </cell>
          <cell r="N1192">
            <v>6</v>
          </cell>
        </row>
        <row r="1193">
          <cell r="A1193" t="str">
            <v>MEXTWA42008</v>
          </cell>
          <cell r="B1193" t="str">
            <v>MEX</v>
          </cell>
          <cell r="C1193" t="str">
            <v>Mexico</v>
          </cell>
          <cell r="D1193" t="str">
            <v>Item 16</v>
          </cell>
          <cell r="E1193" t="str">
            <v>TWA4</v>
          </cell>
          <cell r="F1193" t="str">
            <v>Authorisation and reporting obligations</v>
          </cell>
          <cell r="G1193">
            <v>2008</v>
          </cell>
          <cell r="H1193">
            <v>2008</v>
          </cell>
          <cell r="I1193" t="str">
            <v>Not applicable</v>
          </cell>
          <cell r="J1193" t="str">
            <v>-</v>
          </cell>
          <cell r="M1193">
            <v>6</v>
          </cell>
        </row>
        <row r="1194">
          <cell r="A1194" t="str">
            <v>MEXTWA52008</v>
          </cell>
          <cell r="B1194" t="str">
            <v>MEX</v>
          </cell>
          <cell r="C1194" t="str">
            <v>Mexico</v>
          </cell>
          <cell r="D1194" t="str">
            <v>Item 17</v>
          </cell>
          <cell r="E1194" t="str">
            <v>TWA5</v>
          </cell>
          <cell r="F1194" t="str">
            <v>Equal treatment for TWA workers</v>
          </cell>
          <cell r="G1194">
            <v>2008</v>
          </cell>
          <cell r="H1194">
            <v>2008</v>
          </cell>
          <cell r="I1194" t="str">
            <v>Not applicable</v>
          </cell>
          <cell r="J1194" t="str">
            <v>-</v>
          </cell>
          <cell r="M1194">
            <v>6</v>
          </cell>
        </row>
        <row r="1195">
          <cell r="A1195" t="str">
            <v>MEXCD12008</v>
          </cell>
          <cell r="B1195" t="str">
            <v>MEX</v>
          </cell>
          <cell r="C1195" t="str">
            <v>Mexico</v>
          </cell>
          <cell r="D1195" t="str">
            <v>Item 18</v>
          </cell>
          <cell r="E1195" t="str">
            <v>CD1</v>
          </cell>
          <cell r="F1195" t="str">
            <v>Definition of collective dismissal</v>
          </cell>
          <cell r="G1195">
            <v>2008</v>
          </cell>
          <cell r="H1195">
            <v>2008</v>
          </cell>
          <cell r="I1195"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1195">
            <v>4</v>
          </cell>
          <cell r="M1195">
            <v>6</v>
          </cell>
        </row>
        <row r="1196">
          <cell r="A1196" t="str">
            <v>MEXCD22008</v>
          </cell>
          <cell r="B1196" t="str">
            <v>MEX</v>
          </cell>
          <cell r="C1196" t="str">
            <v>Mexico</v>
          </cell>
          <cell r="D1196" t="str">
            <v>Item 19</v>
          </cell>
          <cell r="E1196" t="str">
            <v>CD2</v>
          </cell>
          <cell r="F1196" t="str">
            <v>Additional notification requirements in case of collective dismissals</v>
          </cell>
          <cell r="G1196">
            <v>2008</v>
          </cell>
          <cell r="H1196">
            <v>2008</v>
          </cell>
          <cell r="I1196" t="str">
            <v>Notification of employee representatives: Duty to inform and consult with trade union/employee representatives. Notification of public authorities: Notification to Conciliation and Arbitration Board if no agreement with union can be found.</v>
          </cell>
          <cell r="J1196">
            <v>2</v>
          </cell>
          <cell r="M1196">
            <v>6</v>
          </cell>
        </row>
        <row r="1197">
          <cell r="A1197" t="str">
            <v>MEXCD32008</v>
          </cell>
          <cell r="B1197" t="str">
            <v>MEX</v>
          </cell>
          <cell r="C1197" t="str">
            <v>Mexico</v>
          </cell>
          <cell r="D1197" t="str">
            <v>Item 20</v>
          </cell>
          <cell r="E1197" t="str">
            <v>CD3</v>
          </cell>
          <cell r="F1197" t="str">
            <v>Additional delays involved in case of collective dismissals</v>
          </cell>
          <cell r="G1197">
            <v>2008</v>
          </cell>
          <cell r="H1197">
            <v>2008</v>
          </cell>
          <cell r="I1197"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1197">
            <v>14</v>
          </cell>
          <cell r="M1197">
            <v>1</v>
          </cell>
        </row>
        <row r="1198">
          <cell r="A1198" t="str">
            <v>MEXCD42008</v>
          </cell>
          <cell r="B1198" t="str">
            <v>MEX</v>
          </cell>
          <cell r="C1198" t="str">
            <v>Mexico</v>
          </cell>
          <cell r="D1198" t="str">
            <v>Item 21</v>
          </cell>
          <cell r="E1198" t="str">
            <v>CD4</v>
          </cell>
          <cell r="F1198" t="str">
            <v>Other special costs to employers in case of collective dismissals</v>
          </cell>
          <cell r="G1198">
            <v>2008</v>
          </cell>
          <cell r="H1198">
            <v>2008</v>
          </cell>
          <cell r="I1198"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1198">
            <v>1.5</v>
          </cell>
          <cell r="M1198">
            <v>4.5</v>
          </cell>
        </row>
        <row r="1199">
          <cell r="A1199" t="str">
            <v>NLDREG12008</v>
          </cell>
          <cell r="B1199" t="str">
            <v>NLD</v>
          </cell>
          <cell r="C1199" t="str">
            <v>Netherlands</v>
          </cell>
          <cell r="D1199" t="str">
            <v>Item 1</v>
          </cell>
          <cell r="E1199" t="str">
            <v>REG1</v>
          </cell>
          <cell r="F1199" t="str">
            <v>Notification procedures</v>
          </cell>
          <cell r="G1199">
            <v>2008</v>
          </cell>
          <cell r="H1199">
            <v>2008</v>
          </cell>
          <cell r="I1199"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199">
            <v>2.5</v>
          </cell>
          <cell r="M1199">
            <v>5</v>
          </cell>
        </row>
        <row r="1200">
          <cell r="A1200" t="str">
            <v>NLDREG22008</v>
          </cell>
          <cell r="B1200" t="str">
            <v>NLD</v>
          </cell>
          <cell r="C1200" t="str">
            <v>Netherlands</v>
          </cell>
          <cell r="D1200" t="str">
            <v>Item 2</v>
          </cell>
          <cell r="E1200" t="str">
            <v>REG2</v>
          </cell>
          <cell r="F1200" t="str">
            <v>Delay before notice can start</v>
          </cell>
          <cell r="G1200">
            <v>2008</v>
          </cell>
          <cell r="H1200">
            <v>2008</v>
          </cell>
          <cell r="I1200" t="str">
            <v>Termination via PES: Authorisation procedure normally takes 4 6 weeks. 
Termination via courts: The delay in cases which proceed to court varies from 1-30 days. 
Calculation: average of PES (5 weeks on average) and courts (15 days on average).</v>
          </cell>
          <cell r="J1200">
            <v>25</v>
          </cell>
          <cell r="M1200">
            <v>3</v>
          </cell>
        </row>
        <row r="1201">
          <cell r="A1201" t="str">
            <v>NLDREG32008</v>
          </cell>
          <cell r="B1201" t="str">
            <v>NLD</v>
          </cell>
          <cell r="C1201" t="str">
            <v>Netherlands</v>
          </cell>
          <cell r="D1201" t="str">
            <v>Item 3</v>
          </cell>
          <cell r="E1201" t="str">
            <v>REG3A, REG3B, REG3C</v>
          </cell>
          <cell r="F1201" t="str">
            <v>Notice / tenure</v>
          </cell>
          <cell r="G1201">
            <v>2008</v>
          </cell>
          <cell r="H1201">
            <v>2008</v>
          </cell>
          <cell r="I1201"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1201">
            <v>0.5</v>
          </cell>
          <cell r="K1201">
            <v>0.5</v>
          </cell>
          <cell r="L1201">
            <v>1.5</v>
          </cell>
          <cell r="M1201">
            <v>2</v>
          </cell>
          <cell r="N1201">
            <v>1</v>
          </cell>
          <cell r="O1201">
            <v>1</v>
          </cell>
        </row>
        <row r="1202">
          <cell r="A1202" t="str">
            <v>NLDREG42008</v>
          </cell>
          <cell r="B1202" t="str">
            <v>NLD</v>
          </cell>
          <cell r="C1202" t="str">
            <v>Netherlands</v>
          </cell>
          <cell r="D1202" t="str">
            <v>Item 4</v>
          </cell>
          <cell r="E1202" t="str">
            <v>REG4A, REG4B, REG4C</v>
          </cell>
          <cell r="F1202" t="str">
            <v>Severance pay / tenure</v>
          </cell>
          <cell r="G1202">
            <v>2008</v>
          </cell>
          <cell r="H1202">
            <v>2008</v>
          </cell>
          <cell r="I1202"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02">
            <v>0</v>
          </cell>
          <cell r="K1202">
            <v>1.6</v>
          </cell>
          <cell r="L1202">
            <v>12</v>
          </cell>
          <cell r="M1202">
            <v>0</v>
          </cell>
          <cell r="N1202">
            <v>3</v>
          </cell>
          <cell r="O1202">
            <v>4</v>
          </cell>
        </row>
        <row r="1203">
          <cell r="A1203" t="str">
            <v>NLDREG52008</v>
          </cell>
          <cell r="B1203" t="str">
            <v>NLD</v>
          </cell>
          <cell r="C1203" t="str">
            <v>Netherlands</v>
          </cell>
          <cell r="D1203" t="str">
            <v>Item 5</v>
          </cell>
          <cell r="E1203" t="str">
            <v>REG5</v>
          </cell>
          <cell r="F1203" t="str">
            <v>Definition of justified or unfair dismissal</v>
          </cell>
          <cell r="G1203">
            <v>2008</v>
          </cell>
          <cell r="H1203">
            <v>2008</v>
          </cell>
          <cell r="I1203"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J1203">
            <v>1.5</v>
          </cell>
          <cell r="M1203">
            <v>3</v>
          </cell>
        </row>
        <row r="1204">
          <cell r="A1204" t="str">
            <v>NLDREG62008</v>
          </cell>
          <cell r="B1204" t="str">
            <v>NLD</v>
          </cell>
          <cell r="C1204" t="str">
            <v>Netherlands</v>
          </cell>
          <cell r="D1204" t="str">
            <v>Item 6</v>
          </cell>
          <cell r="E1204" t="str">
            <v>REG6</v>
          </cell>
          <cell r="F1204" t="str">
            <v>Trial period</v>
          </cell>
          <cell r="G1204">
            <v>2008</v>
          </cell>
          <cell r="H1204">
            <v>2008</v>
          </cell>
          <cell r="I1204" t="str">
            <v>All workers: 1 month for contract of &lt; 2 years duration; 2 months for contract of &gt;2 years duration.</v>
          </cell>
          <cell r="J1204">
            <v>2</v>
          </cell>
          <cell r="M1204">
            <v>5</v>
          </cell>
        </row>
        <row r="1205">
          <cell r="A1205" t="str">
            <v>NLDREG72008</v>
          </cell>
          <cell r="B1205" t="str">
            <v>NLD</v>
          </cell>
          <cell r="C1205" t="str">
            <v>Netherlands</v>
          </cell>
          <cell r="D1205" t="str">
            <v>Item 7</v>
          </cell>
          <cell r="E1205" t="str">
            <v>REG7</v>
          </cell>
          <cell r="F1205" t="str">
            <v xml:space="preserve">Compensation following unfair dismissal </v>
          </cell>
          <cell r="G1205">
            <v>2008</v>
          </cell>
          <cell r="H1205">
            <v>2008</v>
          </cell>
          <cell r="I1205"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05">
            <v>7</v>
          </cell>
          <cell r="M1205">
            <v>1</v>
          </cell>
        </row>
        <row r="1206">
          <cell r="A1206" t="str">
            <v>NLDREG82008</v>
          </cell>
          <cell r="B1206" t="str">
            <v>NLD</v>
          </cell>
          <cell r="C1206" t="str">
            <v>Netherlands</v>
          </cell>
          <cell r="D1206" t="str">
            <v>Item 8</v>
          </cell>
          <cell r="E1206" t="str">
            <v>REG8</v>
          </cell>
          <cell r="F1206" t="str">
            <v>Possibility of reinstatement following unfair dismissal</v>
          </cell>
          <cell r="G1206">
            <v>2008</v>
          </cell>
          <cell r="H1206">
            <v>2008</v>
          </cell>
          <cell r="I1206" t="str">
            <v>The option of  reinstatement is rarely made available to the employee.</v>
          </cell>
          <cell r="J1206">
            <v>1</v>
          </cell>
          <cell r="M1206">
            <v>2</v>
          </cell>
        </row>
        <row r="1207">
          <cell r="A1207" t="str">
            <v>NLDREG92008</v>
          </cell>
          <cell r="B1207" t="str">
            <v>NLD</v>
          </cell>
          <cell r="C1207" t="str">
            <v>Netherlands</v>
          </cell>
          <cell r="D1207" t="str">
            <v>Item 9</v>
          </cell>
          <cell r="E1207" t="str">
            <v>REG9</v>
          </cell>
          <cell r="F1207" t="str">
            <v>Maximum time for claim</v>
          </cell>
          <cell r="G1207">
            <v>2008</v>
          </cell>
          <cell r="H1207">
            <v>2008</v>
          </cell>
          <cell r="I1207" t="str">
            <v>6 months</v>
          </cell>
          <cell r="J1207">
            <v>6</v>
          </cell>
          <cell r="M1207">
            <v>3</v>
          </cell>
        </row>
        <row r="1208">
          <cell r="A1208" t="str">
            <v>NLDFTC12008</v>
          </cell>
          <cell r="B1208" t="str">
            <v>NLD</v>
          </cell>
          <cell r="C1208" t="str">
            <v>Netherlands</v>
          </cell>
          <cell r="D1208" t="str">
            <v>Item 10</v>
          </cell>
          <cell r="E1208" t="str">
            <v>FTC1</v>
          </cell>
          <cell r="F1208" t="str">
            <v>Valid cases for use of fixed-term contracts, other than  “objective”  or “material” situation</v>
          </cell>
          <cell r="G1208">
            <v>2008</v>
          </cell>
          <cell r="H1208">
            <v>2008</v>
          </cell>
          <cell r="I1208" t="str">
            <v xml:space="preserve">No restrictions. </v>
          </cell>
          <cell r="J1208">
            <v>3</v>
          </cell>
          <cell r="M1208">
            <v>0</v>
          </cell>
        </row>
        <row r="1209">
          <cell r="A1209" t="str">
            <v>NLDFTC22008</v>
          </cell>
          <cell r="B1209" t="str">
            <v>NLD</v>
          </cell>
          <cell r="C1209" t="str">
            <v>Netherlands</v>
          </cell>
          <cell r="D1209" t="str">
            <v>Item 11</v>
          </cell>
          <cell r="E1209" t="str">
            <v>FTC2</v>
          </cell>
          <cell r="F1209" t="str">
            <v>Maximum number of successive fixed-term contracts</v>
          </cell>
          <cell r="G1209">
            <v>2008</v>
          </cell>
          <cell r="H1209">
            <v>2008</v>
          </cell>
          <cell r="I1209"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09">
            <v>3</v>
          </cell>
          <cell r="M1209">
            <v>3</v>
          </cell>
        </row>
        <row r="1210">
          <cell r="A1210" t="str">
            <v>NLDFTC32008</v>
          </cell>
          <cell r="B1210" t="str">
            <v>NLD</v>
          </cell>
          <cell r="C1210" t="str">
            <v>Netherlands</v>
          </cell>
          <cell r="D1210" t="str">
            <v>Item 12</v>
          </cell>
          <cell r="E1210" t="str">
            <v>FTC3</v>
          </cell>
          <cell r="F1210" t="str">
            <v>Maximum cumulated duration of successive fixed-term contracts</v>
          </cell>
          <cell r="G1210">
            <v>2008</v>
          </cell>
          <cell r="H1210">
            <v>2008</v>
          </cell>
          <cell r="I1210" t="str">
            <v xml:space="preserve">No limit for first fixed-term contracts, but 3 years in case of renewals. </v>
          </cell>
          <cell r="J1210">
            <v>36</v>
          </cell>
          <cell r="M1210">
            <v>1</v>
          </cell>
        </row>
        <row r="1211">
          <cell r="A1211" t="str">
            <v>NLDTWA12008</v>
          </cell>
          <cell r="B1211" t="str">
            <v>NLD</v>
          </cell>
          <cell r="C1211" t="str">
            <v>Netherlands</v>
          </cell>
          <cell r="D1211" t="str">
            <v>Item 13</v>
          </cell>
          <cell r="E1211" t="str">
            <v>TWA1</v>
          </cell>
          <cell r="F1211" t="str">
            <v>Types of work for which TWA employment is legal</v>
          </cell>
          <cell r="G1211">
            <v>2008</v>
          </cell>
          <cell r="H1211">
            <v>2008</v>
          </cell>
          <cell r="I1211" t="str">
            <v>General, with the exception of seamen.</v>
          </cell>
          <cell r="J1211">
            <v>3.5</v>
          </cell>
          <cell r="M1211">
            <v>0.75</v>
          </cell>
        </row>
        <row r="1212">
          <cell r="A1212" t="str">
            <v>NLDTWA22008</v>
          </cell>
          <cell r="B1212" t="str">
            <v>NLD</v>
          </cell>
          <cell r="C1212" t="str">
            <v>Netherlands</v>
          </cell>
          <cell r="D1212" t="str">
            <v>Item 14</v>
          </cell>
          <cell r="E1212" t="str">
            <v>TWA2A, TWA2B</v>
          </cell>
          <cell r="F1212" t="str">
            <v>Are there any restrictions on the number of renewals of a TWA contract?</v>
          </cell>
          <cell r="G1212">
            <v>2008</v>
          </cell>
          <cell r="H1212">
            <v>2008</v>
          </cell>
          <cell r="I1212"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12" t="str">
            <v>No</v>
          </cell>
          <cell r="K1212" t="str">
            <v>Yes</v>
          </cell>
          <cell r="M1212">
            <v>2</v>
          </cell>
          <cell r="N1212">
            <v>4</v>
          </cell>
        </row>
        <row r="1213">
          <cell r="A1213" t="str">
            <v>NLDTWA32008</v>
          </cell>
          <cell r="B1213" t="str">
            <v>NLD</v>
          </cell>
          <cell r="C1213" t="str">
            <v>Netherlands</v>
          </cell>
          <cell r="D1213" t="str">
            <v>Item 15</v>
          </cell>
          <cell r="E1213" t="str">
            <v>TWA3A, TWA3B</v>
          </cell>
          <cell r="F1213" t="str">
            <v>Maximum cumulated duration of temporary work contracts</v>
          </cell>
          <cell r="G1213">
            <v>2008</v>
          </cell>
          <cell r="H1213">
            <v>2008</v>
          </cell>
          <cell r="I1213" t="str">
            <v>Unlimited. After 3.5 years of cumulation of TWA-contracts, the last fixed-term contract will be altered into a contract for an indefinite period with the TWA.</v>
          </cell>
          <cell r="J1213">
            <v>100</v>
          </cell>
          <cell r="K1213">
            <v>100</v>
          </cell>
          <cell r="M1213">
            <v>0</v>
          </cell>
          <cell r="N1213">
            <v>0</v>
          </cell>
        </row>
        <row r="1214">
          <cell r="A1214" t="str">
            <v>NLDTWA42008</v>
          </cell>
          <cell r="B1214" t="str">
            <v>NLD</v>
          </cell>
          <cell r="C1214" t="str">
            <v>Netherlands</v>
          </cell>
          <cell r="D1214" t="str">
            <v>Item 16</v>
          </cell>
          <cell r="E1214" t="str">
            <v>TWA4</v>
          </cell>
          <cell r="F1214" t="str">
            <v>Authorisation and reporting obligations</v>
          </cell>
          <cell r="G1214">
            <v>2008</v>
          </cell>
          <cell r="H1214">
            <v>2008</v>
          </cell>
          <cell r="I1214" t="str">
            <v>No</v>
          </cell>
          <cell r="J1214">
            <v>0</v>
          </cell>
          <cell r="M1214">
            <v>0</v>
          </cell>
        </row>
        <row r="1215">
          <cell r="A1215" t="str">
            <v>NLDTWA52008</v>
          </cell>
          <cell r="B1215" t="str">
            <v>NLD</v>
          </cell>
          <cell r="C1215" t="str">
            <v>Netherlands</v>
          </cell>
          <cell r="D1215" t="str">
            <v>Item 17</v>
          </cell>
          <cell r="E1215" t="str">
            <v>TWA5</v>
          </cell>
          <cell r="F1215" t="str">
            <v>Equal treatment for TWA workers</v>
          </cell>
          <cell r="G1215">
            <v>2008</v>
          </cell>
          <cell r="H1215">
            <v>2008</v>
          </cell>
          <cell r="I1215"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15">
            <v>1.5</v>
          </cell>
          <cell r="M1215">
            <v>4.5</v>
          </cell>
        </row>
        <row r="1216">
          <cell r="A1216" t="str">
            <v>NLDCD12008</v>
          </cell>
          <cell r="B1216" t="str">
            <v>NLD</v>
          </cell>
          <cell r="C1216" t="str">
            <v>Netherlands</v>
          </cell>
          <cell r="D1216" t="str">
            <v>Item 18</v>
          </cell>
          <cell r="E1216" t="str">
            <v>CD1</v>
          </cell>
          <cell r="F1216" t="str">
            <v>Definition of collective dismissal</v>
          </cell>
          <cell r="G1216">
            <v>2008</v>
          </cell>
          <cell r="H1216">
            <v>2008</v>
          </cell>
          <cell r="I1216" t="str">
            <v>Over 3 months, 20+ workers dismissed by one employer in one employment service region. Dismissals via courts count in the computation of the threshold of 20 employees only if they are five or more.</v>
          </cell>
          <cell r="J1216">
            <v>2</v>
          </cell>
          <cell r="M1216">
            <v>3</v>
          </cell>
        </row>
        <row r="1217">
          <cell r="A1217" t="str">
            <v>NLDCD22008</v>
          </cell>
          <cell r="B1217" t="str">
            <v>NLD</v>
          </cell>
          <cell r="C1217" t="str">
            <v>Netherlands</v>
          </cell>
          <cell r="D1217" t="str">
            <v>Item 19</v>
          </cell>
          <cell r="E1217" t="str">
            <v>CD2</v>
          </cell>
          <cell r="F1217" t="str">
            <v>Additional notification requirements in case of collective dismissals</v>
          </cell>
          <cell r="G1217">
            <v>2008</v>
          </cell>
          <cell r="H1217">
            <v>2008</v>
          </cell>
          <cell r="I1217" t="str">
            <v>Notification of employee representatives: Duty to inform and consult with Works Council and trade union delegation.
Notification of public authorities: Notification of regional employment office.</v>
          </cell>
          <cell r="J1217">
            <v>1</v>
          </cell>
          <cell r="M1217">
            <v>3</v>
          </cell>
        </row>
        <row r="1218">
          <cell r="A1218" t="str">
            <v>NLDCD32008</v>
          </cell>
          <cell r="B1218" t="str">
            <v>NLD</v>
          </cell>
          <cell r="C1218" t="str">
            <v>Netherlands</v>
          </cell>
          <cell r="D1218" t="str">
            <v>Item 20</v>
          </cell>
          <cell r="E1218" t="str">
            <v>CD3</v>
          </cell>
          <cell r="F1218" t="str">
            <v>Additional delays involved in case of collective dismissals</v>
          </cell>
          <cell r="G1218">
            <v>2008</v>
          </cell>
          <cell r="H1218">
            <v>2008</v>
          </cell>
          <cell r="I1218" t="str">
            <v>30 days waiting period to allow for social plan negotiations (unless the social partners have agreed in writing to refrain from the waiting period.</v>
          </cell>
          <cell r="J1218">
            <v>30</v>
          </cell>
          <cell r="M1218">
            <v>3</v>
          </cell>
        </row>
        <row r="1219">
          <cell r="A1219" t="str">
            <v>NLDCD42008</v>
          </cell>
          <cell r="B1219" t="str">
            <v>NLD</v>
          </cell>
          <cell r="C1219" t="str">
            <v>Netherlands</v>
          </cell>
          <cell r="D1219" t="str">
            <v>Item 21</v>
          </cell>
          <cell r="E1219" t="str">
            <v>CD4</v>
          </cell>
          <cell r="F1219" t="str">
            <v>Other special costs to employers in case of collective dismissals</v>
          </cell>
          <cell r="G1219">
            <v>2008</v>
          </cell>
          <cell r="H1219">
            <v>2008</v>
          </cell>
          <cell r="I1219"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19">
            <v>1</v>
          </cell>
          <cell r="M1219">
            <v>3</v>
          </cell>
        </row>
        <row r="1220">
          <cell r="A1220" t="str">
            <v>NLDREG12011</v>
          </cell>
          <cell r="B1220" t="str">
            <v>NLD</v>
          </cell>
          <cell r="C1220" t="str">
            <v>Netherlands</v>
          </cell>
          <cell r="D1220" t="str">
            <v>Item 1</v>
          </cell>
          <cell r="E1220" t="str">
            <v>REG1</v>
          </cell>
          <cell r="F1220" t="str">
            <v>Notification procedures</v>
          </cell>
          <cell r="G1220">
            <v>2011</v>
          </cell>
          <cell r="H1220">
            <v>2011</v>
          </cell>
          <cell r="I122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220">
            <v>2.5</v>
          </cell>
          <cell r="M1220">
            <v>5</v>
          </cell>
        </row>
        <row r="1221">
          <cell r="A1221" t="str">
            <v>NLDREG22011</v>
          </cell>
          <cell r="B1221" t="str">
            <v>NLD</v>
          </cell>
          <cell r="C1221" t="str">
            <v>Netherlands</v>
          </cell>
          <cell r="D1221" t="str">
            <v>Item 2</v>
          </cell>
          <cell r="E1221" t="str">
            <v>REG2</v>
          </cell>
          <cell r="F1221" t="str">
            <v>Delay before notice can start</v>
          </cell>
          <cell r="G1221">
            <v>2011</v>
          </cell>
          <cell r="H1221">
            <v>2011</v>
          </cell>
          <cell r="I1221" t="str">
            <v>Termination via PES: Authorisation procedure normally takes 4 6 weeks. 
Termination via courts: The delay in cases which proceed to court varies from 1-30 days. 
Calculation: average of PES (5 weeks on average) and courts (15 days on average).</v>
          </cell>
          <cell r="J1221">
            <v>25</v>
          </cell>
          <cell r="M1221">
            <v>3</v>
          </cell>
        </row>
        <row r="1222">
          <cell r="A1222" t="str">
            <v>NLDREG32011</v>
          </cell>
          <cell r="B1222" t="str">
            <v>NLD</v>
          </cell>
          <cell r="C1222" t="str">
            <v>Netherlands</v>
          </cell>
          <cell r="D1222" t="str">
            <v>Item 3</v>
          </cell>
          <cell r="E1222" t="str">
            <v>REG3A, REG3B, REG3C</v>
          </cell>
          <cell r="F1222" t="str">
            <v>Notice / tenure</v>
          </cell>
          <cell r="G1222">
            <v>2011</v>
          </cell>
          <cell r="H1222">
            <v>2011</v>
          </cell>
          <cell r="I1222" t="str">
            <v>Termination via PES: 1m in the first five years of service, extended by one more month for every additional 5 years of service, up to a maximum of 4 months. In practice, the maximum is closer to 3 months since time spent for the prior authorisation 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Calculation: average of PES /courts (0)</v>
          </cell>
          <cell r="J1222">
            <v>0.5</v>
          </cell>
          <cell r="K1222">
            <v>0.5</v>
          </cell>
          <cell r="L1222">
            <v>1.5</v>
          </cell>
          <cell r="M1222">
            <v>2</v>
          </cell>
          <cell r="N1222">
            <v>1</v>
          </cell>
          <cell r="O1222">
            <v>1</v>
          </cell>
        </row>
        <row r="1223">
          <cell r="A1223" t="str">
            <v>NLDREG42011</v>
          </cell>
          <cell r="B1223" t="str">
            <v>NLD</v>
          </cell>
          <cell r="C1223" t="str">
            <v>Netherlands</v>
          </cell>
          <cell r="D1223" t="str">
            <v>Item 4</v>
          </cell>
          <cell r="E1223" t="str">
            <v>REG4A, REG4B, REG4C</v>
          </cell>
          <cell r="F1223" t="str">
            <v>Severance pay / tenure</v>
          </cell>
          <cell r="G1223">
            <v>2011</v>
          </cell>
          <cell r="H1223">
            <v>2011</v>
          </cell>
          <cell r="I122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h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23">
            <v>0</v>
          </cell>
          <cell r="K1223">
            <v>1.6</v>
          </cell>
          <cell r="L1223">
            <v>10</v>
          </cell>
          <cell r="M1223">
            <v>0</v>
          </cell>
          <cell r="N1223">
            <v>3</v>
          </cell>
          <cell r="O1223">
            <v>3</v>
          </cell>
        </row>
        <row r="1224">
          <cell r="A1224" t="str">
            <v>NLDREG52011</v>
          </cell>
          <cell r="B1224" t="str">
            <v>NLD</v>
          </cell>
          <cell r="C1224" t="str">
            <v>Netherlands</v>
          </cell>
          <cell r="D1224" t="str">
            <v>Item 5</v>
          </cell>
          <cell r="E1224" t="str">
            <v>REG5</v>
          </cell>
          <cell r="F1224" t="str">
            <v>Definition of justified or unfair dismissal</v>
          </cell>
          <cell r="G1224">
            <v>2011</v>
          </cell>
          <cell r="H1224">
            <v>2011</v>
          </cell>
          <cell r="I122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1224">
            <v>1.5</v>
          </cell>
          <cell r="M1224">
            <v>3</v>
          </cell>
        </row>
        <row r="1225">
          <cell r="A1225" t="str">
            <v>NLDREG62011</v>
          </cell>
          <cell r="B1225" t="str">
            <v>NLD</v>
          </cell>
          <cell r="C1225" t="str">
            <v>Netherlands</v>
          </cell>
          <cell r="D1225" t="str">
            <v>Item 6</v>
          </cell>
          <cell r="E1225" t="str">
            <v>REG6</v>
          </cell>
          <cell r="F1225" t="str">
            <v>Trial period</v>
          </cell>
          <cell r="G1225">
            <v>2011</v>
          </cell>
          <cell r="H1225">
            <v>2011</v>
          </cell>
          <cell r="I122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1225">
            <v>2</v>
          </cell>
          <cell r="M1225">
            <v>5</v>
          </cell>
        </row>
        <row r="1226">
          <cell r="A1226" t="str">
            <v>NLDREG72011</v>
          </cell>
          <cell r="B1226" t="str">
            <v>NLD</v>
          </cell>
          <cell r="C1226" t="str">
            <v>Netherlands</v>
          </cell>
          <cell r="D1226" t="str">
            <v>Item 7</v>
          </cell>
          <cell r="E1226" t="str">
            <v>REG7</v>
          </cell>
          <cell r="F1226" t="str">
            <v xml:space="preserve">Compensation following unfair dismissal </v>
          </cell>
          <cell r="G1226">
            <v>2011</v>
          </cell>
          <cell r="H1226">
            <v>2011</v>
          </cell>
          <cell r="I122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26">
            <v>7</v>
          </cell>
          <cell r="M1226">
            <v>1</v>
          </cell>
        </row>
        <row r="1227">
          <cell r="A1227" t="str">
            <v>NLDREG82011</v>
          </cell>
          <cell r="B1227" t="str">
            <v>NLD</v>
          </cell>
          <cell r="C1227" t="str">
            <v>Netherlands</v>
          </cell>
          <cell r="D1227" t="str">
            <v>Item 8</v>
          </cell>
          <cell r="E1227" t="str">
            <v>REG8</v>
          </cell>
          <cell r="F1227" t="str">
            <v>Possibility of reinstatement following unfair dismissal</v>
          </cell>
          <cell r="G1227">
            <v>2011</v>
          </cell>
          <cell r="H1227">
            <v>2011</v>
          </cell>
          <cell r="I1227" t="str">
            <v>The option of reinstatement is rarely made available to the employee.</v>
          </cell>
          <cell r="J1227">
            <v>1</v>
          </cell>
          <cell r="M1227">
            <v>2</v>
          </cell>
        </row>
        <row r="1228">
          <cell r="A1228" t="str">
            <v>NLDREG92011</v>
          </cell>
          <cell r="B1228" t="str">
            <v>NLD</v>
          </cell>
          <cell r="C1228" t="str">
            <v>Netherlands</v>
          </cell>
          <cell r="D1228" t="str">
            <v>Item 9</v>
          </cell>
          <cell r="E1228" t="str">
            <v>REG9</v>
          </cell>
          <cell r="F1228" t="str">
            <v>Maximum time for claim</v>
          </cell>
          <cell r="G1228">
            <v>2011</v>
          </cell>
          <cell r="H1228">
            <v>2011</v>
          </cell>
          <cell r="I1228" t="str">
            <v>6 months from the effective date of termination (Civil Code, art. 7:683).</v>
          </cell>
          <cell r="J1228">
            <v>6</v>
          </cell>
          <cell r="M1228">
            <v>3</v>
          </cell>
        </row>
        <row r="1229">
          <cell r="A1229" t="str">
            <v>NLDFTC12011</v>
          </cell>
          <cell r="B1229" t="str">
            <v>NLD</v>
          </cell>
          <cell r="C1229" t="str">
            <v>Netherlands</v>
          </cell>
          <cell r="D1229" t="str">
            <v>Item 10</v>
          </cell>
          <cell r="E1229" t="str">
            <v>FTC1</v>
          </cell>
          <cell r="F1229" t="str">
            <v>Valid cases for use of fixed-term contracts, other than  “objective”  or “material” situation</v>
          </cell>
          <cell r="G1229">
            <v>2011</v>
          </cell>
          <cell r="H1229">
            <v>2011</v>
          </cell>
          <cell r="I1229" t="str">
            <v xml:space="preserve">No restrictions. </v>
          </cell>
          <cell r="J1229">
            <v>3</v>
          </cell>
          <cell r="M1229">
            <v>0</v>
          </cell>
        </row>
        <row r="1230">
          <cell r="A1230" t="str">
            <v>NLDFTC22011</v>
          </cell>
          <cell r="B1230" t="str">
            <v>NLD</v>
          </cell>
          <cell r="C1230" t="str">
            <v>Netherlands</v>
          </cell>
          <cell r="D1230" t="str">
            <v>Item 11</v>
          </cell>
          <cell r="E1230" t="str">
            <v>FTC2</v>
          </cell>
          <cell r="F1230" t="str">
            <v>Maximum number of successive fixed-term contracts</v>
          </cell>
          <cell r="G1230">
            <v>2011</v>
          </cell>
          <cell r="H1230">
            <v>2011</v>
          </cell>
          <cell r="I123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30">
            <v>3</v>
          </cell>
          <cell r="M1230">
            <v>3</v>
          </cell>
        </row>
        <row r="1231">
          <cell r="A1231" t="str">
            <v>NLDFTC32011</v>
          </cell>
          <cell r="B1231" t="str">
            <v>NLD</v>
          </cell>
          <cell r="C1231" t="str">
            <v>Netherlands</v>
          </cell>
          <cell r="D1231" t="str">
            <v>Item 12</v>
          </cell>
          <cell r="E1231" t="str">
            <v>FTC3</v>
          </cell>
          <cell r="F1231" t="str">
            <v>Maximum cumulated duration of successive fixed-term contracts</v>
          </cell>
          <cell r="G1231">
            <v>2011</v>
          </cell>
          <cell r="H1231">
            <v>2011</v>
          </cell>
          <cell r="I1231" t="str">
            <v xml:space="preserve">No limit for first fixed-term contracts, but 3 years in case of renewals. </v>
          </cell>
          <cell r="J1231">
            <v>36</v>
          </cell>
          <cell r="M1231">
            <v>1</v>
          </cell>
        </row>
        <row r="1232">
          <cell r="A1232" t="str">
            <v>NLDTWA12011</v>
          </cell>
          <cell r="B1232" t="str">
            <v>NLD</v>
          </cell>
          <cell r="C1232" t="str">
            <v>Netherlands</v>
          </cell>
          <cell r="D1232" t="str">
            <v>Item 13</v>
          </cell>
          <cell r="E1232" t="str">
            <v>TWA1</v>
          </cell>
          <cell r="F1232" t="str">
            <v>Types of work for which TWA employment is legal</v>
          </cell>
          <cell r="G1232">
            <v>2011</v>
          </cell>
          <cell r="H1232">
            <v>2011</v>
          </cell>
          <cell r="I1232" t="str">
            <v>General, with the exception of seamen.</v>
          </cell>
          <cell r="J1232">
            <v>3.5</v>
          </cell>
          <cell r="M1232">
            <v>0.75</v>
          </cell>
        </row>
        <row r="1233">
          <cell r="A1233" t="str">
            <v>NLDTWA22011</v>
          </cell>
          <cell r="B1233" t="str">
            <v>NLD</v>
          </cell>
          <cell r="C1233" t="str">
            <v>Netherlands</v>
          </cell>
          <cell r="D1233" t="str">
            <v>Item 14</v>
          </cell>
          <cell r="E1233" t="str">
            <v>TWA2A, TWA2B</v>
          </cell>
          <cell r="F1233" t="str">
            <v>Are there any restrictions on the number of renewals of a TWA contract?</v>
          </cell>
          <cell r="G1233">
            <v>2011</v>
          </cell>
          <cell r="H1233">
            <v>2011</v>
          </cell>
          <cell r="I123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33" t="str">
            <v>No</v>
          </cell>
          <cell r="K1233" t="str">
            <v>Yes</v>
          </cell>
          <cell r="M1233">
            <v>2</v>
          </cell>
          <cell r="N1233">
            <v>4</v>
          </cell>
        </row>
        <row r="1234">
          <cell r="A1234" t="str">
            <v>NLDTWA32011</v>
          </cell>
          <cell r="B1234" t="str">
            <v>NLD</v>
          </cell>
          <cell r="C1234" t="str">
            <v>Netherlands</v>
          </cell>
          <cell r="D1234" t="str">
            <v>Item 15</v>
          </cell>
          <cell r="E1234" t="str">
            <v>TWA3A, TWA3B</v>
          </cell>
          <cell r="F1234" t="str">
            <v>Maximum cumulated duration of temporary work contracts</v>
          </cell>
          <cell r="G1234">
            <v>2011</v>
          </cell>
          <cell r="H1234">
            <v>2011</v>
          </cell>
          <cell r="I1234" t="str">
            <v>Unlimited. After 3.5 years of cumulation of TWA-contracts, the last fixed-term contract will be altered into a contract for an indefinite period with the TWA.</v>
          </cell>
          <cell r="J1234">
            <v>100</v>
          </cell>
          <cell r="K1234">
            <v>100</v>
          </cell>
          <cell r="M1234">
            <v>0</v>
          </cell>
          <cell r="N1234">
            <v>0</v>
          </cell>
        </row>
        <row r="1235">
          <cell r="A1235" t="str">
            <v>NLDTWA42011</v>
          </cell>
          <cell r="B1235" t="str">
            <v>NLD</v>
          </cell>
          <cell r="C1235" t="str">
            <v>Netherlands</v>
          </cell>
          <cell r="D1235" t="str">
            <v>Item 16</v>
          </cell>
          <cell r="E1235" t="str">
            <v>TWA4</v>
          </cell>
          <cell r="F1235" t="str">
            <v>Authorisation and reporting obligations</v>
          </cell>
          <cell r="G1235">
            <v>2011</v>
          </cell>
          <cell r="H1235">
            <v>2011</v>
          </cell>
          <cell r="I1235" t="str">
            <v>No</v>
          </cell>
          <cell r="J1235">
            <v>0</v>
          </cell>
          <cell r="M1235">
            <v>0</v>
          </cell>
        </row>
        <row r="1236">
          <cell r="A1236" t="str">
            <v>NLDTWA52011</v>
          </cell>
          <cell r="B1236" t="str">
            <v>NLD</v>
          </cell>
          <cell r="C1236" t="str">
            <v>Netherlands</v>
          </cell>
          <cell r="D1236" t="str">
            <v>Item 17</v>
          </cell>
          <cell r="E1236" t="str">
            <v>TWA5</v>
          </cell>
          <cell r="F1236" t="str">
            <v>Equal treatment for TWA workers</v>
          </cell>
          <cell r="G1236">
            <v>2011</v>
          </cell>
          <cell r="H1236">
            <v>2011</v>
          </cell>
          <cell r="I123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36">
            <v>1.5</v>
          </cell>
          <cell r="M1236">
            <v>4.5</v>
          </cell>
        </row>
        <row r="1237">
          <cell r="A1237" t="str">
            <v>NLDCD12011</v>
          </cell>
          <cell r="B1237" t="str">
            <v>NLD</v>
          </cell>
          <cell r="C1237" t="str">
            <v>Netherlands</v>
          </cell>
          <cell r="D1237" t="str">
            <v>Item 18</v>
          </cell>
          <cell r="E1237" t="str">
            <v>CD1</v>
          </cell>
          <cell r="F1237" t="str">
            <v>Definition of collective dismissal</v>
          </cell>
          <cell r="G1237">
            <v>2011</v>
          </cell>
          <cell r="H1237">
            <v>2011</v>
          </cell>
          <cell r="I1237" t="str">
            <v>Over 3 months, 20+ workers dismissed by one employer in one employment service region</v>
          </cell>
          <cell r="J1237">
            <v>2</v>
          </cell>
          <cell r="M1237">
            <v>3</v>
          </cell>
        </row>
        <row r="1238">
          <cell r="A1238" t="str">
            <v>NLDCD22011</v>
          </cell>
          <cell r="B1238" t="str">
            <v>NLD</v>
          </cell>
          <cell r="C1238" t="str">
            <v>Netherlands</v>
          </cell>
          <cell r="D1238" t="str">
            <v>Item 19</v>
          </cell>
          <cell r="E1238" t="str">
            <v>CD2</v>
          </cell>
          <cell r="F1238" t="str">
            <v>Additional notification requirements in case of collective dismissals</v>
          </cell>
          <cell r="G1238">
            <v>2011</v>
          </cell>
          <cell r="H1238">
            <v>2011</v>
          </cell>
          <cell r="I1238" t="str">
            <v>Notification of employee representatives: Duty to inform and consult with Works Council and trade union delegation.
Notification of public authorities: Notification of regional employment office.</v>
          </cell>
          <cell r="J1238">
            <v>1</v>
          </cell>
          <cell r="M1238">
            <v>3</v>
          </cell>
        </row>
        <row r="1239">
          <cell r="A1239" t="str">
            <v>NLDCD32011</v>
          </cell>
          <cell r="B1239" t="str">
            <v>NLD</v>
          </cell>
          <cell r="C1239" t="str">
            <v>Netherlands</v>
          </cell>
          <cell r="D1239" t="str">
            <v>Item 20</v>
          </cell>
          <cell r="E1239" t="str">
            <v>CD3</v>
          </cell>
          <cell r="F1239" t="str">
            <v>Additional delays involved in case of collective dismissals</v>
          </cell>
          <cell r="G1239">
            <v>2011</v>
          </cell>
          <cell r="H1239">
            <v>2011</v>
          </cell>
          <cell r="I1239" t="str">
            <v>30 days waiting period to allow for social plan negotiations (unless the social partners have agreed in writing to refrain from the waiting period.</v>
          </cell>
          <cell r="J1239">
            <v>30</v>
          </cell>
          <cell r="M1239">
            <v>3</v>
          </cell>
        </row>
        <row r="1240">
          <cell r="A1240" t="str">
            <v>NLDCD42011</v>
          </cell>
          <cell r="B1240" t="str">
            <v>NLD</v>
          </cell>
          <cell r="C1240" t="str">
            <v>Netherlands</v>
          </cell>
          <cell r="D1240" t="str">
            <v>Item 21</v>
          </cell>
          <cell r="E1240" t="str">
            <v>CD4</v>
          </cell>
          <cell r="F1240" t="str">
            <v>Other special costs to employers in case of collective dismissals</v>
          </cell>
          <cell r="G1240">
            <v>2011</v>
          </cell>
          <cell r="H1240">
            <v>2011</v>
          </cell>
          <cell r="I124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40">
            <v>1</v>
          </cell>
          <cell r="M1240">
            <v>3</v>
          </cell>
        </row>
        <row r="1241">
          <cell r="A1241" t="str">
            <v>NZLREG12008</v>
          </cell>
          <cell r="B1241" t="str">
            <v>NZL</v>
          </cell>
          <cell r="C1241" t="str">
            <v>New Zealand</v>
          </cell>
          <cell r="D1241" t="str">
            <v>Item 1</v>
          </cell>
          <cell r="E1241" t="str">
            <v>REG1</v>
          </cell>
          <cell r="F1241" t="str">
            <v>Notification procedures</v>
          </cell>
          <cell r="G1241">
            <v>2008</v>
          </cell>
          <cell r="H1241">
            <v>2008</v>
          </cell>
          <cell r="I124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1241">
            <v>1.5</v>
          </cell>
          <cell r="M1241">
            <v>3</v>
          </cell>
        </row>
        <row r="1242">
          <cell r="A1242" t="str">
            <v>NZLREG22008</v>
          </cell>
          <cell r="B1242" t="str">
            <v>NZL</v>
          </cell>
          <cell r="C1242" t="str">
            <v>New Zealand</v>
          </cell>
          <cell r="D1242" t="str">
            <v>Item 2</v>
          </cell>
          <cell r="E1242" t="str">
            <v>REG2</v>
          </cell>
          <cell r="F1242" t="str">
            <v>Delay before notice can start</v>
          </cell>
          <cell r="G1242">
            <v>2008</v>
          </cell>
          <cell r="H1242">
            <v>2008</v>
          </cell>
          <cell r="I124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1242">
            <v>5</v>
          </cell>
          <cell r="M1242">
            <v>1</v>
          </cell>
        </row>
        <row r="1243">
          <cell r="A1243" t="str">
            <v>NZLREG32008</v>
          </cell>
          <cell r="B1243" t="str">
            <v>NZL</v>
          </cell>
          <cell r="C1243" t="str">
            <v>New Zealand</v>
          </cell>
          <cell r="D1243" t="str">
            <v>Item 3</v>
          </cell>
          <cell r="E1243" t="str">
            <v>REG3A, REG3B, REG3C</v>
          </cell>
          <cell r="F1243" t="str">
            <v>Notice / tenure</v>
          </cell>
          <cell r="G1243">
            <v>2008</v>
          </cell>
          <cell r="H1243">
            <v>2008</v>
          </cell>
          <cell r="I1243" t="str">
            <v>All workers: No specific period is required under the ERA, but the duty of good faith, as well as case law, requires that reasonable notice be provided. Usually 1-2 weeks for blue collar and 2+ weeks for white collar workers.</v>
          </cell>
          <cell r="J1243">
            <v>0.5</v>
          </cell>
          <cell r="K1243">
            <v>0.5</v>
          </cell>
          <cell r="L1243">
            <v>0.5</v>
          </cell>
          <cell r="M1243">
            <v>2</v>
          </cell>
          <cell r="N1243">
            <v>1</v>
          </cell>
          <cell r="O1243">
            <v>0</v>
          </cell>
        </row>
        <row r="1244">
          <cell r="A1244" t="str">
            <v>NZLREG42008</v>
          </cell>
          <cell r="B1244" t="str">
            <v>NZL</v>
          </cell>
          <cell r="C1244" t="str">
            <v>New Zealand</v>
          </cell>
          <cell r="D1244" t="str">
            <v>Item 4</v>
          </cell>
          <cell r="E1244" t="str">
            <v>REG4A, REG4B, REG4C</v>
          </cell>
          <cell r="F1244" t="str">
            <v>Severance pay / tenure</v>
          </cell>
          <cell r="G1244">
            <v>2008</v>
          </cell>
          <cell r="H1244">
            <v>2008</v>
          </cell>
          <cell r="I124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1244">
            <v>0</v>
          </cell>
          <cell r="K1244">
            <v>0</v>
          </cell>
          <cell r="L1244">
            <v>0</v>
          </cell>
          <cell r="M1244">
            <v>0</v>
          </cell>
          <cell r="N1244">
            <v>0</v>
          </cell>
          <cell r="O1244">
            <v>0</v>
          </cell>
        </row>
        <row r="1245">
          <cell r="A1245" t="str">
            <v>NZLREG52008</v>
          </cell>
          <cell r="B1245" t="str">
            <v>NZL</v>
          </cell>
          <cell r="C1245" t="str">
            <v>New Zealand</v>
          </cell>
          <cell r="D1245" t="str">
            <v>Item 5</v>
          </cell>
          <cell r="E1245" t="str">
            <v>REG5</v>
          </cell>
          <cell r="F1245" t="str">
            <v>Definition of justified or unfair dismissal</v>
          </cell>
          <cell r="G1245">
            <v>2008</v>
          </cell>
          <cell r="H1245">
            <v>2008</v>
          </cell>
          <cell r="I1245" t="str">
            <v xml:space="preserve">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v>
          </cell>
          <cell r="J1245">
            <v>0</v>
          </cell>
          <cell r="M1245">
            <v>0</v>
          </cell>
        </row>
        <row r="1246">
          <cell r="A1246" t="str">
            <v>NZLREG62008</v>
          </cell>
          <cell r="B1246" t="str">
            <v>NZL</v>
          </cell>
          <cell r="C1246" t="str">
            <v>New Zealand</v>
          </cell>
          <cell r="D1246" t="str">
            <v>Item 6</v>
          </cell>
          <cell r="E1246" t="str">
            <v>REG6</v>
          </cell>
          <cell r="F1246" t="str">
            <v>Trial period</v>
          </cell>
          <cell r="G1246">
            <v>2008</v>
          </cell>
          <cell r="H1246">
            <v>2008</v>
          </cell>
          <cell r="I1246"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1246">
            <v>0</v>
          </cell>
          <cell r="M1246">
            <v>6</v>
          </cell>
        </row>
        <row r="1247">
          <cell r="A1247" t="str">
            <v>NZLREG72008</v>
          </cell>
          <cell r="B1247" t="str">
            <v>NZL</v>
          </cell>
          <cell r="C1247" t="str">
            <v>New Zealand</v>
          </cell>
          <cell r="D1247" t="str">
            <v>Item 7</v>
          </cell>
          <cell r="E1247" t="str">
            <v>REG7</v>
          </cell>
          <cell r="F1247" t="str">
            <v xml:space="preserve">Compensation following unfair dismissal </v>
          </cell>
          <cell r="G1247">
            <v>2008</v>
          </cell>
          <cell r="H1247">
            <v>2008</v>
          </cell>
          <cell r="I124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5,000 in 2008 (equivalent to 6.8 weeks wages based on median weekly wages and salaries earnings taken from 2008 New Zealand Income Survey).
</v>
          </cell>
          <cell r="J1247">
            <v>7.7</v>
          </cell>
          <cell r="M1247">
            <v>1</v>
          </cell>
        </row>
        <row r="1248">
          <cell r="A1248" t="str">
            <v>NZLREG82008</v>
          </cell>
          <cell r="B1248" t="str">
            <v>NZL</v>
          </cell>
          <cell r="C1248" t="str">
            <v>New Zealand</v>
          </cell>
          <cell r="D1248" t="str">
            <v>Item 8</v>
          </cell>
          <cell r="E1248" t="str">
            <v>REG8</v>
          </cell>
          <cell r="F1248" t="str">
            <v>Possibility of reinstatement following unfair dismissal</v>
          </cell>
          <cell r="G1248">
            <v>2008</v>
          </cell>
          <cell r="H1248">
            <v>2008</v>
          </cell>
          <cell r="I1248" t="str">
            <v xml:space="preserve">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1248">
            <v>1</v>
          </cell>
          <cell r="M1248">
            <v>2</v>
          </cell>
        </row>
        <row r="1249">
          <cell r="A1249" t="str">
            <v>NZLREG92008</v>
          </cell>
          <cell r="B1249" t="str">
            <v>NZL</v>
          </cell>
          <cell r="C1249" t="str">
            <v>New Zealand</v>
          </cell>
          <cell r="D1249" t="str">
            <v>Item 9</v>
          </cell>
          <cell r="E1249" t="str">
            <v>REG9</v>
          </cell>
          <cell r="F1249" t="str">
            <v>Maximum time for claim</v>
          </cell>
          <cell r="G1249">
            <v>2008</v>
          </cell>
          <cell r="H1249">
            <v>2008</v>
          </cell>
          <cell r="I124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1249">
            <v>3</v>
          </cell>
          <cell r="M1249">
            <v>2</v>
          </cell>
        </row>
        <row r="1250">
          <cell r="A1250" t="str">
            <v>NZLFTC12008</v>
          </cell>
          <cell r="B1250" t="str">
            <v>NZL</v>
          </cell>
          <cell r="C1250" t="str">
            <v>New Zealand</v>
          </cell>
          <cell r="D1250" t="str">
            <v>Item 10</v>
          </cell>
          <cell r="E1250" t="str">
            <v>FTC1</v>
          </cell>
          <cell r="F1250" t="str">
            <v>Valid cases for use of fixed-term contracts, other than  “objective”  or “material” situation</v>
          </cell>
          <cell r="G1250">
            <v>2008</v>
          </cell>
          <cell r="H1250">
            <v>2008</v>
          </cell>
          <cell r="I125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1250">
            <v>2</v>
          </cell>
          <cell r="M1250">
            <v>2</v>
          </cell>
        </row>
        <row r="1251">
          <cell r="A1251" t="str">
            <v>NZLFTC22008</v>
          </cell>
          <cell r="B1251" t="str">
            <v>NZL</v>
          </cell>
          <cell r="C1251" t="str">
            <v>New Zealand</v>
          </cell>
          <cell r="D1251" t="str">
            <v>Item 11</v>
          </cell>
          <cell r="E1251" t="str">
            <v>FTC2</v>
          </cell>
          <cell r="F1251" t="str">
            <v>Maximum number of successive fixed-term contracts</v>
          </cell>
          <cell r="G1251">
            <v>2008</v>
          </cell>
          <cell r="H1251">
            <v>2008</v>
          </cell>
          <cell r="I125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1251">
            <v>4</v>
          </cell>
          <cell r="M1251">
            <v>2</v>
          </cell>
        </row>
        <row r="1252">
          <cell r="A1252" t="str">
            <v>NZLFTC32008</v>
          </cell>
          <cell r="B1252" t="str">
            <v>NZL</v>
          </cell>
          <cell r="C1252" t="str">
            <v>New Zealand</v>
          </cell>
          <cell r="D1252" t="str">
            <v>Item 12</v>
          </cell>
          <cell r="E1252" t="str">
            <v>FTC3</v>
          </cell>
          <cell r="F1252" t="str">
            <v>Maximum cumulated duration of successive fixed-term contracts</v>
          </cell>
          <cell r="G1252">
            <v>2008</v>
          </cell>
          <cell r="H1252">
            <v>2008</v>
          </cell>
          <cell r="I1252" t="str">
            <v>No limit, unless it is shown that the employer does not have genuine reasons based on reasonable grounds.</v>
          </cell>
          <cell r="J1252">
            <v>200</v>
          </cell>
          <cell r="M1252">
            <v>0</v>
          </cell>
        </row>
        <row r="1253">
          <cell r="A1253" t="str">
            <v>NZLTWA12008</v>
          </cell>
          <cell r="B1253" t="str">
            <v>NZL</v>
          </cell>
          <cell r="C1253" t="str">
            <v>New Zealand</v>
          </cell>
          <cell r="D1253" t="str">
            <v>Item 13</v>
          </cell>
          <cell r="E1253" t="str">
            <v>TWA1</v>
          </cell>
          <cell r="F1253" t="str">
            <v>Types of work for which TWA employment is legal</v>
          </cell>
          <cell r="G1253">
            <v>2008</v>
          </cell>
          <cell r="H1253">
            <v>2008</v>
          </cell>
          <cell r="I1253" t="str">
            <v>General</v>
          </cell>
          <cell r="J1253">
            <v>4</v>
          </cell>
          <cell r="M1253">
            <v>0</v>
          </cell>
        </row>
        <row r="1254">
          <cell r="A1254" t="str">
            <v>NZLTWA22008</v>
          </cell>
          <cell r="B1254" t="str">
            <v>NZL</v>
          </cell>
          <cell r="C1254" t="str">
            <v>New Zealand</v>
          </cell>
          <cell r="D1254" t="str">
            <v>Item 14</v>
          </cell>
          <cell r="E1254" t="str">
            <v>TWA2A, TWA2B</v>
          </cell>
          <cell r="F1254" t="str">
            <v>Are there any restrictions on the number of renewals of a TWA contract?</v>
          </cell>
          <cell r="G1254">
            <v>2008</v>
          </cell>
          <cell r="H1254">
            <v>2008</v>
          </cell>
          <cell r="I125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1254" t="str">
            <v>No</v>
          </cell>
          <cell r="K1254" t="str">
            <v>Yes</v>
          </cell>
          <cell r="M1254">
            <v>2</v>
          </cell>
          <cell r="N1254">
            <v>4</v>
          </cell>
        </row>
        <row r="1255">
          <cell r="A1255" t="str">
            <v>NZLTWA32008</v>
          </cell>
          <cell r="B1255" t="str">
            <v>NZL</v>
          </cell>
          <cell r="C1255" t="str">
            <v>New Zealand</v>
          </cell>
          <cell r="D1255" t="str">
            <v>Item 15</v>
          </cell>
          <cell r="E1255" t="str">
            <v>TWA3A, TWA3B</v>
          </cell>
          <cell r="F1255" t="str">
            <v>Maximum cumulated duration of temporary work contracts</v>
          </cell>
          <cell r="G1255">
            <v>2008</v>
          </cell>
          <cell r="H1255">
            <v>2008</v>
          </cell>
          <cell r="I1255" t="str">
            <v>No limit, unless it is shown that the employer does not have genuine reasons based on reasonable grounds.</v>
          </cell>
          <cell r="J1255">
            <v>100</v>
          </cell>
          <cell r="K1255">
            <v>100</v>
          </cell>
          <cell r="M1255">
            <v>0</v>
          </cell>
          <cell r="N1255">
            <v>0</v>
          </cell>
        </row>
        <row r="1256">
          <cell r="A1256" t="str">
            <v>NZLTWA42008</v>
          </cell>
          <cell r="B1256" t="str">
            <v>NZL</v>
          </cell>
          <cell r="C1256" t="str">
            <v>New Zealand</v>
          </cell>
          <cell r="D1256" t="str">
            <v>Item 16</v>
          </cell>
          <cell r="E1256" t="str">
            <v>TWA4</v>
          </cell>
          <cell r="F1256" t="str">
            <v>Authorisation and reporting obligations</v>
          </cell>
          <cell r="G1256">
            <v>2008</v>
          </cell>
          <cell r="H1256">
            <v>2008</v>
          </cell>
          <cell r="I1256" t="str">
            <v>No</v>
          </cell>
          <cell r="J1256">
            <v>0</v>
          </cell>
          <cell r="M1256">
            <v>0</v>
          </cell>
        </row>
        <row r="1257">
          <cell r="A1257" t="str">
            <v>NZLTWA52008</v>
          </cell>
          <cell r="B1257" t="str">
            <v>NZL</v>
          </cell>
          <cell r="C1257" t="str">
            <v>New Zealand</v>
          </cell>
          <cell r="D1257" t="str">
            <v>Item 17</v>
          </cell>
          <cell r="E1257" t="str">
            <v>TWA5</v>
          </cell>
          <cell r="F1257" t="str">
            <v>Equal treatment for TWA workers</v>
          </cell>
          <cell r="G1257">
            <v>2008</v>
          </cell>
          <cell r="H1257">
            <v>2008</v>
          </cell>
          <cell r="I1257" t="str">
            <v xml:space="preserve">There are no specific provisions on temporary agency workers that require their wages or working conditions to be equal to that of regular workers.  </v>
          </cell>
          <cell r="J1257">
            <v>0</v>
          </cell>
          <cell r="M1257">
            <v>0</v>
          </cell>
        </row>
        <row r="1258">
          <cell r="A1258" t="str">
            <v>NZLCD12008</v>
          </cell>
          <cell r="B1258" t="str">
            <v>NZL</v>
          </cell>
          <cell r="C1258" t="str">
            <v>New Zealand</v>
          </cell>
          <cell r="D1258" t="str">
            <v>Item 18</v>
          </cell>
          <cell r="E1258" t="str">
            <v>CD1</v>
          </cell>
          <cell r="F1258" t="str">
            <v>Definition of collective dismissal</v>
          </cell>
          <cell r="G1258">
            <v>2008</v>
          </cell>
          <cell r="H1258">
            <v>2008</v>
          </cell>
          <cell r="I1258" t="str">
            <v>No definition of collective dismissal.</v>
          </cell>
          <cell r="J1258">
            <v>0</v>
          </cell>
          <cell r="M1258">
            <v>0</v>
          </cell>
        </row>
        <row r="1259">
          <cell r="A1259" t="str">
            <v>NZLCD22008</v>
          </cell>
          <cell r="B1259" t="str">
            <v>NZL</v>
          </cell>
          <cell r="C1259" t="str">
            <v>New Zealand</v>
          </cell>
          <cell r="D1259" t="str">
            <v>Item 19</v>
          </cell>
          <cell r="E1259" t="str">
            <v>CD2</v>
          </cell>
          <cell r="F1259" t="str">
            <v>Additional notification requirements in case of collective dismissals</v>
          </cell>
          <cell r="G1259">
            <v>2008</v>
          </cell>
          <cell r="H1259">
            <v>2008</v>
          </cell>
          <cell r="I125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1259">
            <v>0</v>
          </cell>
          <cell r="M1259">
            <v>0</v>
          </cell>
        </row>
        <row r="1260">
          <cell r="A1260" t="str">
            <v>NZLCD32008</v>
          </cell>
          <cell r="B1260" t="str">
            <v>NZL</v>
          </cell>
          <cell r="C1260" t="str">
            <v>New Zealand</v>
          </cell>
          <cell r="D1260" t="str">
            <v>Item 20</v>
          </cell>
          <cell r="E1260" t="str">
            <v>CD3</v>
          </cell>
          <cell r="F1260" t="str">
            <v>Additional delays involved in case of collective dismissals</v>
          </cell>
          <cell r="G1260">
            <v>2008</v>
          </cell>
          <cell r="H1260">
            <v>2008</v>
          </cell>
          <cell r="I1260" t="str">
            <v xml:space="preserve">No special regulations for collective dismissal. </v>
          </cell>
          <cell r="J1260">
            <v>0</v>
          </cell>
          <cell r="M1260">
            <v>0</v>
          </cell>
        </row>
        <row r="1261">
          <cell r="A1261" t="str">
            <v>NZLCD42008</v>
          </cell>
          <cell r="B1261" t="str">
            <v>NZL</v>
          </cell>
          <cell r="C1261" t="str">
            <v>New Zealand</v>
          </cell>
          <cell r="D1261" t="str">
            <v>Item 21</v>
          </cell>
          <cell r="E1261" t="str">
            <v>CD4</v>
          </cell>
          <cell r="F1261" t="str">
            <v>Other special costs to employers in case of collective dismissals</v>
          </cell>
          <cell r="G1261">
            <v>2008</v>
          </cell>
          <cell r="H1261">
            <v>2008</v>
          </cell>
          <cell r="I126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1261">
            <v>0</v>
          </cell>
          <cell r="M1261">
            <v>0</v>
          </cell>
        </row>
        <row r="1262">
          <cell r="A1262" t="str">
            <v>NORREG12008</v>
          </cell>
          <cell r="B1262" t="str">
            <v>NOR</v>
          </cell>
          <cell r="C1262" t="str">
            <v>Norway</v>
          </cell>
          <cell r="D1262" t="str">
            <v>Item 1</v>
          </cell>
          <cell r="E1262" t="str">
            <v>REG1</v>
          </cell>
          <cell r="F1262" t="str">
            <v>Notification procedures</v>
          </cell>
          <cell r="G1262">
            <v>2008</v>
          </cell>
          <cell r="H1262">
            <v>2008</v>
          </cell>
          <cell r="I126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1262">
            <v>1.5</v>
          </cell>
          <cell r="M1262">
            <v>3</v>
          </cell>
        </row>
        <row r="1263">
          <cell r="A1263" t="str">
            <v>NORREG22008</v>
          </cell>
          <cell r="B1263" t="str">
            <v>NOR</v>
          </cell>
          <cell r="C1263" t="str">
            <v>Norway</v>
          </cell>
          <cell r="D1263" t="str">
            <v>Item 2</v>
          </cell>
          <cell r="E1263" t="str">
            <v>REG2</v>
          </cell>
          <cell r="F1263" t="str">
            <v>Delay before notice can start</v>
          </cell>
          <cell r="G1263">
            <v>2008</v>
          </cell>
          <cell r="H1263">
            <v>2008</v>
          </cell>
          <cell r="I126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1263">
            <v>17</v>
          </cell>
          <cell r="M1263">
            <v>2</v>
          </cell>
        </row>
        <row r="1264">
          <cell r="A1264" t="str">
            <v>NORREG32008</v>
          </cell>
          <cell r="B1264" t="str">
            <v>NOR</v>
          </cell>
          <cell r="C1264" t="str">
            <v>Norway</v>
          </cell>
          <cell r="D1264" t="str">
            <v>Item 3</v>
          </cell>
          <cell r="E1264" t="str">
            <v>REG3A, REG3B, REG3C</v>
          </cell>
          <cell r="F1264" t="str">
            <v>Notice / tenure</v>
          </cell>
          <cell r="G1264">
            <v>2008</v>
          </cell>
          <cell r="H1264">
            <v>2008</v>
          </cell>
          <cell r="I126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1264">
            <v>1</v>
          </cell>
          <cell r="K1264">
            <v>1</v>
          </cell>
          <cell r="L1264">
            <v>3</v>
          </cell>
          <cell r="M1264">
            <v>3</v>
          </cell>
          <cell r="N1264">
            <v>2</v>
          </cell>
          <cell r="O1264">
            <v>2</v>
          </cell>
        </row>
        <row r="1265">
          <cell r="A1265" t="str">
            <v>NORREG42008</v>
          </cell>
          <cell r="B1265" t="str">
            <v>NOR</v>
          </cell>
          <cell r="C1265" t="str">
            <v>Norway</v>
          </cell>
          <cell r="D1265" t="str">
            <v>Item 4</v>
          </cell>
          <cell r="E1265" t="str">
            <v>REG4A, REG4B, REG4C</v>
          </cell>
          <cell r="F1265" t="str">
            <v>Severance pay / tenure</v>
          </cell>
          <cell r="G1265">
            <v>2008</v>
          </cell>
          <cell r="H1265">
            <v>2008</v>
          </cell>
          <cell r="I1265" t="str">
            <v>None by law, but collective agreements may under certain conditions require additional payment. However, severance pay schemes in collective agreements usually take the form of fee-based insurance schemes, with employers’ contributions</v>
          </cell>
          <cell r="J1265">
            <v>0</v>
          </cell>
          <cell r="K1265">
            <v>0</v>
          </cell>
          <cell r="L1265">
            <v>0</v>
          </cell>
          <cell r="M1265">
            <v>0</v>
          </cell>
          <cell r="N1265">
            <v>0</v>
          </cell>
          <cell r="O1265">
            <v>0</v>
          </cell>
        </row>
        <row r="1266">
          <cell r="A1266" t="str">
            <v>NORREG52008</v>
          </cell>
          <cell r="B1266" t="str">
            <v>NOR</v>
          </cell>
          <cell r="C1266" t="str">
            <v>Norway</v>
          </cell>
          <cell r="D1266" t="str">
            <v>Item 5</v>
          </cell>
          <cell r="E1266" t="str">
            <v>REG5</v>
          </cell>
          <cell r="F1266" t="str">
            <v>Definition of justified or unfair dismissal</v>
          </cell>
          <cell r="G1266">
            <v>2008</v>
          </cell>
          <cell r="H1266">
            <v>2008</v>
          </cell>
          <cell r="I126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1266">
            <v>2.5</v>
          </cell>
          <cell r="M1266">
            <v>5</v>
          </cell>
        </row>
        <row r="1267">
          <cell r="A1267" t="str">
            <v>NORREG62008</v>
          </cell>
          <cell r="B1267" t="str">
            <v>NOR</v>
          </cell>
          <cell r="C1267" t="str">
            <v>Norway</v>
          </cell>
          <cell r="D1267" t="str">
            <v>Item 6</v>
          </cell>
          <cell r="E1267" t="str">
            <v>REG6</v>
          </cell>
          <cell r="F1267" t="str">
            <v>Trial period</v>
          </cell>
          <cell r="G1267">
            <v>2008</v>
          </cell>
          <cell r="H1267">
            <v>2008</v>
          </cell>
          <cell r="I1267" t="str">
            <v>By law up to 6 months trial period (14 days notice required for dismissal during the trial period).</v>
          </cell>
          <cell r="J1267">
            <v>6</v>
          </cell>
          <cell r="M1267">
            <v>3</v>
          </cell>
        </row>
        <row r="1268">
          <cell r="A1268" t="str">
            <v>NORREG72008</v>
          </cell>
          <cell r="B1268" t="str">
            <v>NOR</v>
          </cell>
          <cell r="C1268" t="str">
            <v>Norway</v>
          </cell>
          <cell r="D1268" t="str">
            <v>Item 7</v>
          </cell>
          <cell r="E1268" t="str">
            <v>REG7</v>
          </cell>
          <cell r="F1268" t="str">
            <v xml:space="preserve">Compensation following unfair dismissal </v>
          </cell>
          <cell r="G1268">
            <v>2008</v>
          </cell>
          <cell r="H1268">
            <v>2008</v>
          </cell>
          <cell r="I126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1268">
            <v>12</v>
          </cell>
          <cell r="M1268">
            <v>2</v>
          </cell>
        </row>
        <row r="1269">
          <cell r="A1269" t="str">
            <v>NORREG82008</v>
          </cell>
          <cell r="B1269" t="str">
            <v>NOR</v>
          </cell>
          <cell r="C1269" t="str">
            <v>Norway</v>
          </cell>
          <cell r="D1269" t="str">
            <v>Item 8</v>
          </cell>
          <cell r="E1269" t="str">
            <v>REG8</v>
          </cell>
          <cell r="F1269" t="str">
            <v>Possibility of reinstatement following unfair dismissal</v>
          </cell>
          <cell r="G1269">
            <v>2008</v>
          </cell>
          <cell r="H1269">
            <v>2008</v>
          </cell>
          <cell r="I1269" t="str">
            <v>Reinstatement orders fairly frequent.</v>
          </cell>
          <cell r="J1269">
            <v>2</v>
          </cell>
          <cell r="M1269">
            <v>4</v>
          </cell>
        </row>
        <row r="1270">
          <cell r="A1270" t="str">
            <v>NORREG92008</v>
          </cell>
          <cell r="B1270" t="str">
            <v>NOR</v>
          </cell>
          <cell r="C1270" t="str">
            <v>Norway</v>
          </cell>
          <cell r="D1270" t="str">
            <v>Item 9</v>
          </cell>
          <cell r="E1270" t="str">
            <v>REG9</v>
          </cell>
          <cell r="F1270" t="str">
            <v>Maximum time for claim</v>
          </cell>
          <cell r="G1270">
            <v>2008</v>
          </cell>
          <cell r="H1270">
            <v>2008</v>
          </cell>
          <cell r="I127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1270">
            <v>3</v>
          </cell>
          <cell r="M1270">
            <v>2</v>
          </cell>
        </row>
        <row r="1271">
          <cell r="A1271" t="str">
            <v>NORFTC12008</v>
          </cell>
          <cell r="B1271" t="str">
            <v>NOR</v>
          </cell>
          <cell r="C1271" t="str">
            <v>Norway</v>
          </cell>
          <cell r="D1271" t="str">
            <v>Item 10</v>
          </cell>
          <cell r="E1271" t="str">
            <v>FTC1</v>
          </cell>
          <cell r="F1271" t="str">
            <v>Valid cases for use of fixed-term contracts, other than  “objective”  or “material” situation</v>
          </cell>
          <cell r="G1271">
            <v>2008</v>
          </cell>
          <cell r="H1271">
            <v>2008</v>
          </cell>
          <cell r="I127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1271">
            <v>1</v>
          </cell>
          <cell r="M1271">
            <v>4</v>
          </cell>
        </row>
        <row r="1272">
          <cell r="A1272" t="str">
            <v>NORFTC22008</v>
          </cell>
          <cell r="B1272" t="str">
            <v>NOR</v>
          </cell>
          <cell r="C1272" t="str">
            <v>Norway</v>
          </cell>
          <cell r="D1272" t="str">
            <v>Item 11</v>
          </cell>
          <cell r="E1272" t="str">
            <v>FTC2</v>
          </cell>
          <cell r="F1272" t="str">
            <v>Maximum number of successive fixed-term contracts</v>
          </cell>
          <cell r="G1272">
            <v>2008</v>
          </cell>
          <cell r="H1272">
            <v>2008</v>
          </cell>
          <cell r="I1272" t="str">
            <v>Estimated 1.5
In case of successive contracts, justification of limitation of contract subject to court examination.</v>
          </cell>
          <cell r="J1272">
            <v>1.5</v>
          </cell>
          <cell r="M1272">
            <v>5</v>
          </cell>
        </row>
        <row r="1273">
          <cell r="A1273" t="str">
            <v>NORFTC32008</v>
          </cell>
          <cell r="B1273" t="str">
            <v>NOR</v>
          </cell>
          <cell r="C1273" t="str">
            <v>Norway</v>
          </cell>
          <cell r="D1273" t="str">
            <v>Item 12</v>
          </cell>
          <cell r="E1273" t="str">
            <v>FTC3</v>
          </cell>
          <cell r="F1273" t="str">
            <v>Maximum cumulated duration of successive fixed-term contracts</v>
          </cell>
          <cell r="G1273">
            <v>2008</v>
          </cell>
          <cell r="H1273">
            <v>2008</v>
          </cell>
          <cell r="I127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1273">
            <v>48</v>
          </cell>
          <cell r="M1273">
            <v>1</v>
          </cell>
        </row>
        <row r="1274">
          <cell r="A1274" t="str">
            <v>NORTWA12008</v>
          </cell>
          <cell r="B1274" t="str">
            <v>NOR</v>
          </cell>
          <cell r="C1274" t="str">
            <v>Norway</v>
          </cell>
          <cell r="D1274" t="str">
            <v>Item 13</v>
          </cell>
          <cell r="E1274" t="str">
            <v>TWA1</v>
          </cell>
          <cell r="F1274" t="str">
            <v>Types of work for which TWA employment is legal</v>
          </cell>
          <cell r="G1274">
            <v>2008</v>
          </cell>
          <cell r="H1274">
            <v>2008</v>
          </cell>
          <cell r="I127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1274">
            <v>2</v>
          </cell>
          <cell r="M1274">
            <v>3</v>
          </cell>
        </row>
        <row r="1275">
          <cell r="A1275" t="str">
            <v>NORTWA22008</v>
          </cell>
          <cell r="B1275" t="str">
            <v>NOR</v>
          </cell>
          <cell r="C1275" t="str">
            <v>Norway</v>
          </cell>
          <cell r="D1275" t="str">
            <v>Item 14</v>
          </cell>
          <cell r="E1275" t="str">
            <v>TWA2A, TWA2B</v>
          </cell>
          <cell r="F1275" t="str">
            <v>Are there any restrictions on the number of renewals of a TWA contract?</v>
          </cell>
          <cell r="G1275">
            <v>2008</v>
          </cell>
          <cell r="H1275">
            <v>2008</v>
          </cell>
          <cell r="I1275" t="str">
            <v>No limit specified, as long as there is an objective reason. In the case of successive assignments, if the subject is brought to court, justification of repeated use of TWA employment is subject to court examination.</v>
          </cell>
          <cell r="J1275" t="str">
            <v>Yes/No</v>
          </cell>
          <cell r="K1275" t="str">
            <v>Yes/No</v>
          </cell>
          <cell r="M1275">
            <v>3</v>
          </cell>
          <cell r="N1275">
            <v>3</v>
          </cell>
        </row>
        <row r="1276">
          <cell r="A1276" t="str">
            <v>NORTWA32008</v>
          </cell>
          <cell r="B1276" t="str">
            <v>NOR</v>
          </cell>
          <cell r="C1276" t="str">
            <v>Norway</v>
          </cell>
          <cell r="D1276" t="str">
            <v>Item 15</v>
          </cell>
          <cell r="E1276" t="str">
            <v>TWA3A, TWA3B</v>
          </cell>
          <cell r="F1276" t="str">
            <v>Maximum cumulated duration of temporary work contracts</v>
          </cell>
          <cell r="G1276">
            <v>2008</v>
          </cell>
          <cell r="H1276">
            <v>2008</v>
          </cell>
          <cell r="I127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1276">
            <v>48</v>
          </cell>
          <cell r="K1276">
            <v>100</v>
          </cell>
          <cell r="M1276">
            <v>1</v>
          </cell>
          <cell r="N1276">
            <v>0</v>
          </cell>
        </row>
        <row r="1277">
          <cell r="A1277" t="str">
            <v>NORTWA42008</v>
          </cell>
          <cell r="B1277" t="str">
            <v>NOR</v>
          </cell>
          <cell r="C1277" t="str">
            <v>Norway</v>
          </cell>
          <cell r="D1277" t="str">
            <v>Item 16</v>
          </cell>
          <cell r="E1277" t="str">
            <v>TWA4</v>
          </cell>
          <cell r="F1277" t="str">
            <v>Authorisation and reporting obligations</v>
          </cell>
          <cell r="G1277">
            <v>2008</v>
          </cell>
          <cell r="H1277">
            <v>2008</v>
          </cell>
          <cell r="I1277" t="str">
            <v>The set up of a TWA requires periodic reporting obligations.</v>
          </cell>
          <cell r="J1277">
            <v>2</v>
          </cell>
          <cell r="M1277">
            <v>4</v>
          </cell>
        </row>
        <row r="1278">
          <cell r="A1278" t="str">
            <v>NORTWA52008</v>
          </cell>
          <cell r="B1278" t="str">
            <v>NOR</v>
          </cell>
          <cell r="C1278" t="str">
            <v>Norway</v>
          </cell>
          <cell r="D1278" t="str">
            <v>Item 17</v>
          </cell>
          <cell r="E1278" t="str">
            <v>TWA5</v>
          </cell>
          <cell r="F1278" t="str">
            <v>Equal treatment for TWA workers</v>
          </cell>
          <cell r="G1278">
            <v>2008</v>
          </cell>
          <cell r="H1278">
            <v>2008</v>
          </cell>
          <cell r="I127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1278">
            <v>0.5</v>
          </cell>
          <cell r="M1278">
            <v>1.5</v>
          </cell>
        </row>
        <row r="1279">
          <cell r="A1279" t="str">
            <v>NORCD12008</v>
          </cell>
          <cell r="B1279" t="str">
            <v>NOR</v>
          </cell>
          <cell r="C1279" t="str">
            <v>Norway</v>
          </cell>
          <cell r="D1279" t="str">
            <v>Item 18</v>
          </cell>
          <cell r="E1279" t="str">
            <v>CD1</v>
          </cell>
          <cell r="F1279" t="str">
            <v>Definition of collective dismissal</v>
          </cell>
          <cell r="G1279">
            <v>2008</v>
          </cell>
          <cell r="H1279">
            <v>2008</v>
          </cell>
          <cell r="I1279" t="str">
            <v>10+ employees within a month.</v>
          </cell>
          <cell r="J1279">
            <v>3</v>
          </cell>
          <cell r="M1279">
            <v>4.5</v>
          </cell>
        </row>
        <row r="1280">
          <cell r="A1280" t="str">
            <v>NORCD22008</v>
          </cell>
          <cell r="B1280" t="str">
            <v>NOR</v>
          </cell>
          <cell r="C1280" t="str">
            <v>Norway</v>
          </cell>
          <cell r="D1280" t="str">
            <v>Item 19</v>
          </cell>
          <cell r="E1280" t="str">
            <v>CD2</v>
          </cell>
          <cell r="F1280" t="str">
            <v>Additional notification requirements in case of collective dismissals</v>
          </cell>
          <cell r="G1280">
            <v>2008</v>
          </cell>
          <cell r="H1280">
            <v>2008</v>
          </cell>
          <cell r="I1280" t="str">
            <v>Notification of employee representatives: Duty to inform and consult with trade union/employee representatives.
Notification of public authorities: Notification of Labour and Welfare Administration.</v>
          </cell>
          <cell r="J1280">
            <v>1.5</v>
          </cell>
          <cell r="M1280">
            <v>4.5</v>
          </cell>
        </row>
        <row r="1281">
          <cell r="A1281" t="str">
            <v>NORCD32008</v>
          </cell>
          <cell r="B1281" t="str">
            <v>NOR</v>
          </cell>
          <cell r="C1281" t="str">
            <v>Norway</v>
          </cell>
          <cell r="D1281" t="str">
            <v>Item 20</v>
          </cell>
          <cell r="E1281" t="str">
            <v>CD3</v>
          </cell>
          <cell r="F1281" t="str">
            <v>Additional delays involved in case of collective dismissals</v>
          </cell>
          <cell r="G1281">
            <v>2008</v>
          </cell>
          <cell r="H1281">
            <v>2008</v>
          </cell>
          <cell r="I128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1281">
            <v>1</v>
          </cell>
          <cell r="M1281">
            <v>1</v>
          </cell>
        </row>
        <row r="1282">
          <cell r="A1282" t="str">
            <v>NORCD42008</v>
          </cell>
          <cell r="B1282" t="str">
            <v>NOR</v>
          </cell>
          <cell r="C1282" t="str">
            <v>Norway</v>
          </cell>
          <cell r="D1282" t="str">
            <v>Item 21</v>
          </cell>
          <cell r="E1282" t="str">
            <v>CD4</v>
          </cell>
          <cell r="F1282" t="str">
            <v>Other special costs to employers in case of collective dismissals</v>
          </cell>
          <cell r="G1282">
            <v>2008</v>
          </cell>
          <cell r="H1282">
            <v>2008</v>
          </cell>
          <cell r="I1282" t="str">
            <v xml:space="preserve">Type of negotiation requiredf: Consultation on alternatives to redundancy and selection standards. 
Selection criteria: Accepted custom is by seniority, but recent case law gives more weight to business needs.
Severance pay: No legal requirements. </v>
          </cell>
          <cell r="J1282">
            <v>0</v>
          </cell>
          <cell r="M1282">
            <v>0</v>
          </cell>
        </row>
        <row r="1283">
          <cell r="A1283" t="str">
            <v>POLREG12008</v>
          </cell>
          <cell r="B1283" t="str">
            <v>POL</v>
          </cell>
          <cell r="C1283" t="str">
            <v>Poland</v>
          </cell>
          <cell r="D1283" t="str">
            <v>Item 1</v>
          </cell>
          <cell r="E1283" t="str">
            <v>REG1</v>
          </cell>
          <cell r="F1283" t="str">
            <v>Notification procedures</v>
          </cell>
          <cell r="G1283">
            <v>2008</v>
          </cell>
          <cell r="H1283">
            <v>2008</v>
          </cell>
          <cell r="I1283"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1283">
            <v>2</v>
          </cell>
          <cell r="M1283">
            <v>4</v>
          </cell>
        </row>
        <row r="1284">
          <cell r="A1284" t="str">
            <v>POLREG22008</v>
          </cell>
          <cell r="B1284" t="str">
            <v>POL</v>
          </cell>
          <cell r="C1284" t="str">
            <v>Poland</v>
          </cell>
          <cell r="D1284" t="str">
            <v>Item 2</v>
          </cell>
          <cell r="E1284" t="str">
            <v>REG2</v>
          </cell>
          <cell r="F1284" t="str">
            <v>Delay before notice can start</v>
          </cell>
          <cell r="G1284">
            <v>2008</v>
          </cell>
          <cell r="H1284">
            <v>2008</v>
          </cell>
          <cell r="I1284"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1284">
            <v>10</v>
          </cell>
          <cell r="M1284">
            <v>2</v>
          </cell>
        </row>
        <row r="1285">
          <cell r="A1285" t="str">
            <v>POLREG32008</v>
          </cell>
          <cell r="B1285" t="str">
            <v>POL</v>
          </cell>
          <cell r="C1285" t="str">
            <v>Poland</v>
          </cell>
          <cell r="D1285" t="str">
            <v>Item 3</v>
          </cell>
          <cell r="E1285" t="str">
            <v>REG3A, REG3B, REG3C</v>
          </cell>
          <cell r="F1285" t="str">
            <v>Notice / tenure</v>
          </cell>
          <cell r="G1285">
            <v>2008</v>
          </cell>
          <cell r="H1285">
            <v>2008</v>
          </cell>
          <cell r="I1285" t="str">
            <v xml:space="preserve">All workers on open-ended contract: 2w&lt;6m, 1m&gt;6m, 3m&gt;3y. 2w for school leavers in first job. 
9 months tenure: 1 month, 4 years tenure: 3 months, 20 years tenure: 3 months.
</v>
          </cell>
          <cell r="J1285">
            <v>1</v>
          </cell>
          <cell r="K1285">
            <v>3</v>
          </cell>
          <cell r="L1285">
            <v>3</v>
          </cell>
          <cell r="M1285">
            <v>3</v>
          </cell>
          <cell r="N1285">
            <v>5</v>
          </cell>
          <cell r="O1285">
            <v>2</v>
          </cell>
        </row>
        <row r="1286">
          <cell r="A1286" t="str">
            <v>POLREG42008</v>
          </cell>
          <cell r="B1286" t="str">
            <v>POL</v>
          </cell>
          <cell r="C1286" t="str">
            <v>Poland</v>
          </cell>
          <cell r="D1286" t="str">
            <v>Item 4</v>
          </cell>
          <cell r="E1286" t="str">
            <v>REG4A, REG4B, REG4C</v>
          </cell>
          <cell r="F1286" t="str">
            <v>Severance pay / tenure</v>
          </cell>
          <cell r="G1286">
            <v>2008</v>
          </cell>
          <cell r="H1286">
            <v>2008</v>
          </cell>
          <cell r="I1286"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1286">
            <v>0.5</v>
          </cell>
          <cell r="K1286">
            <v>1</v>
          </cell>
          <cell r="L1286">
            <v>1.5</v>
          </cell>
          <cell r="M1286">
            <v>1</v>
          </cell>
          <cell r="N1286">
            <v>2</v>
          </cell>
          <cell r="O1286">
            <v>1</v>
          </cell>
        </row>
        <row r="1287">
          <cell r="A1287" t="str">
            <v>POLREG52008</v>
          </cell>
          <cell r="B1287" t="str">
            <v>POL</v>
          </cell>
          <cell r="C1287" t="str">
            <v>Poland</v>
          </cell>
          <cell r="D1287" t="str">
            <v>Item 5</v>
          </cell>
          <cell r="E1287" t="str">
            <v>REG5</v>
          </cell>
          <cell r="F1287" t="str">
            <v>Definition of justified or unfair dismissal</v>
          </cell>
          <cell r="G1287">
            <v>2008</v>
          </cell>
          <cell r="H1287">
            <v>2008</v>
          </cell>
          <cell r="I1287"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1287">
            <v>0</v>
          </cell>
          <cell r="M1287">
            <v>0</v>
          </cell>
        </row>
        <row r="1288">
          <cell r="A1288" t="str">
            <v>POLREG62008</v>
          </cell>
          <cell r="B1288" t="str">
            <v>POL</v>
          </cell>
          <cell r="C1288" t="str">
            <v>Poland</v>
          </cell>
          <cell r="D1288" t="str">
            <v>Item 6</v>
          </cell>
          <cell r="E1288" t="str">
            <v>REG6</v>
          </cell>
          <cell r="F1288" t="str">
            <v>Trial period</v>
          </cell>
          <cell r="G1288">
            <v>2008</v>
          </cell>
          <cell r="H1288">
            <v>2008</v>
          </cell>
          <cell r="I1288" t="str">
            <v xml:space="preserve">All workers:  There is a special type of contract: a contract for a trial period of no more than three months, which may precede any other contract. </v>
          </cell>
          <cell r="J1288">
            <v>3</v>
          </cell>
          <cell r="M1288">
            <v>4</v>
          </cell>
        </row>
        <row r="1289">
          <cell r="A1289" t="str">
            <v>POLREG72008</v>
          </cell>
          <cell r="B1289" t="str">
            <v>POL</v>
          </cell>
          <cell r="C1289" t="str">
            <v>Poland</v>
          </cell>
          <cell r="D1289" t="str">
            <v>Item 7</v>
          </cell>
          <cell r="E1289" t="str">
            <v>REG7</v>
          </cell>
          <cell r="F1289" t="str">
            <v xml:space="preserve">Compensation following unfair dismissal </v>
          </cell>
          <cell r="G1289">
            <v>2008</v>
          </cell>
          <cell r="H1289">
            <v>2008</v>
          </cell>
          <cell r="I1289" t="str">
            <v xml:space="preserve">Compensation of up to 3 months depending on amount of salary earned in another job by the time of court decision.. Typical compensation at 20 years tenure (all workers): 3 months. </v>
          </cell>
          <cell r="J1289">
            <v>3</v>
          </cell>
          <cell r="M1289">
            <v>0</v>
          </cell>
        </row>
        <row r="1290">
          <cell r="A1290" t="str">
            <v>POLREG82008</v>
          </cell>
          <cell r="B1290" t="str">
            <v>POL</v>
          </cell>
          <cell r="C1290" t="str">
            <v>Poland</v>
          </cell>
          <cell r="D1290" t="str">
            <v>Item 8</v>
          </cell>
          <cell r="E1290" t="str">
            <v>REG8</v>
          </cell>
          <cell r="F1290" t="str">
            <v>Possibility of reinstatement following unfair dismissal</v>
          </cell>
          <cell r="G1290">
            <v>2008</v>
          </cell>
          <cell r="H1290">
            <v>2008</v>
          </cell>
          <cell r="I1290" t="str">
            <v>Reinstatement is possible (dismissal with notice as well as without notice), but not often made available by the court.</v>
          </cell>
          <cell r="J1290">
            <v>1</v>
          </cell>
          <cell r="M1290">
            <v>2</v>
          </cell>
        </row>
        <row r="1291">
          <cell r="A1291" t="str">
            <v>POLREG92008</v>
          </cell>
          <cell r="B1291" t="str">
            <v>POL</v>
          </cell>
          <cell r="C1291" t="str">
            <v>Poland</v>
          </cell>
          <cell r="D1291" t="str">
            <v>Item 9</v>
          </cell>
          <cell r="E1291" t="str">
            <v>REG9</v>
          </cell>
          <cell r="F1291" t="str">
            <v>Maximum time for claim</v>
          </cell>
          <cell r="G1291">
            <v>2008</v>
          </cell>
          <cell r="H1291">
            <v>2008</v>
          </cell>
          <cell r="I1291"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1291">
            <v>0.5</v>
          </cell>
          <cell r="M1291">
            <v>1</v>
          </cell>
        </row>
        <row r="1292">
          <cell r="A1292" t="str">
            <v>POLFTC12008</v>
          </cell>
          <cell r="B1292" t="str">
            <v>POL</v>
          </cell>
          <cell r="C1292" t="str">
            <v>Poland</v>
          </cell>
          <cell r="D1292" t="str">
            <v>Item 10</v>
          </cell>
          <cell r="E1292" t="str">
            <v>FTC1</v>
          </cell>
          <cell r="F1292" t="str">
            <v>Valid cases for use of fixed-term contracts, other than  “objective”  or “material” situation</v>
          </cell>
          <cell r="G1292">
            <v>2008</v>
          </cell>
          <cell r="H1292">
            <v>2008</v>
          </cell>
          <cell r="I1292" t="str">
            <v>No restrictions on standard fixed-term contracts.</v>
          </cell>
          <cell r="J1292">
            <v>3</v>
          </cell>
          <cell r="M1292">
            <v>0</v>
          </cell>
        </row>
        <row r="1293">
          <cell r="A1293" t="str">
            <v>POLFTC22008</v>
          </cell>
          <cell r="B1293" t="str">
            <v>POL</v>
          </cell>
          <cell r="C1293" t="str">
            <v>Poland</v>
          </cell>
          <cell r="D1293" t="str">
            <v>Item 11</v>
          </cell>
          <cell r="E1293" t="str">
            <v>FTC2</v>
          </cell>
          <cell r="F1293" t="str">
            <v>Maximum number of successive fixed-term contracts</v>
          </cell>
          <cell r="G1293">
            <v>2008</v>
          </cell>
          <cell r="H1293">
            <v>2008</v>
          </cell>
          <cell r="I1293" t="str">
            <v xml:space="preserve">2 successive fixed-term contracts allowed.
</v>
          </cell>
          <cell r="J1293">
            <v>2</v>
          </cell>
          <cell r="M1293">
            <v>4</v>
          </cell>
        </row>
        <row r="1294">
          <cell r="A1294" t="str">
            <v>POLFTC32008</v>
          </cell>
          <cell r="B1294" t="str">
            <v>POL</v>
          </cell>
          <cell r="C1294" t="str">
            <v>Poland</v>
          </cell>
          <cell r="D1294" t="str">
            <v>Item 12</v>
          </cell>
          <cell r="E1294" t="str">
            <v>FTC3</v>
          </cell>
          <cell r="F1294" t="str">
            <v>Maximum cumulated duration of successive fixed-term contracts</v>
          </cell>
          <cell r="G1294">
            <v>2008</v>
          </cell>
          <cell r="H1294">
            <v>2008</v>
          </cell>
          <cell r="I1294" t="str">
            <v>No limit specified.</v>
          </cell>
          <cell r="J1294">
            <v>200</v>
          </cell>
          <cell r="M1294">
            <v>0</v>
          </cell>
        </row>
        <row r="1295">
          <cell r="A1295" t="str">
            <v>POLTWA12008</v>
          </cell>
          <cell r="B1295" t="str">
            <v>POL</v>
          </cell>
          <cell r="C1295" t="str">
            <v>Poland</v>
          </cell>
          <cell r="D1295" t="str">
            <v>Item 13</v>
          </cell>
          <cell r="E1295" t="str">
            <v>TWA1</v>
          </cell>
          <cell r="F1295" t="str">
            <v>Types of work for which TWA employment is legal</v>
          </cell>
          <cell r="G1295">
            <v>2008</v>
          </cell>
          <cell r="H1295">
            <v>2008</v>
          </cell>
          <cell r="I1295"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1295">
            <v>2</v>
          </cell>
          <cell r="M1295">
            <v>3</v>
          </cell>
        </row>
        <row r="1296">
          <cell r="A1296" t="str">
            <v>POLTWA22008</v>
          </cell>
          <cell r="B1296" t="str">
            <v>POL</v>
          </cell>
          <cell r="C1296" t="str">
            <v>Poland</v>
          </cell>
          <cell r="D1296" t="str">
            <v>Item 14</v>
          </cell>
          <cell r="E1296" t="str">
            <v>TWA2A, TWA2B</v>
          </cell>
          <cell r="F1296" t="str">
            <v>Are there any restrictions on the number of renewals of a TWA contract?</v>
          </cell>
          <cell r="G1296">
            <v>2008</v>
          </cell>
          <cell r="H1296">
            <v>2008</v>
          </cell>
          <cell r="I1296" t="str">
            <v>No</v>
          </cell>
          <cell r="J1296" t="str">
            <v>No</v>
          </cell>
          <cell r="K1296" t="str">
            <v>No</v>
          </cell>
          <cell r="M1296">
            <v>2</v>
          </cell>
          <cell r="N1296">
            <v>2</v>
          </cell>
        </row>
        <row r="1297">
          <cell r="A1297" t="str">
            <v>POLTWA32008</v>
          </cell>
          <cell r="B1297" t="str">
            <v>POL</v>
          </cell>
          <cell r="C1297" t="str">
            <v>Poland</v>
          </cell>
          <cell r="D1297" t="str">
            <v>Item 15</v>
          </cell>
          <cell r="E1297" t="str">
            <v>TWA3A, TWA3B</v>
          </cell>
          <cell r="F1297" t="str">
            <v>Maximum cumulated duration of temporary work contracts</v>
          </cell>
          <cell r="G1297">
            <v>2008</v>
          </cell>
          <cell r="H1297">
            <v>2008</v>
          </cell>
          <cell r="I1297" t="str">
            <v xml:space="preserve">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
There are no limits for contracts between the worker and the agency provided that the worker changes user employer once maximum assignment length is reached. </v>
          </cell>
          <cell r="J1297">
            <v>24</v>
          </cell>
          <cell r="K1297">
            <v>100</v>
          </cell>
          <cell r="M1297">
            <v>2</v>
          </cell>
          <cell r="N1297">
            <v>0</v>
          </cell>
        </row>
        <row r="1298">
          <cell r="A1298" t="str">
            <v>POLTWA42008</v>
          </cell>
          <cell r="B1298" t="str">
            <v>POL</v>
          </cell>
          <cell r="C1298" t="str">
            <v>Poland</v>
          </cell>
          <cell r="D1298" t="str">
            <v>Item 16</v>
          </cell>
          <cell r="E1298" t="str">
            <v>TWA4</v>
          </cell>
          <cell r="F1298" t="str">
            <v>Authorisation and reporting obligations</v>
          </cell>
          <cell r="G1298">
            <v>2008</v>
          </cell>
          <cell r="H1298">
            <v>2008</v>
          </cell>
          <cell r="I1298" t="str">
            <v>The set up of TWA in Poland requires special administrative authorisation and entails periodic reporting obligations.</v>
          </cell>
          <cell r="J1298">
            <v>3</v>
          </cell>
          <cell r="M1298">
            <v>6</v>
          </cell>
        </row>
        <row r="1299">
          <cell r="A1299" t="str">
            <v>POLTWA52008</v>
          </cell>
          <cell r="B1299" t="str">
            <v>POL</v>
          </cell>
          <cell r="C1299" t="str">
            <v>Poland</v>
          </cell>
          <cell r="D1299" t="str">
            <v>Item 17</v>
          </cell>
          <cell r="E1299" t="str">
            <v>TWA5</v>
          </cell>
          <cell r="F1299" t="str">
            <v>Equal treatment for TWA workers</v>
          </cell>
          <cell r="G1299">
            <v>2008</v>
          </cell>
          <cell r="H1299">
            <v>2008</v>
          </cell>
          <cell r="I1299"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1299">
            <v>2</v>
          </cell>
          <cell r="M1299">
            <v>6</v>
          </cell>
        </row>
        <row r="1300">
          <cell r="A1300" t="str">
            <v>POLCD12008</v>
          </cell>
          <cell r="B1300" t="str">
            <v>POL</v>
          </cell>
          <cell r="C1300" t="str">
            <v>Poland</v>
          </cell>
          <cell r="D1300" t="str">
            <v>Item 18</v>
          </cell>
          <cell r="E1300" t="str">
            <v>CD1</v>
          </cell>
          <cell r="F1300" t="str">
            <v>Definition of collective dismissal</v>
          </cell>
          <cell r="G1300">
            <v>2008</v>
          </cell>
          <cell r="H1300">
            <v>2008</v>
          </cell>
          <cell r="I1300" t="str">
            <v xml:space="preserve">10 workers in firms 20-99. 10% in firms &lt;300. 30 workers in firms with 300 or more workers  </v>
          </cell>
          <cell r="J1300">
            <v>3</v>
          </cell>
          <cell r="M1300">
            <v>4.5</v>
          </cell>
        </row>
        <row r="1301">
          <cell r="A1301" t="str">
            <v>POLCD22008</v>
          </cell>
          <cell r="B1301" t="str">
            <v>POL</v>
          </cell>
          <cell r="C1301" t="str">
            <v>Poland</v>
          </cell>
          <cell r="D1301" t="str">
            <v>Item 19</v>
          </cell>
          <cell r="E1301" t="str">
            <v>CD2</v>
          </cell>
          <cell r="F1301" t="str">
            <v>Additional notification requirements in case of collective dismissals</v>
          </cell>
          <cell r="G1301">
            <v>2008</v>
          </cell>
          <cell r="H1301">
            <v>2008</v>
          </cell>
          <cell r="I1301" t="str">
            <v>Notification of employee representatives: Duty to inform competent trade unions. Notification of public authorities: Notification of local employment office.</v>
          </cell>
          <cell r="J1301">
            <v>1</v>
          </cell>
          <cell r="M1301">
            <v>3</v>
          </cell>
        </row>
        <row r="1302">
          <cell r="A1302" t="str">
            <v>POLCD32008</v>
          </cell>
          <cell r="B1302" t="str">
            <v>POL</v>
          </cell>
          <cell r="C1302" t="str">
            <v>Poland</v>
          </cell>
          <cell r="D1302" t="str">
            <v>Item 20</v>
          </cell>
          <cell r="E1302" t="str">
            <v>CD3</v>
          </cell>
          <cell r="F1302" t="str">
            <v>Additional delays involved in case of collective dismissals</v>
          </cell>
          <cell r="G1302">
            <v>2008</v>
          </cell>
          <cell r="H1302">
            <v>2008</v>
          </cell>
          <cell r="I1302" t="str">
            <v>Information to trade union 20 days before implementation and notification to PES before start of notice period.
Calculation: 20 days - 10 days for individual dismissals</v>
          </cell>
          <cell r="J1302">
            <v>10</v>
          </cell>
          <cell r="M1302">
            <v>1</v>
          </cell>
        </row>
        <row r="1303">
          <cell r="A1303" t="str">
            <v>POLCD42008</v>
          </cell>
          <cell r="B1303" t="str">
            <v>POL</v>
          </cell>
          <cell r="C1303" t="str">
            <v>Poland</v>
          </cell>
          <cell r="D1303" t="str">
            <v>Item 21</v>
          </cell>
          <cell r="E1303" t="str">
            <v>CD4</v>
          </cell>
          <cell r="F1303" t="str">
            <v>Other special costs to employers in case of collective dismissals</v>
          </cell>
          <cell r="G1303">
            <v>2008</v>
          </cell>
          <cell r="H1303">
            <v>2008</v>
          </cell>
          <cell r="I1303"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1303">
            <v>1</v>
          </cell>
          <cell r="M1303">
            <v>3</v>
          </cell>
        </row>
        <row r="1304">
          <cell r="A1304" t="str">
            <v>PRTREG12008</v>
          </cell>
          <cell r="B1304" t="str">
            <v>PRT</v>
          </cell>
          <cell r="C1304" t="str">
            <v>Portugal</v>
          </cell>
          <cell r="D1304" t="str">
            <v>Item 1</v>
          </cell>
          <cell r="E1304" t="str">
            <v>REG1</v>
          </cell>
          <cell r="F1304" t="str">
            <v>Notification procedures</v>
          </cell>
          <cell r="G1304">
            <v>2008</v>
          </cell>
          <cell r="H1304">
            <v>2009</v>
          </cell>
          <cell r="I1304"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1304">
            <v>2</v>
          </cell>
          <cell r="M1304">
            <v>4</v>
          </cell>
        </row>
        <row r="1305">
          <cell r="A1305" t="str">
            <v>PRTREG22008</v>
          </cell>
          <cell r="B1305" t="str">
            <v>PRT</v>
          </cell>
          <cell r="C1305" t="str">
            <v>Portugal</v>
          </cell>
          <cell r="D1305" t="str">
            <v>Item 2</v>
          </cell>
          <cell r="E1305" t="str">
            <v>REG2</v>
          </cell>
          <cell r="F1305" t="str">
            <v>Delay before notice can start</v>
          </cell>
          <cell r="G1305">
            <v>2008</v>
          </cell>
          <cell r="H1305">
            <v>2009</v>
          </cell>
          <cell r="I1305"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05">
            <v>19</v>
          </cell>
          <cell r="M1305">
            <v>3</v>
          </cell>
        </row>
        <row r="1306">
          <cell r="A1306" t="str">
            <v>PRTREG32008</v>
          </cell>
          <cell r="B1306" t="str">
            <v>PRT</v>
          </cell>
          <cell r="C1306" t="str">
            <v>Portugal</v>
          </cell>
          <cell r="D1306" t="str">
            <v>Item 3</v>
          </cell>
          <cell r="E1306" t="str">
            <v>REG3A, REG3B, REG3C</v>
          </cell>
          <cell r="F1306" t="str">
            <v>Notice / tenure</v>
          </cell>
          <cell r="G1306">
            <v>2008</v>
          </cell>
          <cell r="H1306">
            <v>2009</v>
          </cell>
          <cell r="I1306" t="str">
            <v>All workers: 0&lt;2m; 60d&gt;2m (legal minimum).
9 months tenure: 60 days, 4 years tenure: 60 days, 20 years tenure: 60 days.</v>
          </cell>
          <cell r="J1306">
            <v>2</v>
          </cell>
          <cell r="K1306">
            <v>2</v>
          </cell>
          <cell r="L1306">
            <v>2</v>
          </cell>
          <cell r="M1306">
            <v>6</v>
          </cell>
          <cell r="N1306">
            <v>4</v>
          </cell>
          <cell r="O1306">
            <v>1</v>
          </cell>
        </row>
        <row r="1307">
          <cell r="A1307" t="str">
            <v>PRTREG42008</v>
          </cell>
          <cell r="B1307" t="str">
            <v>PRT</v>
          </cell>
          <cell r="C1307" t="str">
            <v>Portugal</v>
          </cell>
          <cell r="D1307" t="str">
            <v>Item 4</v>
          </cell>
          <cell r="E1307" t="str">
            <v>REG4A, REG4B, REG4C</v>
          </cell>
          <cell r="F1307" t="str">
            <v>Severance pay / tenure</v>
          </cell>
          <cell r="G1307">
            <v>2008</v>
          </cell>
          <cell r="H1307">
            <v>2009</v>
          </cell>
          <cell r="I1307" t="str">
            <v>All workers: 1m per year of service (legal minimum 3m). 9 months tenure: 3 months, 4 years tenure: 4 months, 20 years tenure: 20 months.</v>
          </cell>
          <cell r="J1307">
            <v>3</v>
          </cell>
          <cell r="K1307">
            <v>4</v>
          </cell>
          <cell r="L1307">
            <v>20</v>
          </cell>
          <cell r="M1307">
            <v>6</v>
          </cell>
          <cell r="N1307">
            <v>6</v>
          </cell>
          <cell r="O1307">
            <v>6</v>
          </cell>
        </row>
        <row r="1308">
          <cell r="A1308" t="str">
            <v>PRTREG52008</v>
          </cell>
          <cell r="B1308" t="str">
            <v>PRT</v>
          </cell>
          <cell r="C1308" t="str">
            <v>Portugal</v>
          </cell>
          <cell r="D1308" t="str">
            <v>Item 5</v>
          </cell>
          <cell r="E1308" t="str">
            <v>REG5</v>
          </cell>
          <cell r="F1308" t="str">
            <v>Definition of justified or unfair dismissal</v>
          </cell>
          <cell r="G1308">
            <v>2008</v>
          </cell>
          <cell r="H1308">
            <v>2009</v>
          </cell>
          <cell r="I1308"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08">
            <v>2.5</v>
          </cell>
          <cell r="M1308">
            <v>5</v>
          </cell>
        </row>
        <row r="1309">
          <cell r="A1309" t="str">
            <v>PRTREG62008</v>
          </cell>
          <cell r="B1309" t="str">
            <v>PRT</v>
          </cell>
          <cell r="C1309" t="str">
            <v>Portugal</v>
          </cell>
          <cell r="D1309" t="str">
            <v>Item 6</v>
          </cell>
          <cell r="E1309" t="str">
            <v>REG6</v>
          </cell>
          <cell r="F1309" t="str">
            <v>Trial period</v>
          </cell>
          <cell r="G1309">
            <v>2008</v>
          </cell>
          <cell r="H1309">
            <v>2009</v>
          </cell>
          <cell r="I1309"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09">
            <v>4.5</v>
          </cell>
          <cell r="M1309">
            <v>4</v>
          </cell>
        </row>
        <row r="1310">
          <cell r="A1310" t="str">
            <v>PRTREG72008</v>
          </cell>
          <cell r="B1310" t="str">
            <v>PRT</v>
          </cell>
          <cell r="C1310" t="str">
            <v>Portugal</v>
          </cell>
          <cell r="D1310" t="str">
            <v>Item 7</v>
          </cell>
          <cell r="E1310" t="str">
            <v>REG7</v>
          </cell>
          <cell r="F1310" t="str">
            <v xml:space="preserve">Compensation following unfair dismissal </v>
          </cell>
          <cell r="G1310">
            <v>2008</v>
          </cell>
          <cell r="H1310">
            <v>2009</v>
          </cell>
          <cell r="I1310"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10">
            <v>20</v>
          </cell>
          <cell r="M1310">
            <v>4</v>
          </cell>
        </row>
        <row r="1311">
          <cell r="A1311" t="str">
            <v>PRTREG82008</v>
          </cell>
          <cell r="B1311" t="str">
            <v>PRT</v>
          </cell>
          <cell r="C1311" t="str">
            <v>Portugal</v>
          </cell>
          <cell r="D1311" t="str">
            <v>Item 8</v>
          </cell>
          <cell r="E1311" t="str">
            <v>REG8</v>
          </cell>
          <cell r="F1311" t="str">
            <v>Possibility of reinstatement following unfair dismissal</v>
          </cell>
          <cell r="G1311">
            <v>2008</v>
          </cell>
          <cell r="H1311">
            <v>2009</v>
          </cell>
          <cell r="I1311"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11">
            <v>3</v>
          </cell>
          <cell r="M1311">
            <v>6</v>
          </cell>
        </row>
        <row r="1312">
          <cell r="A1312" t="str">
            <v>PRTREG92008</v>
          </cell>
          <cell r="B1312" t="str">
            <v>PRT</v>
          </cell>
          <cell r="C1312" t="str">
            <v>Portugal</v>
          </cell>
          <cell r="D1312" t="str">
            <v>Item 9</v>
          </cell>
          <cell r="E1312" t="str">
            <v>REG9</v>
          </cell>
          <cell r="F1312" t="str">
            <v>Maximum time for claim</v>
          </cell>
          <cell r="G1312">
            <v>2008</v>
          </cell>
          <cell r="H1312">
            <v>2009</v>
          </cell>
          <cell r="I1312"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12">
            <v>1</v>
          </cell>
          <cell r="M1312">
            <v>1</v>
          </cell>
        </row>
        <row r="1313">
          <cell r="A1313" t="str">
            <v>PRTFTC12008</v>
          </cell>
          <cell r="B1313" t="str">
            <v>PRT</v>
          </cell>
          <cell r="C1313" t="str">
            <v>Portugal</v>
          </cell>
          <cell r="D1313" t="str">
            <v>Item 10</v>
          </cell>
          <cell r="E1313" t="str">
            <v>FTC1</v>
          </cell>
          <cell r="F1313" t="str">
            <v>Valid cases for use of fixed-term contracts, other than  “objective”  or “material” situation</v>
          </cell>
          <cell r="G1313">
            <v>2008</v>
          </cell>
          <cell r="H1313">
            <v>2009</v>
          </cell>
          <cell r="I1313" t="str">
            <v>Permitted, inter alia, for a) business start-ups, b) launching a new activity of uncertain duration and c) recruiting workers in search of their first job and long-term unemployed.</v>
          </cell>
          <cell r="J1313">
            <v>2</v>
          </cell>
          <cell r="M1313">
            <v>2</v>
          </cell>
        </row>
        <row r="1314">
          <cell r="A1314" t="str">
            <v>PRTFTC22008</v>
          </cell>
          <cell r="B1314" t="str">
            <v>PRT</v>
          </cell>
          <cell r="C1314" t="str">
            <v>Portugal</v>
          </cell>
          <cell r="D1314" t="str">
            <v>Item 11</v>
          </cell>
          <cell r="E1314" t="str">
            <v>FTC2</v>
          </cell>
          <cell r="F1314" t="str">
            <v>Maximum number of successive fixed-term contracts</v>
          </cell>
          <cell r="G1314">
            <v>2008</v>
          </cell>
          <cell r="H1314">
            <v>2009</v>
          </cell>
          <cell r="I1314">
            <v>4</v>
          </cell>
          <cell r="J1314">
            <v>4</v>
          </cell>
          <cell r="M1314">
            <v>2</v>
          </cell>
        </row>
        <row r="1315">
          <cell r="A1315" t="str">
            <v>PRTFTC32008</v>
          </cell>
          <cell r="B1315" t="str">
            <v>PRT</v>
          </cell>
          <cell r="C1315" t="str">
            <v>Portugal</v>
          </cell>
          <cell r="D1315" t="str">
            <v>Item 12</v>
          </cell>
          <cell r="E1315" t="str">
            <v>FTC3</v>
          </cell>
          <cell r="F1315" t="str">
            <v>Maximum cumulated duration of successive fixed-term contracts</v>
          </cell>
          <cell r="G1315">
            <v>2008</v>
          </cell>
          <cell r="H1315">
            <v>2009</v>
          </cell>
          <cell r="I1315" t="str">
            <v>3 years when there is a fixed date of termination; 6 years where there is no fixed date of termination (e.g. for completion of a particular task). Calculation: average of two situations.</v>
          </cell>
          <cell r="J1315">
            <v>54</v>
          </cell>
          <cell r="M1315">
            <v>1</v>
          </cell>
        </row>
        <row r="1316">
          <cell r="A1316" t="str">
            <v>PRTTWA12008</v>
          </cell>
          <cell r="B1316" t="str">
            <v>PRT</v>
          </cell>
          <cell r="C1316" t="str">
            <v>Portugal</v>
          </cell>
          <cell r="D1316" t="str">
            <v>Item 13</v>
          </cell>
          <cell r="E1316" t="str">
            <v>TWA1</v>
          </cell>
          <cell r="F1316" t="str">
            <v>Types of work for which TWA employment is legal</v>
          </cell>
          <cell r="G1316">
            <v>2008</v>
          </cell>
          <cell r="H1316">
            <v>2009</v>
          </cell>
          <cell r="I1316"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16">
            <v>2.5</v>
          </cell>
          <cell r="M1316">
            <v>2.25</v>
          </cell>
        </row>
        <row r="1317">
          <cell r="A1317" t="str">
            <v>PRTTWA22008</v>
          </cell>
          <cell r="B1317" t="str">
            <v>PRT</v>
          </cell>
          <cell r="C1317" t="str">
            <v>Portugal</v>
          </cell>
          <cell r="D1317" t="str">
            <v>Item 14</v>
          </cell>
          <cell r="E1317" t="str">
            <v>TWA2A, TWA2B</v>
          </cell>
          <cell r="F1317" t="str">
            <v>Are there any restrictions on the number of renewals of a TWA contract?</v>
          </cell>
          <cell r="G1317">
            <v>2008</v>
          </cell>
          <cell r="H1317">
            <v>2009</v>
          </cell>
          <cell r="I1317" t="str">
            <v>Renewal of temporary employment contracts:
A temporary fixed term contract may be renewed for as long as the justifying motive is maintained (number 2 of article 182 of the CT).</v>
          </cell>
          <cell r="J1317" t="str">
            <v>No</v>
          </cell>
          <cell r="K1317" t="str">
            <v>No</v>
          </cell>
          <cell r="M1317">
            <v>2</v>
          </cell>
          <cell r="N1317">
            <v>2</v>
          </cell>
        </row>
        <row r="1318">
          <cell r="A1318" t="str">
            <v>PRTTWA32008</v>
          </cell>
          <cell r="B1318" t="str">
            <v>PRT</v>
          </cell>
          <cell r="C1318" t="str">
            <v>Portugal</v>
          </cell>
          <cell r="D1318" t="str">
            <v>Item 15</v>
          </cell>
          <cell r="E1318" t="str">
            <v>TWA3A, TWA3B</v>
          </cell>
          <cell r="F1318" t="str">
            <v>Maximum cumulated duration of temporary work contracts</v>
          </cell>
          <cell r="G1318">
            <v>2008</v>
          </cell>
          <cell r="H1318">
            <v>2009</v>
          </cell>
          <cell r="I1318"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J1318">
            <v>24</v>
          </cell>
          <cell r="K1318">
            <v>24</v>
          </cell>
          <cell r="M1318">
            <v>2</v>
          </cell>
          <cell r="N1318">
            <v>2</v>
          </cell>
        </row>
        <row r="1319">
          <cell r="A1319" t="str">
            <v>PRTTWA42008</v>
          </cell>
          <cell r="B1319" t="str">
            <v>PRT</v>
          </cell>
          <cell r="C1319" t="str">
            <v>Portugal</v>
          </cell>
          <cell r="D1319" t="str">
            <v>Item 16</v>
          </cell>
          <cell r="E1319" t="str">
            <v>TWA4</v>
          </cell>
          <cell r="F1319" t="str">
            <v>Authorisation and reporting obligations</v>
          </cell>
          <cell r="G1319">
            <v>2008</v>
          </cell>
          <cell r="H1319">
            <v>2009</v>
          </cell>
          <cell r="I1319" t="str">
            <v>No special administrative authorisation, but there are periodic reporting obligations.</v>
          </cell>
          <cell r="J1319">
            <v>2</v>
          </cell>
          <cell r="M1319">
            <v>4</v>
          </cell>
        </row>
        <row r="1320">
          <cell r="A1320" t="str">
            <v>PRTTWA52008</v>
          </cell>
          <cell r="B1320" t="str">
            <v>PRT</v>
          </cell>
          <cell r="C1320" t="str">
            <v>Portugal</v>
          </cell>
          <cell r="D1320" t="str">
            <v>Item 17</v>
          </cell>
          <cell r="E1320" t="str">
            <v>TWA5</v>
          </cell>
          <cell r="F1320" t="str">
            <v>Equal treatment for TWA workers</v>
          </cell>
          <cell r="G1320">
            <v>2008</v>
          </cell>
          <cell r="H1320">
            <v>2009</v>
          </cell>
          <cell r="I1320"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20">
            <v>1.5</v>
          </cell>
          <cell r="M1320">
            <v>4.5</v>
          </cell>
          <cell r="P1320" t="str">
            <v>From 2008</v>
          </cell>
        </row>
        <row r="1321">
          <cell r="A1321" t="str">
            <v>PRTCD12008</v>
          </cell>
          <cell r="B1321" t="str">
            <v>PRT</v>
          </cell>
          <cell r="C1321" t="str">
            <v>Portugal</v>
          </cell>
          <cell r="D1321" t="str">
            <v>Item 18</v>
          </cell>
          <cell r="E1321" t="str">
            <v>CD1</v>
          </cell>
          <cell r="F1321" t="str">
            <v>Definition of collective dismissal</v>
          </cell>
          <cell r="G1321">
            <v>2008</v>
          </cell>
          <cell r="H1321">
            <v>2009</v>
          </cell>
          <cell r="I1321" t="str">
            <v>Within 90 days, dismissal of 2+ workers in firms &lt;51 employees; 5+ workers in firms 51+ employees for structural, technological or market motives.</v>
          </cell>
          <cell r="J1321">
            <v>4</v>
          </cell>
          <cell r="M1321">
            <v>6</v>
          </cell>
        </row>
        <row r="1322">
          <cell r="A1322" t="str">
            <v>PRTCD22008</v>
          </cell>
          <cell r="B1322" t="str">
            <v>PRT</v>
          </cell>
          <cell r="C1322" t="str">
            <v>Portugal</v>
          </cell>
          <cell r="D1322" t="str">
            <v>Item 19</v>
          </cell>
          <cell r="E1322" t="str">
            <v>CD2</v>
          </cell>
          <cell r="F1322" t="str">
            <v>Additional notification requirements in case of collective dismissals</v>
          </cell>
          <cell r="G1322">
            <v>2008</v>
          </cell>
          <cell r="H1322">
            <v>2009</v>
          </cell>
          <cell r="I1322" t="str">
            <v>Notification of employee representatives: Duty to inform and consult with Works Council or trade union delegation. Notification of public authorities: Notification of Labour Inspectorate.</v>
          </cell>
          <cell r="J1322">
            <v>0.5</v>
          </cell>
          <cell r="M1322">
            <v>1.5</v>
          </cell>
        </row>
        <row r="1323">
          <cell r="A1323" t="str">
            <v>PRTCD32008</v>
          </cell>
          <cell r="B1323" t="str">
            <v>PRT</v>
          </cell>
          <cell r="C1323" t="str">
            <v>Portugal</v>
          </cell>
          <cell r="D1323" t="str">
            <v>Item 20</v>
          </cell>
          <cell r="E1323" t="str">
            <v>CD3</v>
          </cell>
          <cell r="F1323" t="str">
            <v>Additional delays involved in case of collective dismissals</v>
          </cell>
          <cell r="G1323">
            <v>2008</v>
          </cell>
          <cell r="H1323">
            <v>2009</v>
          </cell>
          <cell r="I1323" t="str">
            <v>No additional delays</v>
          </cell>
          <cell r="J1323">
            <v>0</v>
          </cell>
          <cell r="M1323">
            <v>0</v>
          </cell>
        </row>
        <row r="1324">
          <cell r="A1324" t="str">
            <v>PRTCD42008</v>
          </cell>
          <cell r="B1324" t="str">
            <v>PRT</v>
          </cell>
          <cell r="C1324" t="str">
            <v>Portugal</v>
          </cell>
          <cell r="D1324" t="str">
            <v>Item 21</v>
          </cell>
          <cell r="E1324" t="str">
            <v>CD4</v>
          </cell>
          <cell r="F1324" t="str">
            <v>Other special costs to employers in case of collective dismissals</v>
          </cell>
          <cell r="G1324">
            <v>2008</v>
          </cell>
          <cell r="H1324">
            <v>2009</v>
          </cell>
          <cell r="I1324"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J1324">
            <v>0</v>
          </cell>
          <cell r="M1324">
            <v>0</v>
          </cell>
        </row>
        <row r="1325">
          <cell r="A1325" t="str">
            <v>PRTREG12012</v>
          </cell>
          <cell r="B1325" t="str">
            <v>PRT</v>
          </cell>
          <cell r="C1325" t="str">
            <v>Portugal</v>
          </cell>
          <cell r="D1325" t="str">
            <v>Item 1</v>
          </cell>
          <cell r="E1325" t="str">
            <v>REG1</v>
          </cell>
          <cell r="F1325" t="str">
            <v>Notification procedures</v>
          </cell>
          <cell r="G1325">
            <v>2012</v>
          </cell>
          <cell r="H1325">
            <v>2012</v>
          </cell>
          <cell r="I1325"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argued requirements for dismissal, informing simultaneously the employer of this fact (number 2 of article 370 of the CT).
Dismissal due to unsuitability:
The employer notifies, in writing: (i) the workers committee or, in its absence, the inter-union committee or union committee, (ii) the worker involved and (iii) if the worker is a union representative, his/her union association, the grounds for dismissal [number 1 of article 376 of the CT).
</v>
          </cell>
          <cell r="J1325">
            <v>2</v>
          </cell>
          <cell r="M1325">
            <v>4</v>
          </cell>
        </row>
        <row r="1326">
          <cell r="A1326" t="str">
            <v>PRTREG22012</v>
          </cell>
          <cell r="B1326" t="str">
            <v>PRT</v>
          </cell>
          <cell r="C1326" t="str">
            <v>Portugal</v>
          </cell>
          <cell r="D1326" t="str">
            <v>Item 2</v>
          </cell>
          <cell r="E1326" t="str">
            <v>REG2</v>
          </cell>
          <cell r="F1326" t="str">
            <v>Delay before notice can start</v>
          </cell>
          <cell r="G1326">
            <v>2012</v>
          </cell>
          <cell r="H1326">
            <v>2012</v>
          </cell>
          <cell r="I1326"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26">
            <v>19</v>
          </cell>
          <cell r="M1326">
            <v>3</v>
          </cell>
          <cell r="P1326" t="str">
            <v>12-fev-2009??</v>
          </cell>
        </row>
        <row r="1327">
          <cell r="A1327" t="str">
            <v>PRTREG32012</v>
          </cell>
          <cell r="B1327" t="str">
            <v>PRT</v>
          </cell>
          <cell r="C1327" t="str">
            <v>Portugal</v>
          </cell>
          <cell r="D1327" t="str">
            <v>Item 3</v>
          </cell>
          <cell r="E1327" t="str">
            <v>REG3A, REG3B, REG3C</v>
          </cell>
          <cell r="F1327" t="str">
            <v>Notice / tenure</v>
          </cell>
          <cell r="G1327">
            <v>2012</v>
          </cell>
          <cell r="H1327">
            <v>2012</v>
          </cell>
          <cell r="I1327"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1327">
            <v>0.5</v>
          </cell>
          <cell r="K1327">
            <v>1</v>
          </cell>
          <cell r="L1327">
            <v>2.5</v>
          </cell>
          <cell r="M1327">
            <v>2</v>
          </cell>
          <cell r="N1327">
            <v>2</v>
          </cell>
          <cell r="O1327">
            <v>1</v>
          </cell>
        </row>
        <row r="1328">
          <cell r="A1328" t="str">
            <v>PRTREG42012</v>
          </cell>
          <cell r="B1328" t="str">
            <v>PRT</v>
          </cell>
          <cell r="C1328" t="str">
            <v>Portugal</v>
          </cell>
          <cell r="D1328" t="str">
            <v>Item 4</v>
          </cell>
          <cell r="E1328" t="str">
            <v>REG4A, REG4B, REG4C</v>
          </cell>
          <cell r="F1328" t="str">
            <v>Severance pay / tenure</v>
          </cell>
          <cell r="G1328">
            <v>2012</v>
          </cell>
          <cell r="H1328">
            <v>2012</v>
          </cell>
          <cell r="I1328" t="str">
            <v>Severance payments in the case of termination of employment contracts signed until 31st  October 2011:
The worker is entitled to severance payments corresponding to one month of base wage and tenure-based increments for every year of tenure (number 2 of article 366 of the CT). The severance payments cannot be less than three months of base wage and tenure based increments (number 3 of article 366 of the CT).
Severance payments in the case of termination of employment contracts signed after 1st of November 2011 (article 366-A added to the Labour Code, by Law number 53/2011, 14 October): 
The worker is entitled to severance payments corresponding to 20 days of base wage and tenure based increments for every year of tenure. The worker’s monthly base wage and tenure based increments that is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Calculation: based on contracts signed after November 2011.</v>
          </cell>
          <cell r="J1328">
            <v>0.5</v>
          </cell>
          <cell r="K1328">
            <v>2.67</v>
          </cell>
          <cell r="L1328">
            <v>12</v>
          </cell>
          <cell r="M1328">
            <v>1</v>
          </cell>
          <cell r="N1328">
            <v>4</v>
          </cell>
          <cell r="O1328">
            <v>4</v>
          </cell>
        </row>
        <row r="1329">
          <cell r="A1329" t="str">
            <v>PRTREG52012</v>
          </cell>
          <cell r="B1329" t="str">
            <v>PRT</v>
          </cell>
          <cell r="C1329" t="str">
            <v>Portugal</v>
          </cell>
          <cell r="D1329" t="str">
            <v>Item 5</v>
          </cell>
          <cell r="E1329" t="str">
            <v>REG5</v>
          </cell>
          <cell r="F1329" t="str">
            <v>Definition of justified or unfair dismissal</v>
          </cell>
          <cell r="G1329">
            <v>2012</v>
          </cell>
          <cell r="H1329">
            <v>2012</v>
          </cell>
          <cell r="I1329"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29">
            <v>2.5</v>
          </cell>
          <cell r="M1329">
            <v>5</v>
          </cell>
        </row>
        <row r="1330">
          <cell r="A1330" t="str">
            <v>PRTREG62012</v>
          </cell>
          <cell r="B1330" t="str">
            <v>PRT</v>
          </cell>
          <cell r="C1330" t="str">
            <v>Portugal</v>
          </cell>
          <cell r="D1330" t="str">
            <v>Item 6</v>
          </cell>
          <cell r="E1330" t="str">
            <v>REG6</v>
          </cell>
          <cell r="F1330" t="str">
            <v>Trial period</v>
          </cell>
          <cell r="G1330">
            <v>2012</v>
          </cell>
          <cell r="H1330">
            <v>2012</v>
          </cell>
          <cell r="I1330"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30">
            <v>4.5</v>
          </cell>
          <cell r="M1330">
            <v>4</v>
          </cell>
        </row>
        <row r="1331">
          <cell r="A1331" t="str">
            <v>PRTREG72012</v>
          </cell>
          <cell r="B1331" t="str">
            <v>PRT</v>
          </cell>
          <cell r="C1331" t="str">
            <v>Portugal</v>
          </cell>
          <cell r="D1331" t="str">
            <v>Item 7</v>
          </cell>
          <cell r="E1331" t="str">
            <v>REG7</v>
          </cell>
          <cell r="F1331" t="str">
            <v xml:space="preserve">Compensation following unfair dismissal </v>
          </cell>
          <cell r="G1331">
            <v>2012</v>
          </cell>
          <cell r="H1331">
            <v>2012</v>
          </cell>
          <cell r="I1331"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31">
            <v>20</v>
          </cell>
          <cell r="M1331">
            <v>4</v>
          </cell>
        </row>
        <row r="1332">
          <cell r="A1332" t="str">
            <v>PRTREG82012</v>
          </cell>
          <cell r="B1332" t="str">
            <v>PRT</v>
          </cell>
          <cell r="C1332" t="str">
            <v>Portugal</v>
          </cell>
          <cell r="D1332" t="str">
            <v>Item 8</v>
          </cell>
          <cell r="E1332" t="str">
            <v>REG8</v>
          </cell>
          <cell r="F1332" t="str">
            <v>Possibility of reinstatement following unfair dismissal</v>
          </cell>
          <cell r="G1332">
            <v>2012</v>
          </cell>
          <cell r="H1332">
            <v>2012</v>
          </cell>
          <cell r="I1332"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32">
            <v>3</v>
          </cell>
          <cell r="M1332">
            <v>6</v>
          </cell>
        </row>
        <row r="1333">
          <cell r="A1333" t="str">
            <v>PRTREG92012</v>
          </cell>
          <cell r="B1333" t="str">
            <v>PRT</v>
          </cell>
          <cell r="C1333" t="str">
            <v>Portugal</v>
          </cell>
          <cell r="D1333" t="str">
            <v>Item 9</v>
          </cell>
          <cell r="E1333" t="str">
            <v>REG9</v>
          </cell>
          <cell r="F1333" t="str">
            <v>Maximum time for claim</v>
          </cell>
          <cell r="G1333">
            <v>2012</v>
          </cell>
          <cell r="H1333">
            <v>2012</v>
          </cell>
          <cell r="I1333"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33">
            <v>1</v>
          </cell>
          <cell r="M1333">
            <v>1</v>
          </cell>
        </row>
        <row r="1334">
          <cell r="A1334" t="str">
            <v>PRTFTC12012</v>
          </cell>
          <cell r="B1334" t="str">
            <v>PRT</v>
          </cell>
          <cell r="C1334" t="str">
            <v>Portugal</v>
          </cell>
          <cell r="D1334" t="str">
            <v>Item 10</v>
          </cell>
          <cell r="E1334" t="str">
            <v>FTC1</v>
          </cell>
          <cell r="F1334" t="str">
            <v>Valid cases for use of fixed-term contracts, other than  “objective”  or “material” situation</v>
          </cell>
          <cell r="G1334">
            <v>2012</v>
          </cell>
          <cell r="H1334">
            <v>2012</v>
          </cell>
          <cell r="I1334"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1334">
            <v>2</v>
          </cell>
          <cell r="M1334">
            <v>2</v>
          </cell>
        </row>
        <row r="1335">
          <cell r="A1335" t="str">
            <v>PRTFTC22012</v>
          </cell>
          <cell r="B1335" t="str">
            <v>PRT</v>
          </cell>
          <cell r="C1335" t="str">
            <v>Portugal</v>
          </cell>
          <cell r="D1335" t="str">
            <v>Item 11</v>
          </cell>
          <cell r="E1335" t="str">
            <v>FTC2</v>
          </cell>
          <cell r="F1335" t="str">
            <v>Maximum number of successive fixed-term contracts</v>
          </cell>
          <cell r="G1335">
            <v>2012</v>
          </cell>
          <cell r="H1335">
            <v>2012</v>
          </cell>
          <cell r="I1335" t="str">
            <v>Renewal of fixed term contracts:
A fixed term contracts may be renewed up to three times (number 1 of article 148 of the CT), which means that the maximum number of successive fixed term contracts is 4 (initial contract plus the three permitted renewals).</v>
          </cell>
          <cell r="J1335">
            <v>4</v>
          </cell>
          <cell r="M1335">
            <v>2</v>
          </cell>
        </row>
        <row r="1336">
          <cell r="A1336" t="str">
            <v>PRTFTC32012</v>
          </cell>
          <cell r="B1336" t="str">
            <v>PRT</v>
          </cell>
          <cell r="C1336" t="str">
            <v>Portugal</v>
          </cell>
          <cell r="D1336" t="str">
            <v>Item 12</v>
          </cell>
          <cell r="E1336" t="str">
            <v>FTC3</v>
          </cell>
          <cell r="F1336" t="str">
            <v>Maximum cumulated duration of successive fixed-term contracts</v>
          </cell>
          <cell r="G1336">
            <v>2012</v>
          </cell>
          <cell r="H1336">
            <v>2012</v>
          </cell>
          <cell r="I1336" t="str">
            <v xml:space="preserve">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Calculation: average of cases established in number 4 of article 140 and other cases (((18+24)/2)+((36+72)/2))/2= 37.5 months 37.5 months
</v>
          </cell>
          <cell r="J1336">
            <v>37.5</v>
          </cell>
          <cell r="M1336">
            <v>1</v>
          </cell>
        </row>
        <row r="1337">
          <cell r="A1337" t="str">
            <v>PRTTWA12012</v>
          </cell>
          <cell r="B1337" t="str">
            <v>PRT</v>
          </cell>
          <cell r="C1337" t="str">
            <v>Portugal</v>
          </cell>
          <cell r="D1337" t="str">
            <v>Item 13</v>
          </cell>
          <cell r="E1337" t="str">
            <v>TWA1</v>
          </cell>
          <cell r="F1337" t="str">
            <v>Types of work for which TWA employment is legal</v>
          </cell>
          <cell r="G1337">
            <v>2012</v>
          </cell>
          <cell r="H1337">
            <v>2012</v>
          </cell>
          <cell r="I1337"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37">
            <v>2.5</v>
          </cell>
          <cell r="M1337">
            <v>2.25</v>
          </cell>
        </row>
        <row r="1338">
          <cell r="A1338" t="str">
            <v>PRTTWA22012</v>
          </cell>
          <cell r="B1338" t="str">
            <v>PRT</v>
          </cell>
          <cell r="C1338" t="str">
            <v>Portugal</v>
          </cell>
          <cell r="D1338" t="str">
            <v>Item 14</v>
          </cell>
          <cell r="E1338" t="str">
            <v>TWA2A, TWA2B</v>
          </cell>
          <cell r="F1338" t="str">
            <v>Are there any restrictions on the number of renewals of a TWA contract?</v>
          </cell>
          <cell r="G1338">
            <v>2012</v>
          </cell>
          <cell r="H1338">
            <v>2012</v>
          </cell>
          <cell r="I1338" t="str">
            <v>Renewal of temporary employment contracts:
A temporary fixed term contract may be renewed for as long as the justifying motive is maintained (number 2 of article 182 of the CT).</v>
          </cell>
          <cell r="J1338" t="str">
            <v>No</v>
          </cell>
          <cell r="K1338" t="str">
            <v>No</v>
          </cell>
          <cell r="M1338">
            <v>2</v>
          </cell>
          <cell r="N1338">
            <v>2</v>
          </cell>
        </row>
        <row r="1339">
          <cell r="A1339" t="str">
            <v>PRTTWA32012</v>
          </cell>
          <cell r="B1339" t="str">
            <v>PRT</v>
          </cell>
          <cell r="C1339" t="str">
            <v>Portugal</v>
          </cell>
          <cell r="D1339" t="str">
            <v>Item 15</v>
          </cell>
          <cell r="E1339" t="str">
            <v>TWA3A, TWA3B</v>
          </cell>
          <cell r="F1339" t="str">
            <v>Maximum cumulated duration of temporary work contracts</v>
          </cell>
          <cell r="G1339">
            <v>2012</v>
          </cell>
          <cell r="H1339">
            <v>2012</v>
          </cell>
          <cell r="I1339"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1339">
            <v>24</v>
          </cell>
          <cell r="K1339">
            <v>24</v>
          </cell>
          <cell r="M1339">
            <v>2</v>
          </cell>
          <cell r="N1339">
            <v>2</v>
          </cell>
        </row>
        <row r="1340">
          <cell r="A1340" t="str">
            <v>PRTTWA42012</v>
          </cell>
          <cell r="B1340" t="str">
            <v>PRT</v>
          </cell>
          <cell r="C1340" t="str">
            <v>Portugal</v>
          </cell>
          <cell r="D1340" t="str">
            <v>Item 16</v>
          </cell>
          <cell r="E1340" t="str">
            <v>TWA4</v>
          </cell>
          <cell r="F1340" t="str">
            <v>Authorisation and reporting obligations</v>
          </cell>
          <cell r="G1340">
            <v>2012</v>
          </cell>
          <cell r="H1340">
            <v>2012</v>
          </cell>
          <cell r="I1340"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1340">
            <v>3</v>
          </cell>
          <cell r="M1340">
            <v>6</v>
          </cell>
          <cell r="P1340" t="str">
            <v>From 2010</v>
          </cell>
        </row>
        <row r="1341">
          <cell r="A1341" t="str">
            <v>PRTTWA52012</v>
          </cell>
          <cell r="B1341" t="str">
            <v>PRT</v>
          </cell>
          <cell r="C1341" t="str">
            <v>Portugal</v>
          </cell>
          <cell r="D1341" t="str">
            <v>Item 17</v>
          </cell>
          <cell r="E1341" t="str">
            <v>TWA5</v>
          </cell>
          <cell r="F1341" t="str">
            <v>Equal treatment for TWA workers</v>
          </cell>
          <cell r="G1341">
            <v>2012</v>
          </cell>
          <cell r="H1341">
            <v>2012</v>
          </cell>
          <cell r="I1341"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41">
            <v>1.5</v>
          </cell>
          <cell r="M1341">
            <v>4.5</v>
          </cell>
        </row>
        <row r="1342">
          <cell r="A1342" t="str">
            <v>PRTCD12012</v>
          </cell>
          <cell r="B1342" t="str">
            <v>PRT</v>
          </cell>
          <cell r="C1342" t="str">
            <v>Portugal</v>
          </cell>
          <cell r="D1342" t="str">
            <v>Item 18</v>
          </cell>
          <cell r="E1342" t="str">
            <v>CD1</v>
          </cell>
          <cell r="F1342" t="str">
            <v>Definition of collective dismissal</v>
          </cell>
          <cell r="G1342">
            <v>2012</v>
          </cell>
          <cell r="H1342">
            <v>2012</v>
          </cell>
          <cell r="I1342"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1342">
            <v>4</v>
          </cell>
          <cell r="M1342">
            <v>6</v>
          </cell>
        </row>
        <row r="1343">
          <cell r="A1343" t="str">
            <v>PRTCD22012</v>
          </cell>
          <cell r="B1343" t="str">
            <v>PRT</v>
          </cell>
          <cell r="C1343" t="str">
            <v>Portugal</v>
          </cell>
          <cell r="D1343" t="str">
            <v>Item 19</v>
          </cell>
          <cell r="E1343" t="str">
            <v>CD2</v>
          </cell>
          <cell r="F1343" t="str">
            <v>Additional notification requirements in case of collective dismissals</v>
          </cell>
          <cell r="G1343">
            <v>2012</v>
          </cell>
          <cell r="H1343">
            <v>2012</v>
          </cell>
          <cell r="I1343"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1343">
            <v>0.5</v>
          </cell>
          <cell r="M1343">
            <v>1.5</v>
          </cell>
        </row>
        <row r="1344">
          <cell r="A1344" t="str">
            <v>PRTCD32012</v>
          </cell>
          <cell r="B1344" t="str">
            <v>PRT</v>
          </cell>
          <cell r="C1344" t="str">
            <v>Portugal</v>
          </cell>
          <cell r="D1344" t="str">
            <v>Item 20</v>
          </cell>
          <cell r="E1344" t="str">
            <v>CD3</v>
          </cell>
          <cell r="F1344" t="str">
            <v>Additional delays involved in case of collective dismissals</v>
          </cell>
          <cell r="G1344">
            <v>2012</v>
          </cell>
          <cell r="H1344">
            <v>2012</v>
          </cell>
          <cell r="I1344"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1344">
            <v>0</v>
          </cell>
          <cell r="M1344">
            <v>0</v>
          </cell>
        </row>
        <row r="1345">
          <cell r="A1345" t="str">
            <v>PRTCD42012</v>
          </cell>
          <cell r="B1345" t="str">
            <v>PRT</v>
          </cell>
          <cell r="C1345" t="str">
            <v>Portugal</v>
          </cell>
          <cell r="D1345" t="str">
            <v>Item 21</v>
          </cell>
          <cell r="E1345" t="str">
            <v>CD4</v>
          </cell>
          <cell r="F1345" t="str">
            <v>Other special costs to employers in case of collective dismissals</v>
          </cell>
          <cell r="G1345">
            <v>2012</v>
          </cell>
          <cell r="H1345">
            <v>2012</v>
          </cell>
          <cell r="I1345" t="str">
            <v>No additional requirements</v>
          </cell>
          <cell r="J1345">
            <v>0</v>
          </cell>
          <cell r="M1345">
            <v>0</v>
          </cell>
        </row>
        <row r="1346">
          <cell r="A1346" t="str">
            <v>SVKREG12008</v>
          </cell>
          <cell r="B1346" t="str">
            <v>SVK</v>
          </cell>
          <cell r="C1346" t="str">
            <v>Slovak Republic</v>
          </cell>
          <cell r="D1346" t="str">
            <v>Item 1</v>
          </cell>
          <cell r="E1346" t="str">
            <v>REG1</v>
          </cell>
          <cell r="F1346" t="str">
            <v>Notification procedures</v>
          </cell>
          <cell r="G1346">
            <v>2008</v>
          </cell>
          <cell r="H1346">
            <v>2008</v>
          </cell>
          <cell r="I1346" t="str">
            <v>Notice must be given in writing.</v>
          </cell>
          <cell r="J1346">
            <v>1</v>
          </cell>
          <cell r="M1346">
            <v>2</v>
          </cell>
        </row>
        <row r="1347">
          <cell r="A1347" t="str">
            <v>SVKREG22008</v>
          </cell>
          <cell r="B1347" t="str">
            <v>SVK</v>
          </cell>
          <cell r="C1347" t="str">
            <v>Slovak Republic</v>
          </cell>
          <cell r="D1347" t="str">
            <v>Item 2</v>
          </cell>
          <cell r="E1347" t="str">
            <v>REG2</v>
          </cell>
          <cell r="F1347" t="str">
            <v>Delay before notice can start</v>
          </cell>
          <cell r="G1347">
            <v>2008</v>
          </cell>
          <cell r="H1347">
            <v>2008</v>
          </cell>
          <cell r="I1347"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1347">
            <v>4</v>
          </cell>
          <cell r="M1347">
            <v>1</v>
          </cell>
        </row>
        <row r="1348">
          <cell r="A1348" t="str">
            <v>SVKREG32008</v>
          </cell>
          <cell r="B1348" t="str">
            <v>SVK</v>
          </cell>
          <cell r="C1348" t="str">
            <v>Slovak Republic</v>
          </cell>
          <cell r="D1348" t="str">
            <v>Item 3</v>
          </cell>
          <cell r="E1348" t="str">
            <v>REG3A, REG3B, REG3C</v>
          </cell>
          <cell r="F1348" t="str">
            <v>Notice / tenure</v>
          </cell>
          <cell r="G1348">
            <v>2008</v>
          </cell>
          <cell r="H1348">
            <v>2008</v>
          </cell>
          <cell r="I1348" t="str">
            <v>All workers: 2m&lt;5y; 3m&gt;5y (legal minimum). The contracting parties may agree on a longer notice period in an employment contract, as well as in a collective labour agreement.</v>
          </cell>
          <cell r="J1348">
            <v>2</v>
          </cell>
          <cell r="K1348">
            <v>2</v>
          </cell>
          <cell r="L1348">
            <v>3</v>
          </cell>
          <cell r="M1348">
            <v>6</v>
          </cell>
          <cell r="N1348">
            <v>4</v>
          </cell>
          <cell r="O1348">
            <v>2</v>
          </cell>
        </row>
        <row r="1349">
          <cell r="A1349" t="str">
            <v>SVKREG42008</v>
          </cell>
          <cell r="B1349" t="str">
            <v>SVK</v>
          </cell>
          <cell r="C1349" t="str">
            <v>Slovak Republic</v>
          </cell>
          <cell r="D1349" t="str">
            <v>Item 4</v>
          </cell>
          <cell r="E1349" t="str">
            <v>REG4A, REG4B, REG4C</v>
          </cell>
          <cell r="F1349" t="str">
            <v>Severance pay / tenure</v>
          </cell>
          <cell r="G1349">
            <v>2008</v>
          </cell>
          <cell r="H1349">
            <v>2008</v>
          </cell>
          <cell r="I1349"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No severance pay in the case of dismissal for personal reasons
</v>
          </cell>
          <cell r="J1349">
            <v>1</v>
          </cell>
          <cell r="K1349">
            <v>1</v>
          </cell>
          <cell r="L1349">
            <v>1.5</v>
          </cell>
          <cell r="M1349">
            <v>2</v>
          </cell>
          <cell r="N1349">
            <v>2</v>
          </cell>
          <cell r="O1349">
            <v>1</v>
          </cell>
        </row>
        <row r="1350">
          <cell r="A1350" t="str">
            <v>SVKREG52008</v>
          </cell>
          <cell r="B1350" t="str">
            <v>SVK</v>
          </cell>
          <cell r="C1350" t="str">
            <v>Slovak Republic</v>
          </cell>
          <cell r="D1350" t="str">
            <v>Item 5</v>
          </cell>
          <cell r="E1350" t="str">
            <v>REG5</v>
          </cell>
          <cell r="F1350" t="str">
            <v>Definition of justified or unfair dismissal</v>
          </cell>
          <cell r="G1350">
            <v>2008</v>
          </cell>
          <cell r="H1350">
            <v>2008</v>
          </cell>
          <cell r="I135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1350">
            <v>0</v>
          </cell>
          <cell r="M1350">
            <v>0</v>
          </cell>
        </row>
        <row r="1351">
          <cell r="A1351" t="str">
            <v>SVKREG62008</v>
          </cell>
          <cell r="B1351" t="str">
            <v>SVK</v>
          </cell>
          <cell r="C1351" t="str">
            <v>Slovak Republic</v>
          </cell>
          <cell r="D1351" t="str">
            <v>Item 6</v>
          </cell>
          <cell r="E1351" t="str">
            <v>REG6</v>
          </cell>
          <cell r="F1351" t="str">
            <v>Trial period</v>
          </cell>
          <cell r="G1351">
            <v>2008</v>
          </cell>
          <cell r="H1351">
            <v>2008</v>
          </cell>
          <cell r="I1351"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1351">
            <v>3</v>
          </cell>
          <cell r="M1351">
            <v>4</v>
          </cell>
        </row>
        <row r="1352">
          <cell r="A1352" t="str">
            <v>SVKREG72008</v>
          </cell>
          <cell r="B1352" t="str">
            <v>SVK</v>
          </cell>
          <cell r="C1352" t="str">
            <v>Slovak Republic</v>
          </cell>
          <cell r="D1352" t="str">
            <v>Item 7</v>
          </cell>
          <cell r="E1352" t="str">
            <v>REG7</v>
          </cell>
          <cell r="F1352" t="str">
            <v xml:space="preserve">Compensation following unfair dismissal </v>
          </cell>
          <cell r="G1352">
            <v>2008</v>
          </cell>
          <cell r="H1352">
            <v>2008</v>
          </cell>
          <cell r="I1352" t="str">
            <v>Up to 12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 If the overall time for which an employee should be paid wage compensation is greater than twelve months, further compensation is to be determined by the courts.</v>
          </cell>
          <cell r="J1352">
            <v>6</v>
          </cell>
          <cell r="M1352">
            <v>1</v>
          </cell>
        </row>
        <row r="1353">
          <cell r="A1353" t="str">
            <v>SVKREG82008</v>
          </cell>
          <cell r="B1353" t="str">
            <v>SVK</v>
          </cell>
          <cell r="C1353" t="str">
            <v>Slovak Republic</v>
          </cell>
          <cell r="D1353" t="str">
            <v>Item 8</v>
          </cell>
          <cell r="E1353" t="str">
            <v>REG8</v>
          </cell>
          <cell r="F1353" t="str">
            <v>Possibility of reinstatement following unfair dismissal</v>
          </cell>
          <cell r="G1353">
            <v>2008</v>
          </cell>
          <cell r="H1353">
            <v>2008</v>
          </cell>
          <cell r="I135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1353">
            <v>2.5</v>
          </cell>
          <cell r="M1353">
            <v>5</v>
          </cell>
        </row>
        <row r="1354">
          <cell r="A1354" t="str">
            <v>SVKREG92008</v>
          </cell>
          <cell r="B1354" t="str">
            <v>SVK</v>
          </cell>
          <cell r="C1354" t="str">
            <v>Slovak Republic</v>
          </cell>
          <cell r="D1354" t="str">
            <v>Item 9</v>
          </cell>
          <cell r="E1354" t="str">
            <v>REG9</v>
          </cell>
          <cell r="F1354" t="str">
            <v>Maximum time for claim</v>
          </cell>
          <cell r="G1354">
            <v>2008</v>
          </cell>
          <cell r="H1354">
            <v>2008</v>
          </cell>
          <cell r="I135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1354">
            <v>2</v>
          </cell>
          <cell r="M1354">
            <v>2</v>
          </cell>
        </row>
        <row r="1355">
          <cell r="A1355" t="str">
            <v>SVKFTC12008</v>
          </cell>
          <cell r="B1355" t="str">
            <v>SVK</v>
          </cell>
          <cell r="C1355" t="str">
            <v>Slovak Republic</v>
          </cell>
          <cell r="D1355" t="str">
            <v>Item 10</v>
          </cell>
          <cell r="E1355" t="str">
            <v>FTC1</v>
          </cell>
          <cell r="F1355" t="str">
            <v>Valid cases for use of fixed-term contracts, other than  “objective”  or “material” situation</v>
          </cell>
          <cell r="G1355">
            <v>2008</v>
          </cell>
          <cell r="H1355">
            <v>2008</v>
          </cell>
          <cell r="I1355" t="str">
            <v>A fixed term employment may be agreed, extended or renewed for a maximum of three years without specifying an objective reason.</v>
          </cell>
          <cell r="J1355">
            <v>3</v>
          </cell>
          <cell r="M1355">
            <v>0</v>
          </cell>
        </row>
        <row r="1356">
          <cell r="A1356" t="str">
            <v>SVKFTC22008</v>
          </cell>
          <cell r="B1356" t="str">
            <v>SVK</v>
          </cell>
          <cell r="C1356" t="str">
            <v>Slovak Republic</v>
          </cell>
          <cell r="D1356" t="str">
            <v>Item 11</v>
          </cell>
          <cell r="E1356" t="str">
            <v>FTC2</v>
          </cell>
          <cell r="F1356" t="str">
            <v>Maximum number of successive fixed-term contracts</v>
          </cell>
          <cell r="G1356">
            <v>2008</v>
          </cell>
          <cell r="H1356">
            <v>2008</v>
          </cell>
          <cell r="I1356" t="str">
            <v>Fixed-term employment may only be agreed for a maximum of 3 years. Fixed-term employment may only be extended or renewed once within the 3-year period. Another extension or renewal of fixed-term employment may only be agreed for material or objective reasons.</v>
          </cell>
          <cell r="J1356">
            <v>2.5</v>
          </cell>
          <cell r="M1356">
            <v>4</v>
          </cell>
        </row>
        <row r="1357">
          <cell r="A1357" t="str">
            <v>SVKFTC32008</v>
          </cell>
          <cell r="B1357" t="str">
            <v>SVK</v>
          </cell>
          <cell r="C1357" t="str">
            <v>Slovak Republic</v>
          </cell>
          <cell r="D1357" t="str">
            <v>Item 12</v>
          </cell>
          <cell r="E1357" t="str">
            <v>FTC3</v>
          </cell>
          <cell r="F1357" t="str">
            <v>Maximum cumulated duration of successive fixed-term contracts</v>
          </cell>
          <cell r="G1357">
            <v>2008</v>
          </cell>
          <cell r="H1357">
            <v>2008</v>
          </cell>
          <cell r="I1357" t="str">
            <v>The cumulated duration of successive fixed-term contracts may reach a maximum of 36 months. This shall not apply if fixed-term contracts are concluded for material or objective reasons.</v>
          </cell>
          <cell r="J1357">
            <v>36</v>
          </cell>
          <cell r="M1357">
            <v>1</v>
          </cell>
        </row>
        <row r="1358">
          <cell r="A1358" t="str">
            <v>SVKTWA12008</v>
          </cell>
          <cell r="B1358" t="str">
            <v>SVK</v>
          </cell>
          <cell r="C1358" t="str">
            <v>Slovak Republic</v>
          </cell>
          <cell r="D1358" t="str">
            <v>Item 13</v>
          </cell>
          <cell r="E1358" t="str">
            <v>TWA1</v>
          </cell>
          <cell r="F1358" t="str">
            <v>Types of work for which TWA employment is legal</v>
          </cell>
          <cell r="G1358">
            <v>2008</v>
          </cell>
          <cell r="H1358">
            <v>2008</v>
          </cell>
          <cell r="I1358" t="str">
            <v>Section 58a (1) states that “The employer may agree on temporary assignment with the using employer only where there are objective operational reasons for such assignment” (cf. Act No. 348/2007).</v>
          </cell>
          <cell r="J1358">
            <v>2</v>
          </cell>
          <cell r="M1358">
            <v>3</v>
          </cell>
        </row>
        <row r="1359">
          <cell r="A1359" t="str">
            <v>SVKTWA22008</v>
          </cell>
          <cell r="B1359" t="str">
            <v>SVK</v>
          </cell>
          <cell r="C1359" t="str">
            <v>Slovak Republic</v>
          </cell>
          <cell r="D1359" t="str">
            <v>Item 14</v>
          </cell>
          <cell r="E1359" t="str">
            <v>TWA2A, TWA2B</v>
          </cell>
          <cell r="F1359" t="str">
            <v>Are there any restrictions on the number of renewals of a TWA contract?</v>
          </cell>
          <cell r="G1359">
            <v>2008</v>
          </cell>
          <cell r="H1359">
            <v>2008</v>
          </cell>
          <cell r="I1359" t="str">
            <v>No for assignments. Same restrictions as for fixed-term contracts if the contract between the agency and the worker is fixed-term.</v>
          </cell>
          <cell r="J1359" t="str">
            <v>No</v>
          </cell>
          <cell r="K1359" t="str">
            <v>Yes</v>
          </cell>
          <cell r="M1359">
            <v>2</v>
          </cell>
          <cell r="N1359">
            <v>4</v>
          </cell>
        </row>
        <row r="1360">
          <cell r="A1360" t="str">
            <v>SVKTWA32008</v>
          </cell>
          <cell r="B1360" t="str">
            <v>SVK</v>
          </cell>
          <cell r="C1360" t="str">
            <v>Slovak Republic</v>
          </cell>
          <cell r="D1360" t="str">
            <v>Item 15</v>
          </cell>
          <cell r="E1360" t="str">
            <v>TWA3A, TWA3B</v>
          </cell>
          <cell r="F1360" t="str">
            <v>Maximum cumulated duration of temporary work contracts</v>
          </cell>
          <cell r="G1360">
            <v>2008</v>
          </cell>
          <cell r="H1360">
            <v>2008</v>
          </cell>
          <cell r="I1360" t="str">
            <v xml:space="preserve">No limit for both assignment and contract, if the latter is open-ended. </v>
          </cell>
          <cell r="J1360">
            <v>100</v>
          </cell>
          <cell r="K1360">
            <v>100</v>
          </cell>
          <cell r="M1360">
            <v>0</v>
          </cell>
          <cell r="N1360">
            <v>0</v>
          </cell>
        </row>
        <row r="1361">
          <cell r="A1361" t="str">
            <v>SVKTWA42008</v>
          </cell>
          <cell r="B1361" t="str">
            <v>SVK</v>
          </cell>
          <cell r="C1361" t="str">
            <v>Slovak Republic</v>
          </cell>
          <cell r="D1361" t="str">
            <v>Item 16</v>
          </cell>
          <cell r="E1361" t="str">
            <v>TWA4</v>
          </cell>
          <cell r="F1361" t="str">
            <v>Authorisation and reporting obligations</v>
          </cell>
          <cell r="G1361">
            <v>2008</v>
          </cell>
          <cell r="H1361">
            <v>2008</v>
          </cell>
          <cell r="I1361" t="str">
            <v>Requires administrative authorisation. The TWA is also required to submit annual reports of activities to the Centre of Labour, Social Affairs and Family.</v>
          </cell>
          <cell r="J1361">
            <v>3</v>
          </cell>
          <cell r="M1361">
            <v>6</v>
          </cell>
        </row>
        <row r="1362">
          <cell r="A1362" t="str">
            <v>SVKTWA52008</v>
          </cell>
          <cell r="B1362" t="str">
            <v>SVK</v>
          </cell>
          <cell r="C1362" t="str">
            <v>Slovak Republic</v>
          </cell>
          <cell r="D1362" t="str">
            <v>Item 17</v>
          </cell>
          <cell r="E1362" t="str">
            <v>TWA5</v>
          </cell>
          <cell r="F1362" t="str">
            <v>Equal treatment for TWA workers</v>
          </cell>
          <cell r="G1362">
            <v>2008</v>
          </cell>
          <cell r="H1362">
            <v>2008</v>
          </cell>
          <cell r="I1362"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1362">
            <v>1.5</v>
          </cell>
          <cell r="M1362">
            <v>4.5</v>
          </cell>
        </row>
        <row r="1363">
          <cell r="A1363" t="str">
            <v>SVKCD12008</v>
          </cell>
          <cell r="B1363" t="str">
            <v>SVK</v>
          </cell>
          <cell r="C1363" t="str">
            <v>Slovak Republic</v>
          </cell>
          <cell r="D1363" t="str">
            <v>Item 18</v>
          </cell>
          <cell r="E1363" t="str">
            <v>CD1</v>
          </cell>
          <cell r="F1363" t="str">
            <v>Definition of collective dismissal</v>
          </cell>
          <cell r="G1363">
            <v>2008</v>
          </cell>
          <cell r="H1363">
            <v>2008</v>
          </cell>
          <cell r="I1363" t="str">
            <v xml:space="preserve">Collective redundancies is if an employer terminates an employment relationship for redundancy/economic/organisational reasons, in the course of 90 days with a minimum of 20 employees.  </v>
          </cell>
          <cell r="J1363">
            <v>2</v>
          </cell>
          <cell r="M1363">
            <v>3</v>
          </cell>
        </row>
        <row r="1364">
          <cell r="A1364" t="str">
            <v>SVKCD22008</v>
          </cell>
          <cell r="B1364" t="str">
            <v>SVK</v>
          </cell>
          <cell r="C1364" t="str">
            <v>Slovak Republic</v>
          </cell>
          <cell r="D1364" t="str">
            <v>Item 19</v>
          </cell>
          <cell r="E1364" t="str">
            <v>CD2</v>
          </cell>
          <cell r="F1364" t="str">
            <v>Additional notification requirements in case of collective dismissals</v>
          </cell>
          <cell r="G1364">
            <v>2008</v>
          </cell>
          <cell r="H1364">
            <v>2008</v>
          </cell>
          <cell r="I136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1364">
            <v>2</v>
          </cell>
          <cell r="M1364">
            <v>6</v>
          </cell>
        </row>
        <row r="1365">
          <cell r="A1365" t="str">
            <v>SVKCD32008</v>
          </cell>
          <cell r="B1365" t="str">
            <v>SVK</v>
          </cell>
          <cell r="C1365" t="str">
            <v>Slovak Republic</v>
          </cell>
          <cell r="D1365" t="str">
            <v>Item 20</v>
          </cell>
          <cell r="E1365" t="str">
            <v>CD3</v>
          </cell>
          <cell r="F1365" t="str">
            <v>Additional delays involved in case of collective dismissals</v>
          </cell>
          <cell r="G1365">
            <v>2008</v>
          </cell>
          <cell r="H1365">
            <v>2008</v>
          </cell>
          <cell r="I1365" t="str">
            <v xml:space="preserve">With the view of achieving an agreement, an employer is obliged,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to the National Labour Office.
Calculation: at least 4 days for negotiations plus 30 days for informing the National Labour Office minus delays reported in item 2.
</v>
          </cell>
          <cell r="J1365">
            <v>30</v>
          </cell>
          <cell r="M1365">
            <v>3</v>
          </cell>
        </row>
        <row r="1366">
          <cell r="A1366" t="str">
            <v>SVKCD42008</v>
          </cell>
          <cell r="B1366" t="str">
            <v>SVK</v>
          </cell>
          <cell r="C1366" t="str">
            <v>Slovak Republic</v>
          </cell>
          <cell r="D1366" t="str">
            <v>Item 21</v>
          </cell>
          <cell r="E1366" t="str">
            <v>CD4</v>
          </cell>
          <cell r="F1366" t="str">
            <v>Other special costs to employers in case of collective dismissals</v>
          </cell>
          <cell r="G1366">
            <v>2008</v>
          </cell>
          <cell r="H1366">
            <v>2008</v>
          </cell>
          <cell r="I1366" t="str">
            <v xml:space="preserve">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
</v>
          </cell>
          <cell r="J1366">
            <v>1</v>
          </cell>
          <cell r="M1366">
            <v>3</v>
          </cell>
        </row>
        <row r="1367">
          <cell r="A1367" t="str">
            <v>ESPREG12008</v>
          </cell>
          <cell r="B1367" t="str">
            <v>ESP</v>
          </cell>
          <cell r="C1367" t="str">
            <v>Spain</v>
          </cell>
          <cell r="D1367" t="str">
            <v>Item 1</v>
          </cell>
          <cell r="E1367" t="str">
            <v>REG1</v>
          </cell>
          <cell r="F1367" t="str">
            <v>Notification procedures</v>
          </cell>
          <cell r="G1367">
            <v>2008</v>
          </cell>
          <cell r="H1367">
            <v>2008</v>
          </cell>
          <cell r="I1367" t="str">
            <v>Written notice with statement of reasons plus notification to workers’ representatives in the case of dismissal based on technical, organizational, economic or production-related grounds (art. 52c and 53c, Statute of Workers’ Rights, SWR hereafter). In the case of disciplinary dismissal, the notice of dismissal will contain the facts on which the dismissal is based and the date of effect.
Calculation: average of personal reasons (1) and economic reasons (2).</v>
          </cell>
          <cell r="J1367">
            <v>1.5</v>
          </cell>
          <cell r="M1367">
            <v>3</v>
          </cell>
        </row>
        <row r="1368">
          <cell r="A1368" t="str">
            <v>ESPREG22008</v>
          </cell>
          <cell r="B1368" t="str">
            <v>ESP</v>
          </cell>
          <cell r="C1368" t="str">
            <v>Spain</v>
          </cell>
          <cell r="D1368" t="str">
            <v>Item 2</v>
          </cell>
          <cell r="E1368" t="str">
            <v>REG2</v>
          </cell>
          <cell r="F1368" t="str">
            <v>Delay before notice can start</v>
          </cell>
          <cell r="G1368">
            <v>2008</v>
          </cell>
          <cell r="H1368">
            <v>2008</v>
          </cell>
          <cell r="I1368" t="str">
            <v>Letter sent by mail or handed directly to employee.</v>
          </cell>
          <cell r="J1368">
            <v>1</v>
          </cell>
          <cell r="M1368">
            <v>0</v>
          </cell>
        </row>
        <row r="1369">
          <cell r="A1369" t="str">
            <v>ESPREG32008</v>
          </cell>
          <cell r="B1369" t="str">
            <v>ESP</v>
          </cell>
          <cell r="C1369" t="str">
            <v>Spain</v>
          </cell>
          <cell r="D1369" t="str">
            <v>Item 3</v>
          </cell>
          <cell r="E1369" t="str">
            <v>REG3A, REG3B, REG3C</v>
          </cell>
          <cell r="F1369" t="str">
            <v>Notice / tenure</v>
          </cell>
          <cell r="G1369">
            <v>2008</v>
          </cell>
          <cell r="H1369">
            <v>2008</v>
          </cell>
          <cell r="I1369" t="str">
            <v>Workers dismissed for “objective” reasons: 30d.
(Workers under fixed-term contracts: 0&lt;1y, 15d&gt;1y)</v>
          </cell>
          <cell r="J1369">
            <v>1</v>
          </cell>
          <cell r="K1369">
            <v>1</v>
          </cell>
          <cell r="L1369">
            <v>1</v>
          </cell>
          <cell r="M1369">
            <v>3</v>
          </cell>
          <cell r="N1369">
            <v>2</v>
          </cell>
          <cell r="O1369">
            <v>1</v>
          </cell>
        </row>
        <row r="1370">
          <cell r="A1370" t="str">
            <v>ESPREG42008</v>
          </cell>
          <cell r="B1370" t="str">
            <v>ESP</v>
          </cell>
          <cell r="C1370" t="str">
            <v>Spain</v>
          </cell>
          <cell r="D1370" t="str">
            <v>Item 4</v>
          </cell>
          <cell r="E1370" t="str">
            <v>REG4A, REG4B, REG4C</v>
          </cell>
          <cell r="F1370" t="str">
            <v>Severance pay / tenure</v>
          </cell>
          <cell r="G1370">
            <v>2008</v>
          </cell>
          <cell r="H1370">
            <v>2008</v>
          </cell>
          <cell r="I1370"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9 months tenure: 0.5 months, 4 years tenure: 2.67 months, 20 years tenure: 12 months.</v>
          </cell>
          <cell r="J1370">
            <v>0.5</v>
          </cell>
          <cell r="K1370">
            <v>2.67</v>
          </cell>
          <cell r="L1370">
            <v>12</v>
          </cell>
          <cell r="M1370">
            <v>1</v>
          </cell>
          <cell r="N1370">
            <v>4</v>
          </cell>
          <cell r="O1370">
            <v>4</v>
          </cell>
        </row>
        <row r="1371">
          <cell r="A1371" t="str">
            <v>ESPREG52008</v>
          </cell>
          <cell r="B1371" t="str">
            <v>ESP</v>
          </cell>
          <cell r="C1371" t="str">
            <v>Spain</v>
          </cell>
          <cell r="D1371" t="str">
            <v>Item 5</v>
          </cell>
          <cell r="E1371" t="str">
            <v>REG5</v>
          </cell>
          <cell r="F1371" t="str">
            <v>Definition of justified or unfair dismissal</v>
          </cell>
          <cell r="G1371">
            <v>2008</v>
          </cell>
          <cell r="H1371">
            <v>2008</v>
          </cell>
          <cell r="I1371"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1371">
            <v>2</v>
          </cell>
          <cell r="M1371">
            <v>4</v>
          </cell>
        </row>
        <row r="1372">
          <cell r="A1372" t="str">
            <v>ESPREG62008</v>
          </cell>
          <cell r="B1372" t="str">
            <v>ESP</v>
          </cell>
          <cell r="C1372" t="str">
            <v>Spain</v>
          </cell>
          <cell r="D1372" t="str">
            <v>Item 6</v>
          </cell>
          <cell r="E1372" t="str">
            <v>REG6</v>
          </cell>
          <cell r="F1372" t="str">
            <v>Trial period</v>
          </cell>
          <cell r="G1372">
            <v>2008</v>
          </cell>
          <cell r="H1372">
            <v>2008</v>
          </cell>
          <cell r="I1372"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1372">
            <v>4</v>
          </cell>
          <cell r="M1372">
            <v>4</v>
          </cell>
        </row>
        <row r="1373">
          <cell r="A1373" t="str">
            <v>ESPREG72008</v>
          </cell>
          <cell r="B1373" t="str">
            <v>ESP</v>
          </cell>
          <cell r="C1373" t="str">
            <v>Spain</v>
          </cell>
          <cell r="D1373" t="str">
            <v>Item 7</v>
          </cell>
          <cell r="E1373" t="str">
            <v>REG7</v>
          </cell>
          <cell r="F1373" t="str">
            <v xml:space="preserve">Compensation following unfair dismissal </v>
          </cell>
          <cell r="G1373">
            <v>2008</v>
          </cell>
          <cell r="H1373">
            <v>2008</v>
          </cell>
          <cell r="I1373"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1373">
            <v>21</v>
          </cell>
          <cell r="M1373">
            <v>4</v>
          </cell>
        </row>
        <row r="1374">
          <cell r="A1374" t="str">
            <v>ESPREG82008</v>
          </cell>
          <cell r="B1374" t="str">
            <v>ESP</v>
          </cell>
          <cell r="C1374" t="str">
            <v>Spain</v>
          </cell>
          <cell r="D1374" t="str">
            <v>Item 8</v>
          </cell>
          <cell r="E1374" t="str">
            <v>REG8</v>
          </cell>
          <cell r="F1374" t="str">
            <v>Possibility of reinstatement following unfair dismissal</v>
          </cell>
          <cell r="G1374">
            <v>2008</v>
          </cell>
          <cell r="H1374">
            <v>2008</v>
          </cell>
          <cell r="I1374"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1374">
            <v>0</v>
          </cell>
          <cell r="M1374">
            <v>0</v>
          </cell>
        </row>
        <row r="1375">
          <cell r="A1375" t="str">
            <v>ESPREG92008</v>
          </cell>
          <cell r="B1375" t="str">
            <v>ESP</v>
          </cell>
          <cell r="C1375" t="str">
            <v>Spain</v>
          </cell>
          <cell r="D1375" t="str">
            <v>Item 9</v>
          </cell>
          <cell r="E1375" t="str">
            <v>REG9</v>
          </cell>
          <cell r="F1375" t="str">
            <v>Maximum time for claim</v>
          </cell>
          <cell r="G1375">
            <v>2008</v>
          </cell>
          <cell r="H1375">
            <v>2008</v>
          </cell>
          <cell r="I1375" t="str">
            <v>The worker can file a claim against dismissal within 20 working days following the date of effect of the dismissal. 
Calculation: 20 working days = approx. one calendar month</v>
          </cell>
          <cell r="J1375">
            <v>1</v>
          </cell>
          <cell r="M1375">
            <v>1</v>
          </cell>
        </row>
        <row r="1376">
          <cell r="A1376" t="str">
            <v>ESPFTC12008</v>
          </cell>
          <cell r="B1376" t="str">
            <v>ESP</v>
          </cell>
          <cell r="C1376" t="str">
            <v>Spain</v>
          </cell>
          <cell r="D1376" t="str">
            <v>Item 10</v>
          </cell>
          <cell r="E1376" t="str">
            <v>FTC1</v>
          </cell>
          <cell r="F1376" t="str">
            <v>Valid cases for use of fixed-term contracts, other than  “objective”  or “material” situation</v>
          </cell>
          <cell r="G1376">
            <v>2008</v>
          </cell>
          <cell r="H1376">
            <v>2008</v>
          </cell>
          <cell r="I1376"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1376">
            <v>1.5</v>
          </cell>
          <cell r="M1376">
            <v>3</v>
          </cell>
        </row>
        <row r="1377">
          <cell r="A1377" t="str">
            <v>ESPFTC22008</v>
          </cell>
          <cell r="B1377" t="str">
            <v>ESP</v>
          </cell>
          <cell r="C1377" t="str">
            <v>Spain</v>
          </cell>
          <cell r="D1377" t="str">
            <v>Item 11</v>
          </cell>
          <cell r="E1377" t="str">
            <v>FTC2</v>
          </cell>
          <cell r="F1377" t="str">
            <v>Maximum number of successive fixed-term contracts</v>
          </cell>
          <cell r="G1377">
            <v>2008</v>
          </cell>
          <cell r="H1377">
            <v>2008</v>
          </cell>
          <cell r="I1377" t="str">
            <v>Temporary increase in workload: contract can be extended or renewed only once, within the maximum duration. Specific task or service contracts: no limit specified. Training contracts: may be extended for six months up to two years, or three years by collective agreement, and up to four years for workers with disabilities. Professionalising contract (contrato de trabajo en prácticas): no limit specified within maximum duration.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iring at the end of the corresponding period of the year when the replaced worker reaches the age of full retirement.</v>
          </cell>
          <cell r="J1377">
            <v>3</v>
          </cell>
          <cell r="M1377">
            <v>3</v>
          </cell>
        </row>
        <row r="1378">
          <cell r="A1378" t="str">
            <v>ESPFTC32008</v>
          </cell>
          <cell r="B1378" t="str">
            <v>ESP</v>
          </cell>
          <cell r="C1378" t="str">
            <v>Spain</v>
          </cell>
          <cell r="D1378" t="str">
            <v>Item 12</v>
          </cell>
          <cell r="E1378" t="str">
            <v>FTC3</v>
          </cell>
          <cell r="F1378" t="str">
            <v>Maximum cumulated duration of successive fixed-term contracts</v>
          </cell>
          <cell r="G1378">
            <v>2008</v>
          </cell>
          <cell r="H1378">
            <v>2008</v>
          </cell>
          <cell r="I1378" t="str">
            <v xml:space="preserve">Temporary increase in workload: maximum duration is six months which may be extended to 12 months through collective agreement. Specific task or service contracts: no limit on duration if the objective reason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Professionalising contract (contrato de trabajo en prácticas): 6 months minimum duration and 2 years maximum duration.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
Calculation: average of increase in workload (12), specific task or service (24), training (36) and professionalizing (24) contracts.
</v>
          </cell>
          <cell r="J1378">
            <v>24</v>
          </cell>
          <cell r="M1378">
            <v>3</v>
          </cell>
        </row>
        <row r="1379">
          <cell r="A1379" t="str">
            <v>ESPTWA12008</v>
          </cell>
          <cell r="B1379" t="str">
            <v>ESP</v>
          </cell>
          <cell r="C1379" t="str">
            <v>Spain</v>
          </cell>
          <cell r="D1379" t="str">
            <v>Item 13</v>
          </cell>
          <cell r="E1379" t="str">
            <v>TWA1</v>
          </cell>
          <cell r="F1379" t="str">
            <v>Types of work for which TWA employment is legal</v>
          </cell>
          <cell r="G1379">
            <v>2008</v>
          </cell>
          <cell r="H1379">
            <v>2008</v>
          </cell>
          <cell r="I1379" t="str">
            <v>Limited to "objective situations".</v>
          </cell>
          <cell r="J1379">
            <v>2</v>
          </cell>
          <cell r="M1379">
            <v>3</v>
          </cell>
        </row>
        <row r="1380">
          <cell r="A1380" t="str">
            <v>ESPTWA22008</v>
          </cell>
          <cell r="B1380" t="str">
            <v>ESP</v>
          </cell>
          <cell r="C1380" t="str">
            <v>Spain</v>
          </cell>
          <cell r="D1380" t="str">
            <v>Item 14</v>
          </cell>
          <cell r="E1380" t="str">
            <v>TWA2A, TWA2B</v>
          </cell>
          <cell r="F1380" t="str">
            <v>Are there any restrictions on the number of renewals of a TWA contract?</v>
          </cell>
          <cell r="G1380">
            <v>2008</v>
          </cell>
          <cell r="H1380">
            <v>2008</v>
          </cell>
          <cell r="I1380" t="str">
            <v>Yes</v>
          </cell>
          <cell r="J1380" t="str">
            <v>Yes</v>
          </cell>
          <cell r="K1380" t="str">
            <v>Yes</v>
          </cell>
          <cell r="M1380">
            <v>4</v>
          </cell>
          <cell r="N1380">
            <v>4</v>
          </cell>
        </row>
        <row r="1381">
          <cell r="A1381" t="str">
            <v>ESPTWA32008</v>
          </cell>
          <cell r="B1381" t="str">
            <v>ESP</v>
          </cell>
          <cell r="C1381" t="str">
            <v>Spain</v>
          </cell>
          <cell r="D1381" t="str">
            <v>Item 15</v>
          </cell>
          <cell r="E1381" t="str">
            <v>TWA3A, TWA3B</v>
          </cell>
          <cell r="F1381" t="str">
            <v>Maximum cumulated duration of temporary work contracts</v>
          </cell>
          <cell r="G1381">
            <v>2008</v>
          </cell>
          <cell r="H1381">
            <v>2008</v>
          </cell>
          <cell r="I1381"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v>
          </cell>
          <cell r="J1381">
            <v>24</v>
          </cell>
          <cell r="K1381">
            <v>100</v>
          </cell>
          <cell r="M1381">
            <v>2</v>
          </cell>
          <cell r="N1381">
            <v>0</v>
          </cell>
        </row>
        <row r="1382">
          <cell r="A1382" t="str">
            <v>ESPTWA42008</v>
          </cell>
          <cell r="B1382" t="str">
            <v>ESP</v>
          </cell>
          <cell r="C1382" t="str">
            <v>Spain</v>
          </cell>
          <cell r="D1382" t="str">
            <v>Item 16</v>
          </cell>
          <cell r="E1382" t="str">
            <v>TWA4</v>
          </cell>
          <cell r="F1382" t="str">
            <v>Authorisation and reporting obligations</v>
          </cell>
          <cell r="G1382">
            <v>2008</v>
          </cell>
          <cell r="H1382">
            <v>2008</v>
          </cell>
          <cell r="I1382"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1382">
            <v>3</v>
          </cell>
          <cell r="M1382">
            <v>6</v>
          </cell>
        </row>
        <row r="1383">
          <cell r="A1383" t="str">
            <v>ESPTWA52008</v>
          </cell>
          <cell r="B1383" t="str">
            <v>ESP</v>
          </cell>
          <cell r="C1383" t="str">
            <v>Spain</v>
          </cell>
          <cell r="D1383" t="str">
            <v>Item 17</v>
          </cell>
          <cell r="E1383" t="str">
            <v>TWA5</v>
          </cell>
          <cell r="F1383" t="str">
            <v>Equal treatment for TWA workers</v>
          </cell>
          <cell r="G1383">
            <v>2008</v>
          </cell>
          <cell r="H1383">
            <v>2008</v>
          </cell>
          <cell r="I1383"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1383">
            <v>2</v>
          </cell>
          <cell r="M1383">
            <v>6</v>
          </cell>
        </row>
        <row r="1384">
          <cell r="A1384" t="str">
            <v>ESPCD12008</v>
          </cell>
          <cell r="B1384" t="str">
            <v>ESP</v>
          </cell>
          <cell r="C1384" t="str">
            <v>Spain</v>
          </cell>
          <cell r="D1384" t="str">
            <v>Item 18</v>
          </cell>
          <cell r="E1384" t="str">
            <v>CD1</v>
          </cell>
          <cell r="F1384" t="str">
            <v>Definition of collective dismissal</v>
          </cell>
          <cell r="G1384">
            <v>2008</v>
          </cell>
          <cell r="H1384">
            <v>2008</v>
          </cell>
          <cell r="I1384" t="str">
            <v>Within 90 days, 10+ workers in firms &lt;100 employees; 10%+ in firms 100-299; 30+ workers in firms 300+ employees.</v>
          </cell>
          <cell r="J1384">
            <v>3</v>
          </cell>
          <cell r="M1384">
            <v>4.5</v>
          </cell>
        </row>
        <row r="1385">
          <cell r="A1385" t="str">
            <v>ESPCD22008</v>
          </cell>
          <cell r="B1385" t="str">
            <v>ESP</v>
          </cell>
          <cell r="C1385" t="str">
            <v>Spain</v>
          </cell>
          <cell r="D1385" t="str">
            <v>Item 19</v>
          </cell>
          <cell r="E1385" t="str">
            <v>CD2</v>
          </cell>
          <cell r="F1385" t="str">
            <v>Additional notification requirements in case of collective dismissals</v>
          </cell>
          <cell r="G1385">
            <v>2008</v>
          </cell>
          <cell r="H1385">
            <v>2008</v>
          </cell>
          <cell r="I1385" t="str">
            <v>Notification of employee representatives: Duty to inform and consult with Works Council or trade union delegation. Notification of public authorities: Notification of labour authority and administrative authorisation.</v>
          </cell>
          <cell r="J1385">
            <v>1.5</v>
          </cell>
          <cell r="M1385">
            <v>4.5</v>
          </cell>
        </row>
        <row r="1386">
          <cell r="A1386" t="str">
            <v>ESPCD32008</v>
          </cell>
          <cell r="B1386" t="str">
            <v>ESP</v>
          </cell>
          <cell r="C1386" t="str">
            <v>Spain</v>
          </cell>
          <cell r="D1386" t="str">
            <v>Item 20</v>
          </cell>
          <cell r="E1386" t="str">
            <v>CD3</v>
          </cell>
          <cell r="F1386" t="str">
            <v>Additional delays involved in case of collective dismissals</v>
          </cell>
          <cell r="G1386">
            <v>2008</v>
          </cell>
          <cell r="H1386">
            <v>2008</v>
          </cell>
          <cell r="I1386"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1386">
            <v>36.5</v>
          </cell>
          <cell r="M1386">
            <v>3</v>
          </cell>
        </row>
        <row r="1387">
          <cell r="A1387" t="str">
            <v>ESPCD42008</v>
          </cell>
          <cell r="B1387" t="str">
            <v>ESP</v>
          </cell>
          <cell r="C1387" t="str">
            <v>Spain</v>
          </cell>
          <cell r="D1387" t="str">
            <v>Item 21</v>
          </cell>
          <cell r="E1387" t="str">
            <v>CD4</v>
          </cell>
          <cell r="F1387" t="str">
            <v>Other special costs to employers in case of collective dismissals</v>
          </cell>
          <cell r="G1387">
            <v>2008</v>
          </cell>
          <cell r="H1387">
            <v>2008</v>
          </cell>
          <cell r="I1387"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1387">
            <v>1</v>
          </cell>
          <cell r="M1387">
            <v>3</v>
          </cell>
        </row>
        <row r="1388">
          <cell r="A1388" t="str">
            <v>SWEREG12008</v>
          </cell>
          <cell r="B1388" t="str">
            <v>SWE</v>
          </cell>
          <cell r="C1388" t="str">
            <v>Sweden</v>
          </cell>
          <cell r="D1388" t="str">
            <v>Item 1</v>
          </cell>
          <cell r="E1388" t="str">
            <v>REG1</v>
          </cell>
          <cell r="F1388" t="str">
            <v>Notification procedures</v>
          </cell>
          <cell r="G1388">
            <v>2008</v>
          </cell>
          <cell r="H1388">
            <v>2008</v>
          </cell>
          <cell r="I138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1388">
            <v>2</v>
          </cell>
          <cell r="M1388">
            <v>4</v>
          </cell>
        </row>
        <row r="1389">
          <cell r="A1389" t="str">
            <v>SWEREG22008</v>
          </cell>
          <cell r="B1389" t="str">
            <v>SWE</v>
          </cell>
          <cell r="C1389" t="str">
            <v>Sweden</v>
          </cell>
          <cell r="D1389" t="str">
            <v>Item 2</v>
          </cell>
          <cell r="E1389" t="str">
            <v>REG2</v>
          </cell>
          <cell r="F1389" t="str">
            <v>Delay before notice can start</v>
          </cell>
          <cell r="G1389">
            <v>2008</v>
          </cell>
          <cell r="H1389">
            <v>2008</v>
          </cell>
          <cell r="I138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1389">
            <v>17.75</v>
          </cell>
          <cell r="M1389">
            <v>2</v>
          </cell>
        </row>
        <row r="1390">
          <cell r="A1390" t="str">
            <v>SWEREG32008</v>
          </cell>
          <cell r="B1390" t="str">
            <v>SWE</v>
          </cell>
          <cell r="C1390" t="str">
            <v>Sweden</v>
          </cell>
          <cell r="D1390" t="str">
            <v>Item 3</v>
          </cell>
          <cell r="E1390" t="str">
            <v>REG3A, REG3B, REG3C</v>
          </cell>
          <cell r="F1390" t="str">
            <v>Notice / tenure</v>
          </cell>
          <cell r="G1390">
            <v>2008</v>
          </cell>
          <cell r="H1390">
            <v>2008</v>
          </cell>
          <cell r="I1390" t="str">
            <v xml:space="preserve">Termination 
According to section 11 EPA. 
1m&lt;2y; 2m&lt;4y; 3m&lt;6y; 4m&lt;8y; 5m&lt;10y; 6m&gt;10y. 
Deviation is possible by collective agreement.
Dismissal due to gross misconduct:
No notice period.  
</v>
          </cell>
          <cell r="J1390">
            <v>1</v>
          </cell>
          <cell r="K1390">
            <v>3</v>
          </cell>
          <cell r="L1390">
            <v>6</v>
          </cell>
          <cell r="M1390">
            <v>3</v>
          </cell>
          <cell r="N1390">
            <v>5</v>
          </cell>
          <cell r="O1390">
            <v>3</v>
          </cell>
        </row>
        <row r="1391">
          <cell r="A1391" t="str">
            <v>SWEREG42008</v>
          </cell>
          <cell r="B1391" t="str">
            <v>SWE</v>
          </cell>
          <cell r="C1391" t="str">
            <v>Sweden</v>
          </cell>
          <cell r="D1391" t="str">
            <v>Item 4</v>
          </cell>
          <cell r="E1391" t="str">
            <v>REG4A, REG4B, REG4C</v>
          </cell>
          <cell r="F1391" t="str">
            <v>Severance pay / tenure</v>
          </cell>
          <cell r="G1391">
            <v>2008</v>
          </cell>
          <cell r="H1391">
            <v>2008</v>
          </cell>
          <cell r="I1391" t="str">
            <v>No legal entitlement, but often included in collective agreements, although in the form of fee-based insurance schemes, with employers’ contributions payable as a percentage of payroll.</v>
          </cell>
          <cell r="J1391">
            <v>0</v>
          </cell>
          <cell r="K1391">
            <v>0</v>
          </cell>
          <cell r="L1391">
            <v>0</v>
          </cell>
          <cell r="M1391">
            <v>0</v>
          </cell>
          <cell r="N1391">
            <v>0</v>
          </cell>
          <cell r="O1391">
            <v>0</v>
          </cell>
        </row>
        <row r="1392">
          <cell r="A1392" t="str">
            <v>SWEREG52008</v>
          </cell>
          <cell r="B1392" t="str">
            <v>SWE</v>
          </cell>
          <cell r="C1392" t="str">
            <v>Sweden</v>
          </cell>
          <cell r="D1392" t="str">
            <v>Item 5</v>
          </cell>
          <cell r="E1392" t="str">
            <v>REG5</v>
          </cell>
          <cell r="F1392" t="str">
            <v>Definition of justified or unfair dismissal</v>
          </cell>
          <cell r="G1392">
            <v>2008</v>
          </cell>
          <cell r="H1392">
            <v>2008</v>
          </cell>
          <cell r="I139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1392">
            <v>2</v>
          </cell>
          <cell r="M1392">
            <v>4</v>
          </cell>
        </row>
        <row r="1393">
          <cell r="A1393" t="str">
            <v>SWEREG62008</v>
          </cell>
          <cell r="B1393" t="str">
            <v>SWE</v>
          </cell>
          <cell r="C1393" t="str">
            <v>Sweden</v>
          </cell>
          <cell r="D1393" t="str">
            <v>Item 6</v>
          </cell>
          <cell r="E1393" t="str">
            <v>REG6</v>
          </cell>
          <cell r="F1393" t="str">
            <v>Trial period</v>
          </cell>
          <cell r="G1393">
            <v>2008</v>
          </cell>
          <cell r="H1393">
            <v>2008</v>
          </cell>
          <cell r="I139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1393">
            <v>6</v>
          </cell>
          <cell r="M1393">
            <v>3</v>
          </cell>
        </row>
        <row r="1394">
          <cell r="A1394" t="str">
            <v>SWEREG72008</v>
          </cell>
          <cell r="B1394" t="str">
            <v>SWE</v>
          </cell>
          <cell r="C1394" t="str">
            <v>Sweden</v>
          </cell>
          <cell r="D1394" t="str">
            <v>Item 7</v>
          </cell>
          <cell r="E1394" t="str">
            <v>REG7</v>
          </cell>
          <cell r="F1394" t="str">
            <v xml:space="preserve">Compensation following unfair dismissal </v>
          </cell>
          <cell r="G1394">
            <v>2008</v>
          </cell>
          <cell r="H1394">
            <v>2008</v>
          </cell>
          <cell r="I139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1394">
            <v>32</v>
          </cell>
          <cell r="M1394">
            <v>6</v>
          </cell>
        </row>
        <row r="1395">
          <cell r="A1395" t="str">
            <v>SWEREG82008</v>
          </cell>
          <cell r="B1395" t="str">
            <v>SWE</v>
          </cell>
          <cell r="C1395" t="str">
            <v>Sweden</v>
          </cell>
          <cell r="D1395" t="str">
            <v>Item 8</v>
          </cell>
          <cell r="E1395" t="str">
            <v>REG8</v>
          </cell>
          <cell r="F1395" t="str">
            <v>Possibility of reinstatement following unfair dismissal</v>
          </cell>
          <cell r="G1395">
            <v>2008</v>
          </cell>
          <cell r="H1395">
            <v>2008</v>
          </cell>
          <cell r="I139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1395">
            <v>0</v>
          </cell>
          <cell r="M1395">
            <v>0</v>
          </cell>
        </row>
        <row r="1396">
          <cell r="A1396" t="str">
            <v>SWEREG92008</v>
          </cell>
          <cell r="B1396" t="str">
            <v>SWE</v>
          </cell>
          <cell r="C1396" t="str">
            <v>Sweden</v>
          </cell>
          <cell r="D1396" t="str">
            <v>Item 9</v>
          </cell>
          <cell r="E1396" t="str">
            <v>REG9</v>
          </cell>
          <cell r="F1396" t="str">
            <v>Maximum time for claim</v>
          </cell>
          <cell r="G1396">
            <v>2008</v>
          </cell>
          <cell r="H1396">
            <v>2008</v>
          </cell>
          <cell r="I1396" t="str">
            <v xml:space="preserve">2 weeks if the employee wants to have the dismissal ruled invalid. If only damages are claimed, the time limit is 4 months (Sections 40 and 41, EPA).
Average of 2 weeks and 4 months
</v>
          </cell>
          <cell r="J1396">
            <v>2.25</v>
          </cell>
          <cell r="M1396">
            <v>2</v>
          </cell>
        </row>
        <row r="1397">
          <cell r="A1397" t="str">
            <v>SWEFTC12008</v>
          </cell>
          <cell r="B1397" t="str">
            <v>SWE</v>
          </cell>
          <cell r="C1397" t="str">
            <v>Sweden</v>
          </cell>
          <cell r="D1397" t="str">
            <v>Item 10</v>
          </cell>
          <cell r="E1397" t="str">
            <v>FTC1</v>
          </cell>
          <cell r="F1397" t="str">
            <v>Valid cases for use of fixed-term contracts, other than  “objective”  or “material” situation</v>
          </cell>
          <cell r="G1397">
            <v>2008</v>
          </cell>
          <cell r="H1397">
            <v>2008</v>
          </cell>
          <cell r="I139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1397">
            <v>3</v>
          </cell>
          <cell r="M1397">
            <v>0</v>
          </cell>
        </row>
        <row r="1398">
          <cell r="A1398" t="str">
            <v>SWEFTC22008</v>
          </cell>
          <cell r="B1398" t="str">
            <v>SWE</v>
          </cell>
          <cell r="C1398" t="str">
            <v>Sweden</v>
          </cell>
          <cell r="D1398" t="str">
            <v>Item 11</v>
          </cell>
          <cell r="E1398" t="str">
            <v>FTC2</v>
          </cell>
          <cell r="F1398" t="str">
            <v>Maximum number of successive fixed-term contracts</v>
          </cell>
          <cell r="G1398">
            <v>2008</v>
          </cell>
          <cell r="H1398">
            <v>2008</v>
          </cell>
          <cell r="I1398" t="str">
            <v>No limit specified.</v>
          </cell>
          <cell r="J1398">
            <v>100</v>
          </cell>
          <cell r="M1398">
            <v>0</v>
          </cell>
        </row>
        <row r="1399">
          <cell r="A1399" t="str">
            <v>SWEFTC32008</v>
          </cell>
          <cell r="B1399" t="str">
            <v>SWE</v>
          </cell>
          <cell r="C1399" t="str">
            <v>Sweden</v>
          </cell>
          <cell r="D1399" t="str">
            <v>Item 12</v>
          </cell>
          <cell r="E1399" t="str">
            <v>FTC3</v>
          </cell>
          <cell r="F1399" t="str">
            <v>Maximum cumulated duration of successive fixed-term contracts</v>
          </cell>
          <cell r="G1399">
            <v>2008</v>
          </cell>
          <cell r="H1399">
            <v>2008</v>
          </cell>
          <cell r="I139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1399">
            <v>24</v>
          </cell>
          <cell r="M1399">
            <v>3</v>
          </cell>
        </row>
        <row r="1400">
          <cell r="A1400" t="str">
            <v>SWETWA12008</v>
          </cell>
          <cell r="B1400" t="str">
            <v>SWE</v>
          </cell>
          <cell r="C1400" t="str">
            <v>Sweden</v>
          </cell>
          <cell r="D1400" t="str">
            <v>Item 13</v>
          </cell>
          <cell r="E1400" t="str">
            <v>TWA1</v>
          </cell>
          <cell r="F1400" t="str">
            <v>Types of work for which TWA employment is legal</v>
          </cell>
          <cell r="G1400">
            <v>2008</v>
          </cell>
          <cell r="H1400">
            <v>2008</v>
          </cell>
          <cell r="I140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1400">
            <v>3.5</v>
          </cell>
          <cell r="M1400">
            <v>0.75</v>
          </cell>
        </row>
        <row r="1401">
          <cell r="A1401" t="str">
            <v>SWETWA22008</v>
          </cell>
          <cell r="B1401" t="str">
            <v>SWE</v>
          </cell>
          <cell r="C1401" t="str">
            <v>Sweden</v>
          </cell>
          <cell r="D1401" t="str">
            <v>Item 14</v>
          </cell>
          <cell r="E1401" t="str">
            <v>TWA2A, TWA2B</v>
          </cell>
          <cell r="F1401" t="str">
            <v>Are there any restrictions on the number of renewals of a TWA contract?</v>
          </cell>
          <cell r="G1401">
            <v>2008</v>
          </cell>
          <cell r="H1401">
            <v>2008</v>
          </cell>
          <cell r="I1401" t="str">
            <v>No for assignments
Yes for contracts, as stipulated by collective agreements</v>
          </cell>
          <cell r="J1401" t="str">
            <v>No</v>
          </cell>
          <cell r="K1401" t="str">
            <v>Yes</v>
          </cell>
          <cell r="M1401">
            <v>2</v>
          </cell>
          <cell r="N1401">
            <v>4</v>
          </cell>
        </row>
        <row r="1402">
          <cell r="A1402" t="str">
            <v>SWETWA32008</v>
          </cell>
          <cell r="B1402" t="str">
            <v>SWE</v>
          </cell>
          <cell r="C1402" t="str">
            <v>Sweden</v>
          </cell>
          <cell r="D1402" t="str">
            <v>Item 15</v>
          </cell>
          <cell r="E1402" t="str">
            <v>TWA3A, TWA3B</v>
          </cell>
          <cell r="F1402" t="str">
            <v>Maximum cumulated duration of temporary work contracts</v>
          </cell>
          <cell r="G1402">
            <v>2008</v>
          </cell>
          <cell r="H1402">
            <v>2008</v>
          </cell>
          <cell r="I140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1402">
            <v>100</v>
          </cell>
          <cell r="K1402">
            <v>100</v>
          </cell>
          <cell r="M1402">
            <v>0</v>
          </cell>
          <cell r="N1402">
            <v>0</v>
          </cell>
        </row>
        <row r="1403">
          <cell r="A1403" t="str">
            <v>SWETWA42008</v>
          </cell>
          <cell r="B1403" t="str">
            <v>SWE</v>
          </cell>
          <cell r="C1403" t="str">
            <v>Sweden</v>
          </cell>
          <cell r="D1403" t="str">
            <v>Item 16</v>
          </cell>
          <cell r="E1403" t="str">
            <v>TWA4</v>
          </cell>
          <cell r="F1403" t="str">
            <v>Authorisation and reporting obligations</v>
          </cell>
          <cell r="G1403">
            <v>2008</v>
          </cell>
          <cell r="H1403">
            <v>2008</v>
          </cell>
          <cell r="I1403" t="str">
            <v>There is a voluntary authorisation system which is administered by the social partners</v>
          </cell>
          <cell r="J1403">
            <v>0</v>
          </cell>
          <cell r="M1403">
            <v>0</v>
          </cell>
        </row>
        <row r="1404">
          <cell r="A1404" t="str">
            <v>SWETWA52008</v>
          </cell>
          <cell r="B1404" t="str">
            <v>SWE</v>
          </cell>
          <cell r="C1404" t="str">
            <v>Sweden</v>
          </cell>
          <cell r="D1404" t="str">
            <v>Item 17</v>
          </cell>
          <cell r="E1404" t="str">
            <v>TWA5</v>
          </cell>
          <cell r="F1404" t="str">
            <v>Equal treatment for TWA workers</v>
          </cell>
          <cell r="G1404">
            <v>2008</v>
          </cell>
          <cell r="H1404">
            <v>2008</v>
          </cell>
          <cell r="I140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1404">
            <v>0.5</v>
          </cell>
          <cell r="M1404">
            <v>1.5</v>
          </cell>
        </row>
        <row r="1405">
          <cell r="A1405" t="str">
            <v>SWECD12008</v>
          </cell>
          <cell r="B1405" t="str">
            <v>SWE</v>
          </cell>
          <cell r="C1405" t="str">
            <v>Sweden</v>
          </cell>
          <cell r="D1405" t="str">
            <v>Item 18</v>
          </cell>
          <cell r="E1405" t="str">
            <v>CD1</v>
          </cell>
          <cell r="F1405" t="str">
            <v>Definition of collective dismissal</v>
          </cell>
          <cell r="G1405">
            <v>2008</v>
          </cell>
          <cell r="H1405">
            <v>2008</v>
          </cell>
          <cell r="I140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1405">
            <v>4</v>
          </cell>
          <cell r="M1405">
            <v>6</v>
          </cell>
        </row>
        <row r="1406">
          <cell r="A1406" t="str">
            <v>SWECD22008</v>
          </cell>
          <cell r="B1406" t="str">
            <v>SWE</v>
          </cell>
          <cell r="C1406" t="str">
            <v>Sweden</v>
          </cell>
          <cell r="D1406" t="str">
            <v>Item 19</v>
          </cell>
          <cell r="E1406" t="str">
            <v>CD2</v>
          </cell>
          <cell r="F1406" t="str">
            <v>Additional notification requirements in case of collective dismissals</v>
          </cell>
          <cell r="G1406">
            <v>2008</v>
          </cell>
          <cell r="H1406">
            <v>2008</v>
          </cell>
          <cell r="I1406" t="str">
            <v>Notification of employee representatives: Duty to inform and consult with competent trade union. Notification of public authorities: Notification of Employment Agency.</v>
          </cell>
          <cell r="J1406">
            <v>1</v>
          </cell>
          <cell r="M1406">
            <v>3</v>
          </cell>
        </row>
        <row r="1407">
          <cell r="A1407" t="str">
            <v>SWECD32008</v>
          </cell>
          <cell r="B1407" t="str">
            <v>SWE</v>
          </cell>
          <cell r="C1407" t="str">
            <v>Sweden</v>
          </cell>
          <cell r="D1407" t="str">
            <v>Item 20</v>
          </cell>
          <cell r="E1407" t="str">
            <v>CD3</v>
          </cell>
          <cell r="F1407" t="str">
            <v>Additional delays involved in case of collective dismissals</v>
          </cell>
          <cell r="G1407">
            <v>2008</v>
          </cell>
          <cell r="H1407">
            <v>2008</v>
          </cell>
          <cell r="I140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1407">
            <v>12.25</v>
          </cell>
          <cell r="M1407">
            <v>1</v>
          </cell>
        </row>
        <row r="1408">
          <cell r="A1408" t="str">
            <v>SWECD42008</v>
          </cell>
          <cell r="B1408" t="str">
            <v>SWE</v>
          </cell>
          <cell r="C1408" t="str">
            <v>Sweden</v>
          </cell>
          <cell r="D1408" t="str">
            <v>Item 21</v>
          </cell>
          <cell r="E1408" t="str">
            <v>CD4</v>
          </cell>
          <cell r="F1408" t="str">
            <v>Other special costs to employers in case of collective dismissals</v>
          </cell>
          <cell r="G1408">
            <v>2008</v>
          </cell>
          <cell r="H1408">
            <v>2008</v>
          </cell>
          <cell r="I140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1408">
            <v>0</v>
          </cell>
          <cell r="M1408">
            <v>0</v>
          </cell>
        </row>
        <row r="1409">
          <cell r="A1409" t="str">
            <v>CHEREG12008</v>
          </cell>
          <cell r="B1409" t="str">
            <v>CHE</v>
          </cell>
          <cell r="C1409" t="str">
            <v>Switzerland</v>
          </cell>
          <cell r="D1409" t="str">
            <v>Item 1</v>
          </cell>
          <cell r="E1409" t="str">
            <v>REG1</v>
          </cell>
          <cell r="F1409" t="str">
            <v>Notification procedures</v>
          </cell>
          <cell r="G1409">
            <v>2008</v>
          </cell>
          <cell r="H1409">
            <v>2008</v>
          </cell>
          <cell r="I1409" t="str">
            <v>Notification to employee who has the right to request a statement of reasons.</v>
          </cell>
          <cell r="J1409">
            <v>1</v>
          </cell>
          <cell r="M1409">
            <v>2</v>
          </cell>
        </row>
        <row r="1410">
          <cell r="A1410" t="str">
            <v>CHEREG22008</v>
          </cell>
          <cell r="B1410" t="str">
            <v>CHE</v>
          </cell>
          <cell r="C1410" t="str">
            <v>Switzerland</v>
          </cell>
          <cell r="D1410" t="str">
            <v>Item 2</v>
          </cell>
          <cell r="E1410" t="str">
            <v>REG2</v>
          </cell>
          <cell r="F1410" t="str">
            <v>Delay before notice can start</v>
          </cell>
          <cell r="G1410">
            <v>2008</v>
          </cell>
          <cell r="H1410">
            <v>2008</v>
          </cell>
          <cell r="I1410" t="str">
            <v>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v>
          </cell>
          <cell r="J1410">
            <v>16</v>
          </cell>
          <cell r="M1410">
            <v>2</v>
          </cell>
        </row>
        <row r="1411">
          <cell r="A1411" t="str">
            <v>CHEREG32008</v>
          </cell>
          <cell r="B1411" t="str">
            <v>CHE</v>
          </cell>
          <cell r="C1411" t="str">
            <v>Switzerland</v>
          </cell>
          <cell r="D1411" t="str">
            <v>Item 3</v>
          </cell>
          <cell r="E1411" t="str">
            <v>REG3A, REG3B, REG3C</v>
          </cell>
          <cell r="F1411" t="str">
            <v>Notice / tenure</v>
          </cell>
          <cell r="G1411">
            <v>2008</v>
          </cell>
          <cell r="H1411">
            <v>2008</v>
          </cell>
          <cell r="I1411" t="str">
            <v>All workers: 7d during the trial period (1 to 3 months), 1m&lt;1y, 2m&lt;10y, 3m&gt;10y, always to the end of a calendar month.
9 months tenure: 1 month, 4 years tenure: 2 months, 20 years tenure: 3 months.</v>
          </cell>
          <cell r="J1411">
            <v>1</v>
          </cell>
          <cell r="K1411">
            <v>2</v>
          </cell>
          <cell r="L1411">
            <v>3</v>
          </cell>
          <cell r="M1411">
            <v>3</v>
          </cell>
          <cell r="N1411">
            <v>4</v>
          </cell>
          <cell r="O1411">
            <v>2</v>
          </cell>
        </row>
        <row r="1412">
          <cell r="A1412" t="str">
            <v>CHEREG42008</v>
          </cell>
          <cell r="B1412" t="str">
            <v>CHE</v>
          </cell>
          <cell r="C1412" t="str">
            <v>Switzerland</v>
          </cell>
          <cell r="D1412" t="str">
            <v>Item 4</v>
          </cell>
          <cell r="E1412" t="str">
            <v>REG4A, REG4B, REG4C</v>
          </cell>
          <cell r="F1412" t="str">
            <v>Severance pay / tenure</v>
          </cell>
          <cell r="G1412">
            <v>2008</v>
          </cell>
          <cell r="H1412">
            <v>2008</v>
          </cell>
          <cell r="I1412" t="str">
            <v>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v>
          </cell>
          <cell r="J1412">
            <v>0</v>
          </cell>
          <cell r="K1412">
            <v>0</v>
          </cell>
          <cell r="L1412">
            <v>0</v>
          </cell>
          <cell r="M1412">
            <v>0</v>
          </cell>
          <cell r="N1412">
            <v>0</v>
          </cell>
          <cell r="O1412">
            <v>0</v>
          </cell>
        </row>
        <row r="1413">
          <cell r="A1413" t="str">
            <v>CHEREG52008</v>
          </cell>
          <cell r="B1413" t="str">
            <v>CHE</v>
          </cell>
          <cell r="C1413" t="str">
            <v>Switzerland</v>
          </cell>
          <cell r="D1413" t="str">
            <v>Item 5</v>
          </cell>
          <cell r="E1413" t="str">
            <v>REG5</v>
          </cell>
          <cell r="F1413" t="str">
            <v>Definition of justified or unfair dismissal</v>
          </cell>
          <cell r="G1413">
            <v>2008</v>
          </cell>
          <cell r="H1413">
            <v>2008</v>
          </cell>
          <cell r="I1413"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413">
            <v>0</v>
          </cell>
          <cell r="M1413">
            <v>0</v>
          </cell>
        </row>
        <row r="1414">
          <cell r="A1414" t="str">
            <v>CHEREG62008</v>
          </cell>
          <cell r="B1414" t="str">
            <v>CHE</v>
          </cell>
          <cell r="C1414" t="str">
            <v>Switzerland</v>
          </cell>
          <cell r="D1414" t="str">
            <v>Item 6</v>
          </cell>
          <cell r="E1414" t="str">
            <v>REG6</v>
          </cell>
          <cell r="F1414" t="str">
            <v>Trial period</v>
          </cell>
          <cell r="G1414">
            <v>2008</v>
          </cell>
          <cell r="H1414">
            <v>2008</v>
          </cell>
          <cell r="I1414" t="str">
            <v>All workers: 1 month, often extended to 3 months in individual employment contracts.</v>
          </cell>
          <cell r="J1414">
            <v>2</v>
          </cell>
          <cell r="M1414">
            <v>5</v>
          </cell>
        </row>
        <row r="1415">
          <cell r="A1415" t="str">
            <v>CHEREG72008</v>
          </cell>
          <cell r="B1415" t="str">
            <v>CHE</v>
          </cell>
          <cell r="C1415" t="str">
            <v>Switzerland</v>
          </cell>
          <cell r="D1415" t="str">
            <v>Item 7</v>
          </cell>
          <cell r="E1415" t="str">
            <v>REG7</v>
          </cell>
          <cell r="F1415" t="str">
            <v xml:space="preserve">Compensation following unfair dismissal </v>
          </cell>
          <cell r="G1415">
            <v>2008</v>
          </cell>
          <cell r="H1415">
            <v>2008</v>
          </cell>
          <cell r="I1415" t="str">
            <v>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v>
          </cell>
          <cell r="J1415">
            <v>6</v>
          </cell>
          <cell r="M1415">
            <v>1</v>
          </cell>
        </row>
        <row r="1416">
          <cell r="A1416" t="str">
            <v>CHEREG82008</v>
          </cell>
          <cell r="B1416" t="str">
            <v>CHE</v>
          </cell>
          <cell r="C1416" t="str">
            <v>Switzerland</v>
          </cell>
          <cell r="D1416" t="str">
            <v>Item 8</v>
          </cell>
          <cell r="E1416" t="str">
            <v>REG8</v>
          </cell>
          <cell r="F1416" t="str">
            <v>Possibility of reinstatement following unfair dismissal</v>
          </cell>
          <cell r="G1416">
            <v>2008</v>
          </cell>
          <cell r="H1416">
            <v>2008</v>
          </cell>
          <cell r="I1416" t="str">
            <v>Courts are not empowered to order reinstatement (except in case of discrimination against women).</v>
          </cell>
          <cell r="J1416">
            <v>0</v>
          </cell>
          <cell r="M1416">
            <v>0</v>
          </cell>
        </row>
        <row r="1417">
          <cell r="A1417" t="str">
            <v>CHEREG92008</v>
          </cell>
          <cell r="B1417" t="str">
            <v>CHE</v>
          </cell>
          <cell r="C1417" t="str">
            <v>Switzerland</v>
          </cell>
          <cell r="D1417" t="str">
            <v>Item 9</v>
          </cell>
          <cell r="E1417" t="str">
            <v>REG9</v>
          </cell>
          <cell r="F1417" t="str">
            <v>Maximum time for claim</v>
          </cell>
          <cell r="G1417">
            <v>2008</v>
          </cell>
          <cell r="H1417">
            <v>2008</v>
          </cell>
          <cell r="I1417"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417">
            <v>0</v>
          </cell>
          <cell r="M1417">
            <v>0</v>
          </cell>
          <cell r="P1417" t="str">
            <v>changed</v>
          </cell>
        </row>
        <row r="1418">
          <cell r="A1418" t="str">
            <v>CHEFTC12008</v>
          </cell>
          <cell r="B1418" t="str">
            <v>CHE</v>
          </cell>
          <cell r="C1418" t="str">
            <v>Switzerland</v>
          </cell>
          <cell r="D1418" t="str">
            <v>Item 10</v>
          </cell>
          <cell r="E1418" t="str">
            <v>FTC1</v>
          </cell>
          <cell r="F1418" t="str">
            <v>Valid cases for use of fixed-term contracts, other than  “objective”  or “material” situation</v>
          </cell>
          <cell r="G1418">
            <v>2008</v>
          </cell>
          <cell r="H1418">
            <v>2008</v>
          </cell>
          <cell r="I1418" t="str">
            <v xml:space="preserve">General </v>
          </cell>
          <cell r="J1418">
            <v>3</v>
          </cell>
          <cell r="M1418">
            <v>0</v>
          </cell>
        </row>
        <row r="1419">
          <cell r="A1419" t="str">
            <v>CHEFTC22008</v>
          </cell>
          <cell r="B1419" t="str">
            <v>CHE</v>
          </cell>
          <cell r="C1419" t="str">
            <v>Switzerland</v>
          </cell>
          <cell r="D1419" t="str">
            <v>Item 11</v>
          </cell>
          <cell r="E1419" t="str">
            <v>FTC2</v>
          </cell>
          <cell r="F1419" t="str">
            <v>Maximum number of successive fixed-term contracts</v>
          </cell>
          <cell r="G1419">
            <v>2008</v>
          </cell>
          <cell r="H1419">
            <v>2008</v>
          </cell>
          <cell r="I1419" t="str">
            <v>Estimated 1.5
No limit specified, but successive contracts imply the risk of a court declaring the fixed-term contract null and void.</v>
          </cell>
          <cell r="J1419">
            <v>1.5</v>
          </cell>
          <cell r="M1419">
            <v>5</v>
          </cell>
        </row>
        <row r="1420">
          <cell r="A1420" t="str">
            <v>CHEFTC32008</v>
          </cell>
          <cell r="B1420" t="str">
            <v>CHE</v>
          </cell>
          <cell r="C1420" t="str">
            <v>Switzerland</v>
          </cell>
          <cell r="D1420" t="str">
            <v>Item 12</v>
          </cell>
          <cell r="E1420" t="str">
            <v>FTC3</v>
          </cell>
          <cell r="F1420" t="str">
            <v>Maximum cumulated duration of successive fixed-term contracts</v>
          </cell>
          <cell r="G1420">
            <v>2008</v>
          </cell>
          <cell r="H1420">
            <v>2008</v>
          </cell>
          <cell r="I1420" t="str">
            <v>No limit specified.</v>
          </cell>
          <cell r="J1420">
            <v>200</v>
          </cell>
          <cell r="M1420">
            <v>0</v>
          </cell>
        </row>
        <row r="1421">
          <cell r="A1421" t="str">
            <v>CHETWA12008</v>
          </cell>
          <cell r="B1421" t="str">
            <v>CHE</v>
          </cell>
          <cell r="C1421" t="str">
            <v>Switzerland</v>
          </cell>
          <cell r="D1421" t="str">
            <v>Item 13</v>
          </cell>
          <cell r="E1421" t="str">
            <v>TWA1</v>
          </cell>
          <cell r="F1421" t="str">
            <v>Types of work for which TWA employment is legal</v>
          </cell>
          <cell r="G1421">
            <v>2008</v>
          </cell>
          <cell r="H1421">
            <v>2008</v>
          </cell>
          <cell r="I1421" t="str">
            <v>General</v>
          </cell>
          <cell r="J1421">
            <v>4</v>
          </cell>
          <cell r="M1421">
            <v>0</v>
          </cell>
        </row>
        <row r="1422">
          <cell r="A1422" t="str">
            <v>CHETWA22008</v>
          </cell>
          <cell r="B1422" t="str">
            <v>CHE</v>
          </cell>
          <cell r="C1422" t="str">
            <v>Switzerland</v>
          </cell>
          <cell r="D1422" t="str">
            <v>Item 14</v>
          </cell>
          <cell r="E1422" t="str">
            <v>TWA2A, TWA2B</v>
          </cell>
          <cell r="F1422" t="str">
            <v>Are there any restrictions on the number of renewals of a TWA contract?</v>
          </cell>
          <cell r="G1422">
            <v>2008</v>
          </cell>
          <cell r="H1422">
            <v>2008</v>
          </cell>
          <cell r="I1422" t="str">
            <v>Renewals or prolongation of fixed-term contracts only possible if there is an objective reason for the conclusion of another temporary contract or for a temporary prolongation.
Chains of assignments of the same workers on the same post in the same firm are not allowed</v>
          </cell>
          <cell r="J1422" t="str">
            <v>Yes</v>
          </cell>
          <cell r="K1422" t="str">
            <v>Yes</v>
          </cell>
          <cell r="M1422">
            <v>4</v>
          </cell>
          <cell r="N1422">
            <v>4</v>
          </cell>
        </row>
        <row r="1423">
          <cell r="A1423" t="str">
            <v>CHETWA32008</v>
          </cell>
          <cell r="B1423" t="str">
            <v>CHE</v>
          </cell>
          <cell r="C1423" t="str">
            <v>Switzerland</v>
          </cell>
          <cell r="D1423" t="str">
            <v>Item 15</v>
          </cell>
          <cell r="E1423" t="str">
            <v>TWA3A, TWA3B</v>
          </cell>
          <cell r="F1423" t="str">
            <v>Maximum cumulated duration of temporary work contracts</v>
          </cell>
          <cell r="G1423">
            <v>2008</v>
          </cell>
          <cell r="H1423">
            <v>2008</v>
          </cell>
          <cell r="I1423" t="str">
            <v>No limit</v>
          </cell>
          <cell r="J1423">
            <v>100</v>
          </cell>
          <cell r="K1423">
            <v>100</v>
          </cell>
          <cell r="M1423">
            <v>0</v>
          </cell>
          <cell r="N1423">
            <v>0</v>
          </cell>
        </row>
        <row r="1424">
          <cell r="A1424" t="str">
            <v>CHETWA42008</v>
          </cell>
          <cell r="B1424" t="str">
            <v>CHE</v>
          </cell>
          <cell r="C1424" t="str">
            <v>Switzerland</v>
          </cell>
          <cell r="D1424" t="str">
            <v>Item 16</v>
          </cell>
          <cell r="E1424" t="str">
            <v>TWA4</v>
          </cell>
          <cell r="F1424" t="str">
            <v>Authorisation and reporting obligations</v>
          </cell>
          <cell r="G1424">
            <v>2008</v>
          </cell>
          <cell r="H1424">
            <v>2008</v>
          </cell>
          <cell r="I1424" t="str">
            <v>Requires administrative authorisation.</v>
          </cell>
          <cell r="J1424">
            <v>1</v>
          </cell>
          <cell r="M1424">
            <v>2</v>
          </cell>
        </row>
        <row r="1425">
          <cell r="A1425" t="str">
            <v>CHETWA52008</v>
          </cell>
          <cell r="B1425" t="str">
            <v>CHE</v>
          </cell>
          <cell r="C1425" t="str">
            <v>Switzerland</v>
          </cell>
          <cell r="D1425" t="str">
            <v>Item 17</v>
          </cell>
          <cell r="E1425" t="str">
            <v>TWA5</v>
          </cell>
          <cell r="F1425" t="str">
            <v>Equal treatment for TWA workers</v>
          </cell>
          <cell r="G1425">
            <v>2008</v>
          </cell>
          <cell r="H1425">
            <v>2008</v>
          </cell>
          <cell r="I1425" t="str">
            <v>Equal treatment only in the field of extended collective bargaining agreements concerning minimal salary, hours of work, progressional development, anticipated retirement.</v>
          </cell>
          <cell r="J1425">
            <v>1</v>
          </cell>
          <cell r="M1425">
            <v>3</v>
          </cell>
          <cell r="P1425" t="str">
            <v>changed</v>
          </cell>
        </row>
        <row r="1426">
          <cell r="A1426" t="str">
            <v>CHECD12008</v>
          </cell>
          <cell r="B1426" t="str">
            <v>CHE</v>
          </cell>
          <cell r="C1426" t="str">
            <v>Switzerland</v>
          </cell>
          <cell r="D1426" t="str">
            <v>Item 18</v>
          </cell>
          <cell r="E1426" t="str">
            <v>CD1</v>
          </cell>
          <cell r="F1426" t="str">
            <v>Definition of collective dismissal</v>
          </cell>
          <cell r="G1426">
            <v>2008</v>
          </cell>
          <cell r="H1426">
            <v>2008</v>
          </cell>
          <cell r="I1426" t="str">
            <v>10+ workers in firms 20-99 employees; 10%+ in firms 100-299; 30+ in firms with 300+ employees.</v>
          </cell>
          <cell r="J1426">
            <v>3</v>
          </cell>
          <cell r="M1426">
            <v>4.5</v>
          </cell>
        </row>
        <row r="1427">
          <cell r="A1427" t="str">
            <v>CHECD22008</v>
          </cell>
          <cell r="B1427" t="str">
            <v>CHE</v>
          </cell>
          <cell r="C1427" t="str">
            <v>Switzerland</v>
          </cell>
          <cell r="D1427" t="str">
            <v>Item 19</v>
          </cell>
          <cell r="E1427" t="str">
            <v>CD2</v>
          </cell>
          <cell r="F1427" t="str">
            <v>Additional notification requirements in case of collective dismissals</v>
          </cell>
          <cell r="G1427">
            <v>2008</v>
          </cell>
          <cell r="H1427">
            <v>2008</v>
          </cell>
          <cell r="I1427" t="str">
            <v>Notification of employee representatives: Obligation to inform and consult with Works Council or trade union delegation.
Notification of public authorities: Duty to notify cantonal employment service.</v>
          </cell>
          <cell r="J1427">
            <v>2</v>
          </cell>
          <cell r="M1427">
            <v>6</v>
          </cell>
        </row>
        <row r="1428">
          <cell r="A1428" t="str">
            <v>CHECD32008</v>
          </cell>
          <cell r="B1428" t="str">
            <v>CHE</v>
          </cell>
          <cell r="C1428" t="str">
            <v>Switzerland</v>
          </cell>
          <cell r="D1428" t="str">
            <v>Item 20</v>
          </cell>
          <cell r="E1428" t="str">
            <v>CD3</v>
          </cell>
          <cell r="F1428" t="str">
            <v>Additional delays involved in case of collective dismissals</v>
          </cell>
          <cell r="G1428">
            <v>2008</v>
          </cell>
          <cell r="H1428">
            <v>2008</v>
          </cell>
          <cell r="I1428" t="str">
            <v>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v>
          </cell>
          <cell r="J1428">
            <v>10.5</v>
          </cell>
          <cell r="M1428">
            <v>1</v>
          </cell>
        </row>
        <row r="1429">
          <cell r="A1429" t="str">
            <v>CHECD42008</v>
          </cell>
          <cell r="B1429" t="str">
            <v>CHE</v>
          </cell>
          <cell r="C1429" t="str">
            <v>Switzerland</v>
          </cell>
          <cell r="D1429" t="str">
            <v>Item 21</v>
          </cell>
          <cell r="E1429" t="str">
            <v>CD4</v>
          </cell>
          <cell r="F1429" t="str">
            <v>Other special costs to employers in case of collective dismissals</v>
          </cell>
          <cell r="G1429">
            <v>2008</v>
          </cell>
          <cell r="H1429">
            <v>2008</v>
          </cell>
          <cell r="I1429"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429">
            <v>1</v>
          </cell>
          <cell r="M1429">
            <v>3</v>
          </cell>
        </row>
        <row r="1430">
          <cell r="A1430" t="str">
            <v>TURREG12008</v>
          </cell>
          <cell r="B1430" t="str">
            <v>TUR</v>
          </cell>
          <cell r="C1430" t="str">
            <v>Turkey</v>
          </cell>
          <cell r="D1430" t="str">
            <v>Item 1</v>
          </cell>
          <cell r="E1430" t="str">
            <v>REG1</v>
          </cell>
          <cell r="F1430" t="str">
            <v>Notification procedures</v>
          </cell>
          <cell r="G1430">
            <v>2008</v>
          </cell>
          <cell r="H1430">
            <v>2008</v>
          </cell>
          <cell r="I1430" t="str">
            <v>Written notice to employee and notification, within 15 days, to Ministry of Labour and regional public employment service.</v>
          </cell>
          <cell r="J1430">
            <v>2</v>
          </cell>
          <cell r="M1430">
            <v>4</v>
          </cell>
        </row>
        <row r="1431">
          <cell r="A1431" t="str">
            <v>TURREG22008</v>
          </cell>
          <cell r="B1431" t="str">
            <v>TUR</v>
          </cell>
          <cell r="C1431" t="str">
            <v>Turkey</v>
          </cell>
          <cell r="D1431" t="str">
            <v>Item 2</v>
          </cell>
          <cell r="E1431" t="str">
            <v>REG2</v>
          </cell>
          <cell r="F1431" t="str">
            <v>Delay before notice can start</v>
          </cell>
          <cell r="G1431">
            <v>2008</v>
          </cell>
          <cell r="H1431">
            <v>2008</v>
          </cell>
          <cell r="I1431"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1431">
            <v>1</v>
          </cell>
          <cell r="M1431">
            <v>0</v>
          </cell>
        </row>
        <row r="1432">
          <cell r="A1432" t="str">
            <v>TURREG32008</v>
          </cell>
          <cell r="B1432" t="str">
            <v>TUR</v>
          </cell>
          <cell r="C1432" t="str">
            <v>Turkey</v>
          </cell>
          <cell r="D1432" t="str">
            <v>Item 3</v>
          </cell>
          <cell r="E1432" t="str">
            <v>REG3A, REG3B, REG3C</v>
          </cell>
          <cell r="F1432" t="str">
            <v>Notice / tenure</v>
          </cell>
          <cell r="G1432">
            <v>2008</v>
          </cell>
          <cell r="H1432">
            <v>2008</v>
          </cell>
          <cell r="I1432" t="str">
            <v xml:space="preserve">All workers: 0&lt;1m, 2w&lt;6m, 4w&lt;18m, 6w&lt;3y, 8w&gt;3y (can be extended by collective agreements).
9 months tenure: 4 weeks, 4 years tenure: 8 weeks, 20 years tenure: 8 weeks.
</v>
          </cell>
          <cell r="J1432">
            <v>1</v>
          </cell>
          <cell r="K1432">
            <v>2</v>
          </cell>
          <cell r="L1432">
            <v>2</v>
          </cell>
          <cell r="M1432">
            <v>3</v>
          </cell>
          <cell r="N1432">
            <v>4</v>
          </cell>
          <cell r="O1432">
            <v>1</v>
          </cell>
        </row>
        <row r="1433">
          <cell r="A1433" t="str">
            <v>TURREG42008</v>
          </cell>
          <cell r="B1433" t="str">
            <v>TUR</v>
          </cell>
          <cell r="C1433" t="str">
            <v>Turkey</v>
          </cell>
          <cell r="D1433" t="str">
            <v>Item 4</v>
          </cell>
          <cell r="E1433" t="str">
            <v>REG4A, REG4B, REG4C</v>
          </cell>
          <cell r="F1433" t="str">
            <v>Severance pay / tenure</v>
          </cell>
          <cell r="G1433">
            <v>2008</v>
          </cell>
          <cell r="H1433">
            <v>2008</v>
          </cell>
          <cell r="I1433" t="str">
            <v xml:space="preserve">All workers: After one year’s employment, one month for each year of service (can be extended by collective agreements).
9 months tenure: 0, 4 years tenure: 4 months, 20 years tenure: 20 months.
</v>
          </cell>
          <cell r="J1433">
            <v>0</v>
          </cell>
          <cell r="K1433">
            <v>4</v>
          </cell>
          <cell r="L1433">
            <v>20</v>
          </cell>
          <cell r="M1433">
            <v>0</v>
          </cell>
          <cell r="N1433">
            <v>6</v>
          </cell>
          <cell r="O1433">
            <v>6</v>
          </cell>
        </row>
        <row r="1434">
          <cell r="A1434" t="str">
            <v>TURREG52008</v>
          </cell>
          <cell r="B1434" t="str">
            <v>TUR</v>
          </cell>
          <cell r="C1434" t="str">
            <v>Turkey</v>
          </cell>
          <cell r="D1434" t="str">
            <v>Item 5</v>
          </cell>
          <cell r="E1434" t="str">
            <v>REG5</v>
          </cell>
          <cell r="F1434" t="str">
            <v>Definition of justified or unfair dismissal</v>
          </cell>
          <cell r="G1434">
            <v>2008</v>
          </cell>
          <cell r="H1434">
            <v>2008</v>
          </cell>
          <cell r="I1434"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1434">
            <v>0</v>
          </cell>
          <cell r="M1434">
            <v>0</v>
          </cell>
        </row>
        <row r="1435">
          <cell r="A1435" t="str">
            <v>TURREG62008</v>
          </cell>
          <cell r="B1435" t="str">
            <v>TUR</v>
          </cell>
          <cell r="C1435" t="str">
            <v>Turkey</v>
          </cell>
          <cell r="D1435" t="str">
            <v>Item 6</v>
          </cell>
          <cell r="E1435" t="str">
            <v>REG6</v>
          </cell>
          <cell r="F1435" t="str">
            <v>Trial period</v>
          </cell>
          <cell r="G1435">
            <v>2008</v>
          </cell>
          <cell r="H1435">
            <v>2008</v>
          </cell>
          <cell r="I1435" t="str">
            <v xml:space="preserve">All workers: Maximum 2 months, can be extended by collective agreements to 4 months.
Calculation: average of the two cases.
</v>
          </cell>
          <cell r="J1435">
            <v>3</v>
          </cell>
          <cell r="M1435">
            <v>4</v>
          </cell>
        </row>
        <row r="1436">
          <cell r="A1436" t="str">
            <v>TURREG72008</v>
          </cell>
          <cell r="B1436" t="str">
            <v>TUR</v>
          </cell>
          <cell r="C1436" t="str">
            <v>Turkey</v>
          </cell>
          <cell r="D1436" t="str">
            <v>Item 7</v>
          </cell>
          <cell r="E1436" t="str">
            <v>REG7</v>
          </cell>
          <cell r="F1436" t="str">
            <v xml:space="preserve">Compensation following unfair dismissal </v>
          </cell>
          <cell r="G1436">
            <v>2008</v>
          </cell>
          <cell r="H1436">
            <v>2008</v>
          </cell>
          <cell r="I1436"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1436">
            <v>10</v>
          </cell>
          <cell r="M1436">
            <v>2</v>
          </cell>
        </row>
        <row r="1437">
          <cell r="A1437" t="str">
            <v>TURREG82008</v>
          </cell>
          <cell r="B1437" t="str">
            <v>TUR</v>
          </cell>
          <cell r="C1437" t="str">
            <v>Turkey</v>
          </cell>
          <cell r="D1437" t="str">
            <v>Item 8</v>
          </cell>
          <cell r="E1437" t="str">
            <v>REG8</v>
          </cell>
          <cell r="F1437" t="str">
            <v>Possibility of reinstatement following unfair dismissal</v>
          </cell>
          <cell r="G1437">
            <v>2008</v>
          </cell>
          <cell r="H1437">
            <v>2008</v>
          </cell>
          <cell r="I1437"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1437">
            <v>0</v>
          </cell>
          <cell r="M1437">
            <v>0</v>
          </cell>
        </row>
        <row r="1438">
          <cell r="A1438" t="str">
            <v>TURREG92008</v>
          </cell>
          <cell r="B1438" t="str">
            <v>TUR</v>
          </cell>
          <cell r="C1438" t="str">
            <v>Turkey</v>
          </cell>
          <cell r="D1438" t="str">
            <v>Item 9</v>
          </cell>
          <cell r="E1438" t="str">
            <v>REG9</v>
          </cell>
          <cell r="F1438" t="str">
            <v>Maximum time for claim</v>
          </cell>
          <cell r="G1438">
            <v>2008</v>
          </cell>
          <cell r="H1438">
            <v>2008</v>
          </cell>
          <cell r="I1438" t="str">
            <v>One month
Notification period starts when the notification arrived to worker.
Before dismissal takes effect</v>
          </cell>
          <cell r="J1438">
            <v>0</v>
          </cell>
          <cell r="M1438">
            <v>0</v>
          </cell>
        </row>
        <row r="1439">
          <cell r="A1439" t="str">
            <v>TURFTC12008</v>
          </cell>
          <cell r="B1439" t="str">
            <v>TUR</v>
          </cell>
          <cell r="C1439" t="str">
            <v>Turkey</v>
          </cell>
          <cell r="D1439" t="str">
            <v>Item 10</v>
          </cell>
          <cell r="E1439" t="str">
            <v>FTC1</v>
          </cell>
          <cell r="F1439" t="str">
            <v>Valid cases for use of fixed-term contracts, other than  “objective”  or “material” situation</v>
          </cell>
          <cell r="G1439">
            <v>2008</v>
          </cell>
          <cell r="H1439">
            <v>2008</v>
          </cell>
          <cell r="I1439" t="str">
            <v>Restricted to “objective situations”, particularly seasonal and agricultural work.</v>
          </cell>
          <cell r="J1439">
            <v>0</v>
          </cell>
          <cell r="M1439">
            <v>6</v>
          </cell>
        </row>
        <row r="1440">
          <cell r="A1440" t="str">
            <v>TURFTC22008</v>
          </cell>
          <cell r="B1440" t="str">
            <v>TUR</v>
          </cell>
          <cell r="C1440" t="str">
            <v>Turkey</v>
          </cell>
          <cell r="D1440" t="str">
            <v>Item 11</v>
          </cell>
          <cell r="E1440" t="str">
            <v>FTC2</v>
          </cell>
          <cell r="F1440" t="str">
            <v>Maximum number of successive fixed-term contracts</v>
          </cell>
          <cell r="G1440">
            <v>2008</v>
          </cell>
          <cell r="H1440">
            <v>2008</v>
          </cell>
          <cell r="I1440" t="str">
            <v>Estimated 1.5 Fixed-term contracts cannot be successively renewed without serious reason, otherwise the renewal will alter the fixed-term contract into a contract of indefinite time.
In case of valuable reasons for renewal, no limit specified.</v>
          </cell>
          <cell r="J1440">
            <v>1.5</v>
          </cell>
          <cell r="M1440">
            <v>5</v>
          </cell>
        </row>
        <row r="1441">
          <cell r="A1441" t="str">
            <v>TURFTC32008</v>
          </cell>
          <cell r="B1441" t="str">
            <v>TUR</v>
          </cell>
          <cell r="C1441" t="str">
            <v>Turkey</v>
          </cell>
          <cell r="D1441" t="str">
            <v>Item 12</v>
          </cell>
          <cell r="E1441" t="str">
            <v>FTC3</v>
          </cell>
          <cell r="F1441" t="str">
            <v>Maximum cumulated duration of successive fixed-term contracts</v>
          </cell>
          <cell r="G1441">
            <v>2008</v>
          </cell>
          <cell r="H1441">
            <v>2008</v>
          </cell>
          <cell r="I1441" t="str">
            <v>No limit specified.</v>
          </cell>
          <cell r="J1441">
            <v>200</v>
          </cell>
          <cell r="M1441">
            <v>0</v>
          </cell>
        </row>
        <row r="1442">
          <cell r="A1442" t="str">
            <v>TURTWA12008</v>
          </cell>
          <cell r="B1442" t="str">
            <v>TUR</v>
          </cell>
          <cell r="C1442" t="str">
            <v>Turkey</v>
          </cell>
          <cell r="D1442" t="str">
            <v>Item 13</v>
          </cell>
          <cell r="E1442" t="str">
            <v>TWA1</v>
          </cell>
          <cell r="F1442" t="str">
            <v>Types of work for which TWA employment is legal</v>
          </cell>
          <cell r="G1442">
            <v>2008</v>
          </cell>
          <cell r="H1442">
            <v>2008</v>
          </cell>
          <cell r="I1442"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1442">
            <v>0</v>
          </cell>
          <cell r="M1442">
            <v>6</v>
          </cell>
        </row>
        <row r="1443">
          <cell r="A1443" t="str">
            <v>TURTWA22008</v>
          </cell>
          <cell r="B1443" t="str">
            <v>TUR</v>
          </cell>
          <cell r="C1443" t="str">
            <v>Turkey</v>
          </cell>
          <cell r="D1443" t="str">
            <v>Item 14</v>
          </cell>
          <cell r="E1443" t="str">
            <v>TWA2A, TWA2B</v>
          </cell>
          <cell r="F1443" t="str">
            <v>Are there any restrictions on the number of renewals of a TWA contract?</v>
          </cell>
          <cell r="G1443">
            <v>2008</v>
          </cell>
          <cell r="H1443">
            <v>2008</v>
          </cell>
          <cell r="I1443" t="str">
            <v>Not applicable</v>
          </cell>
          <cell r="J1443" t="str">
            <v>-</v>
          </cell>
          <cell r="K1443" t="str">
            <v>-</v>
          </cell>
          <cell r="M1443">
            <v>4</v>
          </cell>
          <cell r="N1443">
            <v>4</v>
          </cell>
        </row>
        <row r="1444">
          <cell r="A1444" t="str">
            <v>TURTWA32008</v>
          </cell>
          <cell r="B1444" t="str">
            <v>TUR</v>
          </cell>
          <cell r="C1444" t="str">
            <v>Turkey</v>
          </cell>
          <cell r="D1444" t="str">
            <v>Item 15</v>
          </cell>
          <cell r="E1444" t="str">
            <v>TWA3A, TWA3B</v>
          </cell>
          <cell r="F1444" t="str">
            <v>Maximum cumulated duration of temporary work contracts</v>
          </cell>
          <cell r="G1444">
            <v>2008</v>
          </cell>
          <cell r="H1444">
            <v>2008</v>
          </cell>
          <cell r="I1444" t="str">
            <v>Not applicable</v>
          </cell>
          <cell r="J1444">
            <v>0</v>
          </cell>
          <cell r="K1444">
            <v>0</v>
          </cell>
          <cell r="M1444">
            <v>6</v>
          </cell>
          <cell r="N1444">
            <v>6</v>
          </cell>
        </row>
        <row r="1445">
          <cell r="A1445" t="str">
            <v>TURTWA42008</v>
          </cell>
          <cell r="B1445" t="str">
            <v>TUR</v>
          </cell>
          <cell r="C1445" t="str">
            <v>Turkey</v>
          </cell>
          <cell r="D1445" t="str">
            <v>Item 16</v>
          </cell>
          <cell r="E1445" t="str">
            <v>TWA4</v>
          </cell>
          <cell r="F1445" t="str">
            <v>Authorisation and reporting obligations</v>
          </cell>
          <cell r="G1445">
            <v>2008</v>
          </cell>
          <cell r="H1445">
            <v>2008</v>
          </cell>
          <cell r="I1445" t="str">
            <v>Not applicable</v>
          </cell>
          <cell r="J1445" t="str">
            <v>-</v>
          </cell>
          <cell r="M1445">
            <v>6</v>
          </cell>
        </row>
        <row r="1446">
          <cell r="A1446" t="str">
            <v>TURTWA52008</v>
          </cell>
          <cell r="B1446" t="str">
            <v>TUR</v>
          </cell>
          <cell r="C1446" t="str">
            <v>Turkey</v>
          </cell>
          <cell r="D1446" t="str">
            <v>Item 17</v>
          </cell>
          <cell r="E1446" t="str">
            <v>TWA5</v>
          </cell>
          <cell r="F1446" t="str">
            <v>Equal treatment for TWA workers</v>
          </cell>
          <cell r="G1446">
            <v>2008</v>
          </cell>
          <cell r="H1446">
            <v>2008</v>
          </cell>
          <cell r="I1446" t="str">
            <v>Not applicable</v>
          </cell>
          <cell r="J1446" t="str">
            <v>-</v>
          </cell>
          <cell r="M1446">
            <v>6</v>
          </cell>
        </row>
        <row r="1447">
          <cell r="A1447" t="str">
            <v>TURCD12008</v>
          </cell>
          <cell r="B1447" t="str">
            <v>TUR</v>
          </cell>
          <cell r="C1447" t="str">
            <v>Turkey</v>
          </cell>
          <cell r="D1447" t="str">
            <v>Item 18</v>
          </cell>
          <cell r="E1447" t="str">
            <v>CD1</v>
          </cell>
          <cell r="F1447" t="str">
            <v>Definition of collective dismissal</v>
          </cell>
          <cell r="G1447">
            <v>2008</v>
          </cell>
          <cell r="H1447">
            <v>2008</v>
          </cell>
          <cell r="I1447" t="str">
            <v xml:space="preserve">Within one month, 10 workers in firms with 20-100 employees, 20 workers in firms with 101-300, 30 workers in firms with 300+ employees.
Firms with less than 20 employees are exempt from requirements for collective dismissals.
</v>
          </cell>
          <cell r="J1447">
            <v>3</v>
          </cell>
          <cell r="M1447">
            <v>4.5</v>
          </cell>
        </row>
        <row r="1448">
          <cell r="A1448" t="str">
            <v>TURCD22008</v>
          </cell>
          <cell r="B1448" t="str">
            <v>TUR</v>
          </cell>
          <cell r="C1448" t="str">
            <v>Turkey</v>
          </cell>
          <cell r="D1448" t="str">
            <v>Item 19</v>
          </cell>
          <cell r="E1448" t="str">
            <v>CD2</v>
          </cell>
          <cell r="F1448" t="str">
            <v>Additional notification requirements in case of collective dismissals</v>
          </cell>
          <cell r="G1448">
            <v>2008</v>
          </cell>
          <cell r="H1448">
            <v>2008</v>
          </cell>
          <cell r="I1448"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1448">
            <v>1</v>
          </cell>
          <cell r="M1448">
            <v>3</v>
          </cell>
        </row>
        <row r="1449">
          <cell r="A1449" t="str">
            <v>TURCD32008</v>
          </cell>
          <cell r="B1449" t="str">
            <v>TUR</v>
          </cell>
          <cell r="C1449" t="str">
            <v>Turkey</v>
          </cell>
          <cell r="D1449" t="str">
            <v>Item 20</v>
          </cell>
          <cell r="E1449" t="str">
            <v>CD3</v>
          </cell>
          <cell r="F1449" t="str">
            <v>Additional delays involved in case of collective dismissals</v>
          </cell>
          <cell r="G1449">
            <v>2008</v>
          </cell>
          <cell r="H1449">
            <v>2008</v>
          </cell>
          <cell r="I1449" t="str">
            <v>1 month waiting period starting from the notification to public authorities.</v>
          </cell>
          <cell r="J1449">
            <v>29</v>
          </cell>
          <cell r="M1449">
            <v>2</v>
          </cell>
        </row>
        <row r="1450">
          <cell r="A1450" t="str">
            <v>TURCD42008</v>
          </cell>
          <cell r="B1450" t="str">
            <v>TUR</v>
          </cell>
          <cell r="C1450" t="str">
            <v>Turkey</v>
          </cell>
          <cell r="D1450" t="str">
            <v>Item 21</v>
          </cell>
          <cell r="E1450" t="str">
            <v>CD4</v>
          </cell>
          <cell r="F1450" t="str">
            <v>Other special costs to employers in case of collective dismissals</v>
          </cell>
          <cell r="G1450">
            <v>2008</v>
          </cell>
          <cell r="H1450">
            <v>2008</v>
          </cell>
          <cell r="I1450"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1450">
            <v>1</v>
          </cell>
          <cell r="M1450">
            <v>3</v>
          </cell>
        </row>
        <row r="1451">
          <cell r="A1451" t="str">
            <v>GBRREG12008</v>
          </cell>
          <cell r="B1451" t="str">
            <v>GBR</v>
          </cell>
          <cell r="C1451" t="str">
            <v>United Kingdom</v>
          </cell>
          <cell r="D1451" t="str">
            <v>Item 1</v>
          </cell>
          <cell r="E1451" t="str">
            <v>REG1</v>
          </cell>
          <cell r="F1451" t="str">
            <v>Notification procedures</v>
          </cell>
          <cell r="G1451">
            <v>2008</v>
          </cell>
          <cell r="H1451">
            <v>2008</v>
          </cell>
          <cell r="I1451"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451">
            <v>1.25</v>
          </cell>
          <cell r="M1451">
            <v>2.5</v>
          </cell>
        </row>
        <row r="1452">
          <cell r="A1452" t="str">
            <v>GBRREG22008</v>
          </cell>
          <cell r="B1452" t="str">
            <v>GBR</v>
          </cell>
          <cell r="C1452" t="str">
            <v>United Kingdom</v>
          </cell>
          <cell r="D1452" t="str">
            <v>Item 2</v>
          </cell>
          <cell r="E1452" t="str">
            <v>REG2</v>
          </cell>
          <cell r="F1452" t="str">
            <v>Delay before notice can start</v>
          </cell>
          <cell r="G1452">
            <v>2008</v>
          </cell>
          <cell r="H1452">
            <v>2008</v>
          </cell>
          <cell r="I1452" t="str">
            <v>Individual termination: Written or oral notification.</v>
          </cell>
          <cell r="J1452">
            <v>1</v>
          </cell>
          <cell r="M1452">
            <v>0</v>
          </cell>
        </row>
        <row r="1453">
          <cell r="A1453" t="str">
            <v>GBRREG32008</v>
          </cell>
          <cell r="B1453" t="str">
            <v>GBR</v>
          </cell>
          <cell r="C1453" t="str">
            <v>United Kingdom</v>
          </cell>
          <cell r="D1453" t="str">
            <v>Item 3</v>
          </cell>
          <cell r="E1453" t="str">
            <v>REG3A, REG3B, REG3C</v>
          </cell>
          <cell r="F1453" t="str">
            <v>Notice / tenure</v>
          </cell>
          <cell r="G1453">
            <v>2008</v>
          </cell>
          <cell r="H1453">
            <v>2008</v>
          </cell>
          <cell r="I1453" t="str">
            <v>All workers: 0&lt;1m, 1w&lt;2y, plus one additional week of notice per year of service up to a maximum of 12 weeks.
9 months tenure: 1 week, 4 years tenure: 4 weeks, 20 years tenure: 12 weeks.</v>
          </cell>
          <cell r="J1453">
            <v>0.25</v>
          </cell>
          <cell r="K1453">
            <v>1</v>
          </cell>
          <cell r="L1453">
            <v>3</v>
          </cell>
          <cell r="M1453">
            <v>1</v>
          </cell>
          <cell r="N1453">
            <v>2</v>
          </cell>
          <cell r="O1453">
            <v>2</v>
          </cell>
        </row>
        <row r="1454">
          <cell r="A1454" t="str">
            <v>GBRREG42008</v>
          </cell>
          <cell r="B1454" t="str">
            <v>GBR</v>
          </cell>
          <cell r="C1454" t="str">
            <v>United Kingdom</v>
          </cell>
          <cell r="D1454" t="str">
            <v>Item 4</v>
          </cell>
          <cell r="E1454" t="str">
            <v>REG4A, REG4B, REG4C</v>
          </cell>
          <cell r="F1454" t="str">
            <v>Severance pay / tenure</v>
          </cell>
          <cell r="G1454">
            <v>2008</v>
          </cell>
          <cell r="H1454">
            <v>2008</v>
          </cell>
          <cell r="I1454" t="str">
            <v>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lation: average of redundancy (assuming worker is aged 22-40) and other cases (no severance pay) 9 months tenure: 0, 4 years tenure: 2 weeks, 20 years tenure: 10 weeks.</v>
          </cell>
          <cell r="J1454">
            <v>0</v>
          </cell>
          <cell r="K1454">
            <v>0.5</v>
          </cell>
          <cell r="L1454">
            <v>2.5</v>
          </cell>
          <cell r="M1454">
            <v>0</v>
          </cell>
          <cell r="N1454">
            <v>1</v>
          </cell>
          <cell r="O1454">
            <v>1</v>
          </cell>
        </row>
        <row r="1455">
          <cell r="A1455" t="str">
            <v>GBRREG52008</v>
          </cell>
          <cell r="B1455" t="str">
            <v>GBR</v>
          </cell>
          <cell r="C1455" t="str">
            <v>United Kingdom</v>
          </cell>
          <cell r="D1455" t="str">
            <v>Item 5</v>
          </cell>
          <cell r="E1455" t="str">
            <v>REG5</v>
          </cell>
          <cell r="F1455" t="str">
            <v>Definition of justified or unfair dismissal</v>
          </cell>
          <cell r="G1455">
            <v>2008</v>
          </cell>
          <cell r="H1455">
            <v>2008</v>
          </cell>
          <cell r="I1455"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455">
            <v>0</v>
          </cell>
          <cell r="M1455">
            <v>0</v>
          </cell>
        </row>
        <row r="1456">
          <cell r="A1456" t="str">
            <v>GBRREG62008</v>
          </cell>
          <cell r="B1456" t="str">
            <v>GBR</v>
          </cell>
          <cell r="C1456" t="str">
            <v>United Kingdom</v>
          </cell>
          <cell r="D1456" t="str">
            <v>Item 6</v>
          </cell>
          <cell r="E1456" t="str">
            <v>REG6</v>
          </cell>
          <cell r="F1456" t="str">
            <v>Trial period</v>
          </cell>
          <cell r="G1456">
            <v>2008</v>
          </cell>
          <cell r="H1456">
            <v>2008</v>
          </cell>
          <cell r="I1456" t="str">
            <v>Trial periods are for agreement between employer and employee, but do not affect the employee’s statutory employment rights. Claims under unfair dismissal legislation are not normally possible until 1 year’s service has been completed.</v>
          </cell>
          <cell r="J1456">
            <v>12</v>
          </cell>
          <cell r="M1456">
            <v>2</v>
          </cell>
        </row>
        <row r="1457">
          <cell r="A1457" t="str">
            <v>GBRREG72008</v>
          </cell>
          <cell r="B1457" t="str">
            <v>GBR</v>
          </cell>
          <cell r="C1457" t="str">
            <v>United Kingdom</v>
          </cell>
          <cell r="D1457" t="str">
            <v>Item 7</v>
          </cell>
          <cell r="E1457" t="str">
            <v>REG7</v>
          </cell>
          <cell r="F1457" t="str">
            <v xml:space="preserve">Compensation following unfair dismissal </v>
          </cell>
          <cell r="G1457">
            <v>2008</v>
          </cell>
          <cell r="H1457">
            <v>2008</v>
          </cell>
          <cell r="I1457"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457">
            <v>5.5</v>
          </cell>
          <cell r="M1457">
            <v>1</v>
          </cell>
          <cell r="P1457" t="str">
            <v>Changed</v>
          </cell>
        </row>
        <row r="1458">
          <cell r="A1458" t="str">
            <v>GBRREG82008</v>
          </cell>
          <cell r="B1458" t="str">
            <v>GBR</v>
          </cell>
          <cell r="C1458" t="str">
            <v>United Kingdom</v>
          </cell>
          <cell r="D1458" t="str">
            <v>Item 8</v>
          </cell>
          <cell r="E1458" t="str">
            <v>REG8</v>
          </cell>
          <cell r="F1458" t="str">
            <v>Possibility of reinstatement following unfair dismissal</v>
          </cell>
          <cell r="G1458">
            <v>2008</v>
          </cell>
          <cell r="H1458">
            <v>2008</v>
          </cell>
          <cell r="I1458" t="str">
            <v> Employers are not obliged to reinstate but if a tribunal orders reinstatement or re-engagement in a comparable job and the employer refuses to comply, the tribunal may make an additional award on top of the basic and compensatory awards.</v>
          </cell>
          <cell r="J1458">
            <v>1</v>
          </cell>
          <cell r="M1458">
            <v>2</v>
          </cell>
        </row>
        <row r="1459">
          <cell r="A1459" t="str">
            <v>GBRREG92008</v>
          </cell>
          <cell r="B1459" t="str">
            <v>GBR</v>
          </cell>
          <cell r="C1459" t="str">
            <v>United Kingdom</v>
          </cell>
          <cell r="D1459" t="str">
            <v>Item 9</v>
          </cell>
          <cell r="E1459" t="str">
            <v>REG9</v>
          </cell>
          <cell r="F1459" t="str">
            <v>Maximum time for claim</v>
          </cell>
          <cell r="G1459">
            <v>2008</v>
          </cell>
          <cell r="H1459">
            <v>2008</v>
          </cell>
          <cell r="I1459"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459">
            <v>3</v>
          </cell>
          <cell r="M1459">
            <v>2</v>
          </cell>
        </row>
        <row r="1460">
          <cell r="A1460" t="str">
            <v>GBRFTC12008</v>
          </cell>
          <cell r="B1460" t="str">
            <v>GBR</v>
          </cell>
          <cell r="C1460" t="str">
            <v>United Kingdom</v>
          </cell>
          <cell r="D1460" t="str">
            <v>Item 10</v>
          </cell>
          <cell r="E1460" t="str">
            <v>FTC1</v>
          </cell>
          <cell r="F1460" t="str">
            <v>Valid cases for use of fixed-term contracts, other than  “objective”  or “material” situation</v>
          </cell>
          <cell r="G1460">
            <v>2008</v>
          </cell>
          <cell r="H1460">
            <v>2008</v>
          </cell>
          <cell r="I1460" t="str">
            <v> No restrictions.</v>
          </cell>
          <cell r="J1460">
            <v>3</v>
          </cell>
          <cell r="M1460">
            <v>0</v>
          </cell>
        </row>
        <row r="1461">
          <cell r="A1461" t="str">
            <v>GBRFTC22008</v>
          </cell>
          <cell r="B1461" t="str">
            <v>GBR</v>
          </cell>
          <cell r="C1461" t="str">
            <v>United Kingdom</v>
          </cell>
          <cell r="D1461" t="str">
            <v>Item 11</v>
          </cell>
          <cell r="E1461" t="str">
            <v>FTC2</v>
          </cell>
          <cell r="F1461" t="str">
            <v>Maximum number of successive fixed-term contracts</v>
          </cell>
          <cell r="G1461">
            <v>2008</v>
          </cell>
          <cell r="H1461">
            <v>2008</v>
          </cell>
          <cell r="I1461" t="str">
            <v> No limit</v>
          </cell>
          <cell r="J1461">
            <v>100</v>
          </cell>
          <cell r="M1461">
            <v>0</v>
          </cell>
        </row>
        <row r="1462">
          <cell r="A1462" t="str">
            <v>GBRFTC32008</v>
          </cell>
          <cell r="B1462" t="str">
            <v>GBR</v>
          </cell>
          <cell r="C1462" t="str">
            <v>United Kingdom</v>
          </cell>
          <cell r="D1462" t="str">
            <v>Item 12</v>
          </cell>
          <cell r="E1462" t="str">
            <v>FTC3</v>
          </cell>
          <cell r="F1462" t="str">
            <v>Maximum cumulated duration of successive fixed-term contracts</v>
          </cell>
          <cell r="G1462">
            <v>2008</v>
          </cell>
          <cell r="H1462">
            <v>2008</v>
          </cell>
          <cell r="I1462" t="str">
            <v> 4 years, after which will be treated as a permanent employee.</v>
          </cell>
          <cell r="J1462">
            <v>48</v>
          </cell>
          <cell r="M1462">
            <v>1</v>
          </cell>
        </row>
        <row r="1463">
          <cell r="A1463" t="str">
            <v>GBRTWA12008</v>
          </cell>
          <cell r="B1463" t="str">
            <v>GBR</v>
          </cell>
          <cell r="C1463" t="str">
            <v>United Kingdom</v>
          </cell>
          <cell r="D1463" t="str">
            <v>Item 13</v>
          </cell>
          <cell r="E1463" t="str">
            <v>TWA1</v>
          </cell>
          <cell r="F1463" t="str">
            <v>Types of work for which TWA employment is legal</v>
          </cell>
          <cell r="G1463">
            <v>2008</v>
          </cell>
          <cell r="H1463">
            <v>2008</v>
          </cell>
          <cell r="I1463" t="str">
            <v> General</v>
          </cell>
          <cell r="J1463">
            <v>4</v>
          </cell>
          <cell r="M1463">
            <v>0</v>
          </cell>
        </row>
        <row r="1464">
          <cell r="A1464" t="str">
            <v>GBRTWA22008</v>
          </cell>
          <cell r="B1464" t="str">
            <v>GBR</v>
          </cell>
          <cell r="C1464" t="str">
            <v>United Kingdom</v>
          </cell>
          <cell r="D1464" t="str">
            <v>Item 14</v>
          </cell>
          <cell r="E1464" t="str">
            <v>TWA2A, TWA2B</v>
          </cell>
          <cell r="F1464" t="str">
            <v>Are there any restrictions on the number of renewals of a TWA contract?</v>
          </cell>
          <cell r="G1464">
            <v>2008</v>
          </cell>
          <cell r="H1464">
            <v>2008</v>
          </cell>
          <cell r="I1464" t="str">
            <v> No</v>
          </cell>
          <cell r="J1464" t="str">
            <v>No</v>
          </cell>
          <cell r="K1464" t="str">
            <v>No</v>
          </cell>
          <cell r="M1464">
            <v>2</v>
          </cell>
          <cell r="N1464">
            <v>2</v>
          </cell>
        </row>
        <row r="1465">
          <cell r="A1465" t="str">
            <v>GBRTWA32008</v>
          </cell>
          <cell r="B1465" t="str">
            <v>GBR</v>
          </cell>
          <cell r="C1465" t="str">
            <v>United Kingdom</v>
          </cell>
          <cell r="D1465" t="str">
            <v>Item 15</v>
          </cell>
          <cell r="E1465" t="str">
            <v>TWA3A, TWA3B</v>
          </cell>
          <cell r="F1465" t="str">
            <v>Maximum cumulated duration of temporary work contracts</v>
          </cell>
          <cell r="G1465">
            <v>2008</v>
          </cell>
          <cell r="H1465">
            <v>2008</v>
          </cell>
          <cell r="I1465" t="str">
            <v>No limit</v>
          </cell>
          <cell r="J1465">
            <v>100</v>
          </cell>
          <cell r="K1465">
            <v>100</v>
          </cell>
          <cell r="M1465">
            <v>0</v>
          </cell>
          <cell r="N1465">
            <v>0</v>
          </cell>
        </row>
        <row r="1466">
          <cell r="A1466" t="str">
            <v>GBRTWA42008</v>
          </cell>
          <cell r="B1466" t="str">
            <v>GBR</v>
          </cell>
          <cell r="C1466" t="str">
            <v>United Kingdom</v>
          </cell>
          <cell r="D1466" t="str">
            <v>Item 16</v>
          </cell>
          <cell r="E1466" t="str">
            <v>TWA4</v>
          </cell>
          <cell r="F1466" t="str">
            <v>Authorisation and reporting obligations</v>
          </cell>
          <cell r="G1466">
            <v>2008</v>
          </cell>
          <cell r="H1466">
            <v>2008</v>
          </cell>
          <cell r="I1466" t="str">
            <v>No authorisation or reporting requirements.</v>
          </cell>
          <cell r="J1466">
            <v>0</v>
          </cell>
          <cell r="M1466">
            <v>0</v>
          </cell>
        </row>
        <row r="1467">
          <cell r="A1467" t="str">
            <v>GBRTWA52008</v>
          </cell>
          <cell r="B1467" t="str">
            <v>GBR</v>
          </cell>
          <cell r="C1467" t="str">
            <v>United Kingdom</v>
          </cell>
          <cell r="D1467" t="str">
            <v>Item 17</v>
          </cell>
          <cell r="E1467" t="str">
            <v>TWA5</v>
          </cell>
          <cell r="F1467" t="str">
            <v>Equal treatment for TWA workers</v>
          </cell>
          <cell r="G1467">
            <v>2008</v>
          </cell>
          <cell r="H1467">
            <v>2008</v>
          </cell>
          <cell r="I1467" t="str">
            <v>No requirement for equal treatment but some requirement for equal treatment of agency workers covered by equal opportunities and discrimination legislation.</v>
          </cell>
          <cell r="J1467">
            <v>0.5</v>
          </cell>
          <cell r="M1467">
            <v>1.5</v>
          </cell>
          <cell r="P1467" t="str">
            <v>Changed</v>
          </cell>
        </row>
        <row r="1468">
          <cell r="A1468" t="str">
            <v>GBRCD12008</v>
          </cell>
          <cell r="B1468" t="str">
            <v>GBR</v>
          </cell>
          <cell r="C1468" t="str">
            <v>United Kingdom</v>
          </cell>
          <cell r="D1468" t="str">
            <v>Item 18</v>
          </cell>
          <cell r="E1468" t="str">
            <v>CD1</v>
          </cell>
          <cell r="F1468" t="str">
            <v>Definition of collective dismissal</v>
          </cell>
          <cell r="G1468">
            <v>2008</v>
          </cell>
          <cell r="H1468">
            <v>2008</v>
          </cell>
          <cell r="I1468" t="str">
            <v xml:space="preserve"> For collective redundancies (defined as “dismissal for a reason not related to the individual concerned” by section 195 of the Trade Union and Labour Relations Act, TULRA), regulations apply for dismissal of 20+ employees within 90 days.</v>
          </cell>
          <cell r="J1468">
            <v>2</v>
          </cell>
          <cell r="M1468">
            <v>3</v>
          </cell>
        </row>
        <row r="1469">
          <cell r="A1469" t="str">
            <v>GBRCD22008</v>
          </cell>
          <cell r="B1469" t="str">
            <v>GBR</v>
          </cell>
          <cell r="C1469" t="str">
            <v>United Kingdom</v>
          </cell>
          <cell r="D1469" t="str">
            <v>Item 19</v>
          </cell>
          <cell r="E1469" t="str">
            <v>CD2</v>
          </cell>
          <cell r="F1469" t="str">
            <v>Additional notification requirements in case of collective dismissals</v>
          </cell>
          <cell r="G1469">
            <v>2008</v>
          </cell>
          <cell r="H1469">
            <v>2008</v>
          </cell>
          <cell r="I1469" t="str">
            <v>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v>
          </cell>
          <cell r="J1469">
            <v>1.5</v>
          </cell>
          <cell r="M1469">
            <v>4.5</v>
          </cell>
        </row>
        <row r="1470">
          <cell r="A1470" t="str">
            <v>GBRCD32008</v>
          </cell>
          <cell r="B1470" t="str">
            <v>GBR</v>
          </cell>
          <cell r="C1470" t="str">
            <v>United Kingdom</v>
          </cell>
          <cell r="D1470" t="str">
            <v>Item 20</v>
          </cell>
          <cell r="E1470" t="str">
            <v>CD3</v>
          </cell>
          <cell r="F1470" t="str">
            <v>Additional delays involved in case of collective dismissals</v>
          </cell>
          <cell r="G1470">
            <v>2008</v>
          </cell>
          <cell r="H1470">
            <v>2008</v>
          </cell>
          <cell r="I1470" t="str">
            <v xml:space="preserve">Dismissals may not take effect until 30 days after notifying BERR if 20-99 workers are involved, and 90 days when 100+ workers are involved. </v>
          </cell>
          <cell r="J1470">
            <v>60</v>
          </cell>
          <cell r="M1470">
            <v>4</v>
          </cell>
        </row>
        <row r="1471">
          <cell r="A1471" t="str">
            <v>GBRCD42008</v>
          </cell>
          <cell r="B1471" t="str">
            <v>GBR</v>
          </cell>
          <cell r="C1471" t="str">
            <v>United Kingdom</v>
          </cell>
          <cell r="D1471" t="str">
            <v>Item 21</v>
          </cell>
          <cell r="E1471" t="str">
            <v>CD4</v>
          </cell>
          <cell r="F1471" t="str">
            <v>Other special costs to employers in case of collective dismissals</v>
          </cell>
          <cell r="G1471">
            <v>2008</v>
          </cell>
          <cell r="H1471">
            <v>2008</v>
          </cell>
          <cell r="I1471"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471">
            <v>0</v>
          </cell>
          <cell r="M1471">
            <v>0</v>
          </cell>
        </row>
        <row r="1472">
          <cell r="A1472" t="str">
            <v>USAREG12008</v>
          </cell>
          <cell r="B1472" t="str">
            <v>USA</v>
          </cell>
          <cell r="C1472" t="str">
            <v>United States</v>
          </cell>
          <cell r="D1472" t="str">
            <v>Item 1</v>
          </cell>
          <cell r="E1472" t="str">
            <v>REG1</v>
          </cell>
          <cell r="F1472" t="str">
            <v>Notification procedures</v>
          </cell>
          <cell r="G1472">
            <v>2008</v>
          </cell>
          <cell r="H1472">
            <v>2008</v>
          </cell>
          <cell r="I1472"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1472">
            <v>0.27</v>
          </cell>
          <cell r="M1472">
            <v>0.54</v>
          </cell>
        </row>
        <row r="1473">
          <cell r="A1473" t="str">
            <v>USAREG22008</v>
          </cell>
          <cell r="B1473" t="str">
            <v>USA</v>
          </cell>
          <cell r="C1473" t="str">
            <v>United States</v>
          </cell>
          <cell r="D1473" t="str">
            <v>Item 2</v>
          </cell>
          <cell r="E1473" t="str">
            <v>REG2</v>
          </cell>
          <cell r="F1473" t="str">
            <v>Delay before notice can start</v>
          </cell>
          <cell r="G1473">
            <v>2008</v>
          </cell>
          <cell r="H1473">
            <v>2008</v>
          </cell>
          <cell r="I1473" t="str">
            <v>There are no notice requirements prior to dismissal, with certain exceptions, as discussed above.  
Coded as 1 day for oral notification or where written notice can be given to the employee.</v>
          </cell>
          <cell r="J1473">
            <v>1</v>
          </cell>
          <cell r="M1473">
            <v>0</v>
          </cell>
        </row>
        <row r="1474">
          <cell r="A1474" t="str">
            <v>USAREG32008</v>
          </cell>
          <cell r="B1474" t="str">
            <v>USA</v>
          </cell>
          <cell r="C1474" t="str">
            <v>United States</v>
          </cell>
          <cell r="D1474" t="str">
            <v>Item 3</v>
          </cell>
          <cell r="E1474" t="str">
            <v>REG3A, REG3B, REG3C</v>
          </cell>
          <cell r="F1474" t="str">
            <v>Notice / tenure</v>
          </cell>
          <cell r="G1474">
            <v>2008</v>
          </cell>
          <cell r="H1474">
            <v>2008</v>
          </cell>
          <cell r="I1474" t="str">
            <v>All workers: No legal regulations (but can be regulated in collective agreements or company policy manuals).</v>
          </cell>
          <cell r="J1474">
            <v>0</v>
          </cell>
          <cell r="K1474">
            <v>0</v>
          </cell>
          <cell r="L1474">
            <v>0</v>
          </cell>
          <cell r="M1474">
            <v>0</v>
          </cell>
          <cell r="N1474">
            <v>0</v>
          </cell>
          <cell r="O1474">
            <v>0</v>
          </cell>
        </row>
        <row r="1475">
          <cell r="A1475" t="str">
            <v>USAREG42008</v>
          </cell>
          <cell r="B1475" t="str">
            <v>USA</v>
          </cell>
          <cell r="C1475" t="str">
            <v>United States</v>
          </cell>
          <cell r="D1475" t="str">
            <v>Item 4</v>
          </cell>
          <cell r="E1475" t="str">
            <v>REG4A, REG4B, REG4C</v>
          </cell>
          <cell r="F1475" t="str">
            <v>Severance pay / tenure</v>
          </cell>
          <cell r="G1475">
            <v>2008</v>
          </cell>
          <cell r="H1475">
            <v>2008</v>
          </cell>
          <cell r="I1475" t="str">
            <v>No legal regulations (but can be regulated in collective agreements or company policy manuals.</v>
          </cell>
          <cell r="J1475">
            <v>0</v>
          </cell>
          <cell r="K1475">
            <v>0</v>
          </cell>
          <cell r="L1475">
            <v>0</v>
          </cell>
          <cell r="M1475">
            <v>0</v>
          </cell>
          <cell r="N1475">
            <v>0</v>
          </cell>
          <cell r="O1475">
            <v>0</v>
          </cell>
        </row>
        <row r="1476">
          <cell r="A1476" t="str">
            <v>USAREG52008</v>
          </cell>
          <cell r="B1476" t="str">
            <v>USA</v>
          </cell>
          <cell r="C1476" t="str">
            <v>United States</v>
          </cell>
          <cell r="D1476" t="str">
            <v>Item 5</v>
          </cell>
          <cell r="E1476" t="str">
            <v>REG5</v>
          </cell>
          <cell r="F1476" t="str">
            <v>Definition of justified or unfair dismissal</v>
          </cell>
          <cell r="G1476">
            <v>2008</v>
          </cell>
          <cell r="H1476">
            <v>2008</v>
          </cell>
          <cell r="I1476"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1476">
            <v>0</v>
          </cell>
          <cell r="M1476">
            <v>0</v>
          </cell>
        </row>
        <row r="1477">
          <cell r="A1477" t="str">
            <v>USAREG62008</v>
          </cell>
          <cell r="B1477" t="str">
            <v>USA</v>
          </cell>
          <cell r="C1477" t="str">
            <v>United States</v>
          </cell>
          <cell r="D1477" t="str">
            <v>Item 6</v>
          </cell>
          <cell r="E1477" t="str">
            <v>REG6</v>
          </cell>
          <cell r="F1477" t="str">
            <v>Trial period</v>
          </cell>
          <cell r="G1477">
            <v>2008</v>
          </cell>
          <cell r="H1477">
            <v>2008</v>
          </cell>
          <cell r="I1477" t="str">
            <v xml:space="preserve">Wide range. Typically, the range in collective bargaining agreements is between 60-90 days.  </v>
          </cell>
          <cell r="J1477" t="str">
            <v>..</v>
          </cell>
          <cell r="M1477" t="e">
            <v>#N/A</v>
          </cell>
        </row>
        <row r="1478">
          <cell r="A1478" t="str">
            <v>USAREG72008</v>
          </cell>
          <cell r="B1478" t="str">
            <v>USA</v>
          </cell>
          <cell r="C1478" t="str">
            <v>United States</v>
          </cell>
          <cell r="D1478" t="str">
            <v>Item 7</v>
          </cell>
          <cell r="E1478" t="str">
            <v>REG7</v>
          </cell>
          <cell r="F1478" t="str">
            <v xml:space="preserve">Compensation following unfair dismissal </v>
          </cell>
          <cell r="G1478">
            <v>2008</v>
          </cell>
          <cell r="H1478">
            <v>2008</v>
          </cell>
          <cell r="I1478"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1478" t="str">
            <v>..</v>
          </cell>
          <cell r="M1478" t="e">
            <v>#N/A</v>
          </cell>
        </row>
        <row r="1479">
          <cell r="A1479" t="str">
            <v>USAREG82008</v>
          </cell>
          <cell r="B1479" t="str">
            <v>USA</v>
          </cell>
          <cell r="C1479" t="str">
            <v>United States</v>
          </cell>
          <cell r="D1479" t="str">
            <v>Item 8</v>
          </cell>
          <cell r="E1479" t="str">
            <v>REG8</v>
          </cell>
          <cell r="F1479" t="str">
            <v>Possibility of reinstatement following unfair dismissal</v>
          </cell>
          <cell r="G1479">
            <v>2008</v>
          </cell>
          <cell r="H1479">
            <v>2008</v>
          </cell>
          <cell r="I1479"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1479">
            <v>0.5</v>
          </cell>
          <cell r="M1479">
            <v>1</v>
          </cell>
        </row>
        <row r="1480">
          <cell r="A1480" t="str">
            <v>USAREG92008</v>
          </cell>
          <cell r="B1480" t="str">
            <v>USA</v>
          </cell>
          <cell r="C1480" t="str">
            <v>United States</v>
          </cell>
          <cell r="D1480" t="str">
            <v>Item 9</v>
          </cell>
          <cell r="E1480" t="str">
            <v>REG9</v>
          </cell>
          <cell r="F1480" t="str">
            <v>Maximum time for claim</v>
          </cell>
          <cell r="G1480">
            <v>2008</v>
          </cell>
          <cell r="H1480">
            <v>2008</v>
          </cell>
          <cell r="I1480"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1480">
            <v>8</v>
          </cell>
          <cell r="M1480">
            <v>4</v>
          </cell>
        </row>
        <row r="1481">
          <cell r="A1481" t="str">
            <v>USAFTC12008</v>
          </cell>
          <cell r="B1481" t="str">
            <v>USA</v>
          </cell>
          <cell r="C1481" t="str">
            <v>United States</v>
          </cell>
          <cell r="D1481" t="str">
            <v>Item 10</v>
          </cell>
          <cell r="E1481" t="str">
            <v>FTC1</v>
          </cell>
          <cell r="F1481" t="str">
            <v>Valid cases for use of fixed-term contracts, other than  “objective”  or “material” situation</v>
          </cell>
          <cell r="G1481">
            <v>2008</v>
          </cell>
          <cell r="H1481">
            <v>2008</v>
          </cell>
          <cell r="I1481" t="str">
            <v>No restrictions.</v>
          </cell>
          <cell r="J1481">
            <v>3</v>
          </cell>
          <cell r="M1481">
            <v>0</v>
          </cell>
        </row>
        <row r="1482">
          <cell r="A1482" t="str">
            <v>USAFTC22008</v>
          </cell>
          <cell r="B1482" t="str">
            <v>USA</v>
          </cell>
          <cell r="C1482" t="str">
            <v>United States</v>
          </cell>
          <cell r="D1482" t="str">
            <v>Item 11</v>
          </cell>
          <cell r="E1482" t="str">
            <v>FTC2</v>
          </cell>
          <cell r="F1482" t="str">
            <v>Maximum number of successive fixed-term contracts</v>
          </cell>
          <cell r="G1482">
            <v>2008</v>
          </cell>
          <cell r="H1482">
            <v>2008</v>
          </cell>
          <cell r="I1482" t="str">
            <v>No limit</v>
          </cell>
          <cell r="J1482">
            <v>100</v>
          </cell>
          <cell r="M1482">
            <v>0</v>
          </cell>
        </row>
        <row r="1483">
          <cell r="A1483" t="str">
            <v>USAFTC32008</v>
          </cell>
          <cell r="B1483" t="str">
            <v>USA</v>
          </cell>
          <cell r="C1483" t="str">
            <v>United States</v>
          </cell>
          <cell r="D1483" t="str">
            <v>Item 12</v>
          </cell>
          <cell r="E1483" t="str">
            <v>FTC3</v>
          </cell>
          <cell r="F1483" t="str">
            <v>Maximum cumulated duration of successive fixed-term contracts</v>
          </cell>
          <cell r="G1483">
            <v>2008</v>
          </cell>
          <cell r="H1483">
            <v>2008</v>
          </cell>
          <cell r="I1483" t="str">
            <v>No limit</v>
          </cell>
          <cell r="J1483">
            <v>200</v>
          </cell>
          <cell r="M1483">
            <v>0</v>
          </cell>
        </row>
        <row r="1484">
          <cell r="A1484" t="str">
            <v>USATWA12008</v>
          </cell>
          <cell r="B1484" t="str">
            <v>USA</v>
          </cell>
          <cell r="C1484" t="str">
            <v>United States</v>
          </cell>
          <cell r="D1484" t="str">
            <v>Item 13</v>
          </cell>
          <cell r="E1484" t="str">
            <v>TWA1</v>
          </cell>
          <cell r="F1484" t="str">
            <v>Types of work for which TWA employment is legal</v>
          </cell>
          <cell r="G1484">
            <v>2008</v>
          </cell>
          <cell r="H1484">
            <v>2008</v>
          </cell>
          <cell r="I1484" t="str">
            <v>General</v>
          </cell>
          <cell r="J1484">
            <v>4</v>
          </cell>
          <cell r="M1484">
            <v>0</v>
          </cell>
        </row>
        <row r="1485">
          <cell r="A1485" t="str">
            <v>USATWA22008</v>
          </cell>
          <cell r="B1485" t="str">
            <v>USA</v>
          </cell>
          <cell r="C1485" t="str">
            <v>United States</v>
          </cell>
          <cell r="D1485" t="str">
            <v>Item 14</v>
          </cell>
          <cell r="E1485" t="str">
            <v>TWA2A, TWA2B</v>
          </cell>
          <cell r="F1485" t="str">
            <v>Are there any restrictions on the number of renewals of a TWA contract?</v>
          </cell>
          <cell r="G1485">
            <v>2008</v>
          </cell>
          <cell r="H1485">
            <v>2008</v>
          </cell>
          <cell r="I1485" t="str">
            <v>No</v>
          </cell>
          <cell r="J1485" t="str">
            <v>No</v>
          </cell>
          <cell r="K1485" t="str">
            <v>No</v>
          </cell>
          <cell r="M1485">
            <v>2</v>
          </cell>
          <cell r="N1485">
            <v>2</v>
          </cell>
        </row>
        <row r="1486">
          <cell r="A1486" t="str">
            <v>USATWA32008</v>
          </cell>
          <cell r="B1486" t="str">
            <v>USA</v>
          </cell>
          <cell r="C1486" t="str">
            <v>United States</v>
          </cell>
          <cell r="D1486" t="str">
            <v>Item 15</v>
          </cell>
          <cell r="E1486" t="str">
            <v>TWA3A, TWA3B</v>
          </cell>
          <cell r="F1486" t="str">
            <v>Maximum cumulated duration of temporary work contracts</v>
          </cell>
          <cell r="G1486">
            <v>2008</v>
          </cell>
          <cell r="H1486">
            <v>2008</v>
          </cell>
          <cell r="I1486" t="str">
            <v>No limit</v>
          </cell>
          <cell r="J1486">
            <v>100</v>
          </cell>
          <cell r="K1486">
            <v>100</v>
          </cell>
          <cell r="M1486">
            <v>0</v>
          </cell>
          <cell r="N1486">
            <v>0</v>
          </cell>
        </row>
        <row r="1487">
          <cell r="A1487" t="str">
            <v>USATWA42008</v>
          </cell>
          <cell r="B1487" t="str">
            <v>USA</v>
          </cell>
          <cell r="C1487" t="str">
            <v>United States</v>
          </cell>
          <cell r="D1487" t="str">
            <v>Item 16</v>
          </cell>
          <cell r="E1487" t="str">
            <v>TWA4</v>
          </cell>
          <cell r="F1487" t="str">
            <v>Authorisation and reporting obligations</v>
          </cell>
          <cell r="G1487">
            <v>2008</v>
          </cell>
          <cell r="H1487">
            <v>2008</v>
          </cell>
          <cell r="I1487"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1487">
            <v>1</v>
          </cell>
          <cell r="M1487">
            <v>2</v>
          </cell>
        </row>
        <row r="1488">
          <cell r="A1488" t="str">
            <v>USATWA52008</v>
          </cell>
          <cell r="B1488" t="str">
            <v>USA</v>
          </cell>
          <cell r="C1488" t="str">
            <v>United States</v>
          </cell>
          <cell r="D1488" t="str">
            <v>Item 17</v>
          </cell>
          <cell r="E1488" t="str">
            <v>TWA5</v>
          </cell>
          <cell r="F1488" t="str">
            <v>Equal treatment for TWA workers</v>
          </cell>
          <cell r="G1488">
            <v>2008</v>
          </cell>
          <cell r="H1488">
            <v>2008</v>
          </cell>
          <cell r="I1488" t="str">
            <v>There is no requirement for equal treatment in US federal law beyond minimum standards guaranteed to all workers. Some states may require equal treatment. In general, both groups of workers, permanent and temporary, may bargain for additional benefits.</v>
          </cell>
          <cell r="J1488">
            <v>0</v>
          </cell>
          <cell r="M1488">
            <v>0</v>
          </cell>
        </row>
        <row r="1489">
          <cell r="A1489" t="str">
            <v>USACD12008</v>
          </cell>
          <cell r="B1489" t="str">
            <v>USA</v>
          </cell>
          <cell r="C1489" t="str">
            <v>United States</v>
          </cell>
          <cell r="D1489" t="str">
            <v>Item 18</v>
          </cell>
          <cell r="E1489" t="str">
            <v>CD1</v>
          </cell>
          <cell r="F1489" t="str">
            <v>Definition of collective dismissal</v>
          </cell>
          <cell r="G1489">
            <v>2008</v>
          </cell>
          <cell r="H1489">
            <v>2008</v>
          </cell>
          <cell r="I1489"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1489">
            <v>1</v>
          </cell>
          <cell r="M1489">
            <v>1.5</v>
          </cell>
        </row>
        <row r="1490">
          <cell r="A1490" t="str">
            <v>USACD22008</v>
          </cell>
          <cell r="B1490" t="str">
            <v>USA</v>
          </cell>
          <cell r="C1490" t="str">
            <v>United States</v>
          </cell>
          <cell r="D1490" t="str">
            <v>Item 19</v>
          </cell>
          <cell r="E1490" t="str">
            <v>CD2</v>
          </cell>
          <cell r="F1490" t="str">
            <v>Additional notification requirements in case of collective dismissals</v>
          </cell>
          <cell r="G1490">
            <v>2008</v>
          </cell>
          <cell r="H1490">
            <v>2008</v>
          </cell>
          <cell r="I1490" t="str">
            <v>Notification of employee representatives: Duty to inform affected workers or labour unions (where they exist). Notification of public authorities: Duty to notify state and local authorities.</v>
          </cell>
          <cell r="J1490">
            <v>2</v>
          </cell>
          <cell r="M1490">
            <v>6</v>
          </cell>
        </row>
        <row r="1491">
          <cell r="A1491" t="str">
            <v>USACD32008</v>
          </cell>
          <cell r="B1491" t="str">
            <v>USA</v>
          </cell>
          <cell r="C1491" t="str">
            <v>United States</v>
          </cell>
          <cell r="D1491" t="str">
            <v>Item 20</v>
          </cell>
          <cell r="E1491" t="str">
            <v>CD3</v>
          </cell>
          <cell r="F1491" t="str">
            <v>Additional delays involved in case of collective dismissals</v>
          </cell>
          <cell r="G1491">
            <v>2008</v>
          </cell>
          <cell r="H1491">
            <v>2008</v>
          </cell>
          <cell r="I1491" t="str">
            <v>Special 60-day notice period. Exceptions to the notice period include layoffs due to risk of bankruptcy, unforeseen circumstances, or ending of a temporary business activity.</v>
          </cell>
          <cell r="J1491">
            <v>59</v>
          </cell>
          <cell r="M1491">
            <v>4</v>
          </cell>
        </row>
        <row r="1492">
          <cell r="A1492" t="str">
            <v>USACD42008</v>
          </cell>
          <cell r="B1492" t="str">
            <v>USA</v>
          </cell>
          <cell r="C1492" t="str">
            <v>United States</v>
          </cell>
          <cell r="D1492" t="str">
            <v>Item 21</v>
          </cell>
          <cell r="E1492" t="str">
            <v>CD4</v>
          </cell>
          <cell r="F1492" t="str">
            <v>Other special costs to employers in case of collective dismissals</v>
          </cell>
          <cell r="G1492">
            <v>2008</v>
          </cell>
          <cell r="H1492">
            <v>2008</v>
          </cell>
          <cell r="I1492" t="str">
            <v>Type of negotiation required: No legal requirements. Selection criteria: As laid down in collective agreements or company manuals; usually seniority-based. Severance pay: No special regulations for collective dismissal.</v>
          </cell>
          <cell r="J1492">
            <v>0</v>
          </cell>
          <cell r="M1492">
            <v>0</v>
          </cell>
        </row>
        <row r="1493">
          <cell r="A1493" t="str">
            <v>BRAREG12008</v>
          </cell>
          <cell r="B1493" t="str">
            <v>BRA</v>
          </cell>
          <cell r="C1493" t="str">
            <v>Brazil</v>
          </cell>
          <cell r="D1493" t="str">
            <v>Item 1</v>
          </cell>
          <cell r="E1493" t="str">
            <v>REG1</v>
          </cell>
          <cell r="F1493" t="str">
            <v>Notification procedures</v>
          </cell>
          <cell r="G1493">
            <v>2008</v>
          </cell>
          <cell r="H1493">
            <v>2008</v>
          </cell>
          <cell r="I1493" t="str">
            <v>Oral or written notification in the case of misconduct. In the case of dismissal for any other reason (sem justa causa), no prescribed procedure but notice must be certain and is generally written.</v>
          </cell>
          <cell r="J1493">
            <v>1</v>
          </cell>
          <cell r="M1493">
            <v>2</v>
          </cell>
        </row>
        <row r="1494">
          <cell r="A1494" t="str">
            <v>BRAREG22008</v>
          </cell>
          <cell r="B1494" t="str">
            <v>BRA</v>
          </cell>
          <cell r="C1494" t="str">
            <v>Brazil</v>
          </cell>
          <cell r="D1494" t="str">
            <v>Item 2</v>
          </cell>
          <cell r="E1494" t="str">
            <v>REG2</v>
          </cell>
          <cell r="F1494" t="str">
            <v>Delay before notice can start</v>
          </cell>
          <cell r="G1494">
            <v>2008</v>
          </cell>
          <cell r="H1494">
            <v>2008</v>
          </cell>
          <cell r="I1494"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1494">
            <v>1</v>
          </cell>
          <cell r="M1494">
            <v>0</v>
          </cell>
        </row>
        <row r="1495">
          <cell r="A1495" t="str">
            <v>BRAREG32008</v>
          </cell>
          <cell r="B1495" t="str">
            <v>BRA</v>
          </cell>
          <cell r="C1495" t="str">
            <v>Brazil</v>
          </cell>
          <cell r="D1495" t="str">
            <v>Item 3</v>
          </cell>
          <cell r="E1495" t="str">
            <v>REG3A, REG3B, REG3C</v>
          </cell>
          <cell r="F1495" t="str">
            <v>Notice / tenure</v>
          </cell>
          <cell r="G1495">
            <v>2008</v>
          </cell>
          <cell r="H1495">
            <v>2008</v>
          </cell>
          <cell r="I1495" t="str">
            <v>Advanced notice of at least 30 days for workers either paid monthly or twice a month or with at least one year of job tenure in the case of dismissal without justified reason (sem justa causa). 8 days, if weekly paid and less than one year of tenure in the case of dismissal without justified reason. 9 months: 0.75 month; 4 years: 1 month; 20 years: 1 month (Constitution, Art. 7, XXI; art 487 of the Consolidation of Labour Laws)</v>
          </cell>
          <cell r="J1495">
            <v>0.75</v>
          </cell>
          <cell r="K1495">
            <v>1</v>
          </cell>
          <cell r="L1495">
            <v>1</v>
          </cell>
          <cell r="M1495">
            <v>2</v>
          </cell>
          <cell r="N1495">
            <v>2</v>
          </cell>
          <cell r="O1495">
            <v>1</v>
          </cell>
        </row>
        <row r="1496">
          <cell r="A1496" t="str">
            <v>BRAREG42008</v>
          </cell>
          <cell r="B1496" t="str">
            <v>BRA</v>
          </cell>
          <cell r="C1496" t="str">
            <v>Brazil</v>
          </cell>
          <cell r="D1496" t="str">
            <v>Item 4</v>
          </cell>
          <cell r="E1496" t="str">
            <v>REG4A, REG4B, REG4C</v>
          </cell>
          <cell r="F1496" t="str">
            <v>Severance pay / tenure</v>
          </cell>
          <cell r="G1496">
            <v>2008</v>
          </cell>
          <cell r="H1496">
            <v>2008</v>
          </cell>
          <cell r="I1496"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1496">
            <v>0.28999999999999998</v>
          </cell>
          <cell r="K1496">
            <v>1.54</v>
          </cell>
          <cell r="L1496">
            <v>7.7</v>
          </cell>
          <cell r="M1496">
            <v>1</v>
          </cell>
          <cell r="N1496">
            <v>3</v>
          </cell>
          <cell r="O1496">
            <v>3</v>
          </cell>
        </row>
        <row r="1497">
          <cell r="A1497" t="str">
            <v>BRAREG52008</v>
          </cell>
          <cell r="B1497" t="str">
            <v>BRA</v>
          </cell>
          <cell r="C1497" t="str">
            <v>Brazil</v>
          </cell>
          <cell r="D1497" t="str">
            <v>Item 5</v>
          </cell>
          <cell r="E1497" t="str">
            <v>REG5</v>
          </cell>
          <cell r="F1497" t="str">
            <v>Definition of justified or unfair dismissal</v>
          </cell>
          <cell r="G1497">
            <v>2008</v>
          </cell>
          <cell r="H1497">
            <v>2008</v>
          </cell>
          <cell r="I1497"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1497">
            <v>0</v>
          </cell>
          <cell r="M1497">
            <v>0</v>
          </cell>
        </row>
        <row r="1498">
          <cell r="A1498" t="str">
            <v>BRAREG62008</v>
          </cell>
          <cell r="B1498" t="str">
            <v>BRA</v>
          </cell>
          <cell r="C1498" t="str">
            <v>Brazil</v>
          </cell>
          <cell r="D1498" t="str">
            <v>Item 6</v>
          </cell>
          <cell r="E1498" t="str">
            <v>REG6</v>
          </cell>
          <cell r="F1498" t="str">
            <v>Trial period</v>
          </cell>
          <cell r="G1498">
            <v>2008</v>
          </cell>
          <cell r="H1498">
            <v>2008</v>
          </cell>
          <cell r="I1498" t="str">
            <v>3 months</v>
          </cell>
          <cell r="J1498">
            <v>3</v>
          </cell>
          <cell r="M1498">
            <v>4</v>
          </cell>
        </row>
        <row r="1499">
          <cell r="A1499" t="str">
            <v>BRAREG72008</v>
          </cell>
          <cell r="B1499" t="str">
            <v>BRA</v>
          </cell>
          <cell r="C1499" t="str">
            <v>Brazil</v>
          </cell>
          <cell r="D1499" t="str">
            <v>Item 7</v>
          </cell>
          <cell r="E1499" t="str">
            <v>REG7</v>
          </cell>
          <cell r="F1499" t="str">
            <v xml:space="preserve">Compensation following unfair dismissal </v>
          </cell>
          <cell r="G1499">
            <v>2008</v>
          </cell>
          <cell r="H1499">
            <v>2008</v>
          </cell>
          <cell r="I1499"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1499">
            <v>0</v>
          </cell>
          <cell r="M1499">
            <v>0</v>
          </cell>
        </row>
        <row r="1500">
          <cell r="A1500" t="str">
            <v>BRAREG82008</v>
          </cell>
          <cell r="B1500" t="str">
            <v>BRA</v>
          </cell>
          <cell r="C1500" t="str">
            <v>Brazil</v>
          </cell>
          <cell r="D1500" t="str">
            <v>Item 8</v>
          </cell>
          <cell r="E1500" t="str">
            <v>REG8</v>
          </cell>
          <cell r="F1500" t="str">
            <v>Possibility of reinstatement following unfair dismissal</v>
          </cell>
          <cell r="G1500">
            <v>2008</v>
          </cell>
          <cell r="H1500">
            <v>2008</v>
          </cell>
          <cell r="I1500"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1500">
            <v>0.5</v>
          </cell>
          <cell r="M1500">
            <v>1</v>
          </cell>
        </row>
        <row r="1501">
          <cell r="A1501" t="str">
            <v>BRAREG92008</v>
          </cell>
          <cell r="B1501" t="str">
            <v>BRA</v>
          </cell>
          <cell r="C1501" t="str">
            <v>Brazil</v>
          </cell>
          <cell r="D1501" t="str">
            <v>Item 9</v>
          </cell>
          <cell r="E1501" t="str">
            <v>REG9</v>
          </cell>
          <cell r="F1501" t="str">
            <v>Maximum time for claim</v>
          </cell>
          <cell r="G1501">
            <v>2008</v>
          </cell>
          <cell r="H1501">
            <v>2008</v>
          </cell>
          <cell r="I1501" t="str">
            <v>Maximum time period after dismissal notification up to which a claim concerning dismissal can be made is 24 months (Constitution, Art. 7 XXIX)</v>
          </cell>
          <cell r="J1501">
            <v>24</v>
          </cell>
          <cell r="M1501">
            <v>6</v>
          </cell>
        </row>
        <row r="1502">
          <cell r="A1502" t="str">
            <v>BRAFTC12008</v>
          </cell>
          <cell r="B1502" t="str">
            <v>BRA</v>
          </cell>
          <cell r="C1502" t="str">
            <v>Brazil</v>
          </cell>
          <cell r="D1502" t="str">
            <v>Item 10</v>
          </cell>
          <cell r="E1502" t="str">
            <v>FTC1</v>
          </cell>
          <cell r="F1502" t="str">
            <v>Valid cases for use of fixed-term contracts, other than  “objective”  or “material” situation</v>
          </cell>
          <cell r="G1502">
            <v>2008</v>
          </cell>
          <cell r="H1502">
            <v>2008</v>
          </cell>
          <cell r="I1502"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1502">
            <v>0</v>
          </cell>
          <cell r="M1502">
            <v>6</v>
          </cell>
        </row>
        <row r="1503">
          <cell r="A1503" t="str">
            <v>BRAFTC22008</v>
          </cell>
          <cell r="B1503" t="str">
            <v>BRA</v>
          </cell>
          <cell r="C1503" t="str">
            <v>Brazil</v>
          </cell>
          <cell r="D1503" t="str">
            <v>Item 11</v>
          </cell>
          <cell r="E1503" t="str">
            <v>FTC2</v>
          </cell>
          <cell r="F1503" t="str">
            <v>Maximum number of successive fixed-term contracts</v>
          </cell>
          <cell r="G1503">
            <v>2008</v>
          </cell>
          <cell r="H1503">
            <v>2008</v>
          </cell>
          <cell r="I1503" t="str">
            <v>May be extended once.</v>
          </cell>
          <cell r="J1503">
            <v>2</v>
          </cell>
          <cell r="M1503">
            <v>4</v>
          </cell>
        </row>
        <row r="1504">
          <cell r="A1504" t="str">
            <v>BRAFTC32008</v>
          </cell>
          <cell r="B1504" t="str">
            <v>BRA</v>
          </cell>
          <cell r="C1504" t="str">
            <v>Brazil</v>
          </cell>
          <cell r="D1504" t="str">
            <v>Item 12</v>
          </cell>
          <cell r="E1504" t="str">
            <v>FTC3</v>
          </cell>
          <cell r="F1504" t="str">
            <v>Maximum cumulated duration of successive fixed-term contracts</v>
          </cell>
          <cell r="G1504">
            <v>2008</v>
          </cell>
          <cell r="H1504">
            <v>2008</v>
          </cell>
          <cell r="I1504" t="str">
            <v>Not exceeding 2 years.</v>
          </cell>
          <cell r="J1504">
            <v>24</v>
          </cell>
          <cell r="M1504">
            <v>3</v>
          </cell>
        </row>
        <row r="1505">
          <cell r="A1505" t="str">
            <v>BRATWA12008</v>
          </cell>
          <cell r="B1505" t="str">
            <v>BRA</v>
          </cell>
          <cell r="C1505" t="str">
            <v>Brazil</v>
          </cell>
          <cell r="D1505" t="str">
            <v>Item 13</v>
          </cell>
          <cell r="E1505" t="str">
            <v>TWA1</v>
          </cell>
          <cell r="F1505" t="str">
            <v>Types of work for which TWA employment is legal</v>
          </cell>
          <cell r="G1505">
            <v>2008</v>
          </cell>
          <cell r="H1505">
            <v>2008</v>
          </cell>
          <cell r="I1505" t="str">
            <v>Work in urban areas to meet a temporary or seasonal need for regular and permanent employees, or to cope with an extraordinary workload increase.</v>
          </cell>
          <cell r="J1505">
            <v>2</v>
          </cell>
          <cell r="M1505">
            <v>3</v>
          </cell>
        </row>
        <row r="1506">
          <cell r="A1506" t="str">
            <v>BRATWA22008</v>
          </cell>
          <cell r="B1506" t="str">
            <v>BRA</v>
          </cell>
          <cell r="C1506" t="str">
            <v>Brazil</v>
          </cell>
          <cell r="D1506" t="str">
            <v>Item 14</v>
          </cell>
          <cell r="E1506" t="str">
            <v>TWA2A, TWA2B</v>
          </cell>
          <cell r="F1506" t="str">
            <v>Are there any restrictions on the number of renewals of a TWA contract?</v>
          </cell>
          <cell r="G1506">
            <v>2008</v>
          </cell>
          <cell r="H1506">
            <v>2008</v>
          </cell>
          <cell r="I1506" t="str">
            <v>No, within the 3 month limit unless authorised by the Ministry of Labour and Employment.</v>
          </cell>
          <cell r="J1506" t="str">
            <v>No</v>
          </cell>
          <cell r="K1506" t="str">
            <v>No</v>
          </cell>
          <cell r="M1506">
            <v>2</v>
          </cell>
          <cell r="N1506">
            <v>2</v>
          </cell>
        </row>
        <row r="1507">
          <cell r="A1507" t="str">
            <v>BRATWA32008</v>
          </cell>
          <cell r="B1507" t="str">
            <v>BRA</v>
          </cell>
          <cell r="C1507" t="str">
            <v>Brazil</v>
          </cell>
          <cell r="D1507" t="str">
            <v>Item 15</v>
          </cell>
          <cell r="E1507" t="str">
            <v>TWA3A, TWA3B</v>
          </cell>
          <cell r="F1507" t="str">
            <v>Maximum cumulated duration of temporary work contracts</v>
          </cell>
          <cell r="G1507">
            <v>2008</v>
          </cell>
          <cell r="H1507">
            <v>2008</v>
          </cell>
          <cell r="I1507" t="str">
            <v>3 months unless authorised by the Ministry of Labour and Employment.</v>
          </cell>
          <cell r="J1507">
            <v>3</v>
          </cell>
          <cell r="K1507">
            <v>3</v>
          </cell>
          <cell r="M1507">
            <v>6</v>
          </cell>
          <cell r="N1507">
            <v>6</v>
          </cell>
        </row>
        <row r="1508">
          <cell r="A1508" t="str">
            <v>BRATWA42008</v>
          </cell>
          <cell r="B1508" t="str">
            <v>BRA</v>
          </cell>
          <cell r="C1508" t="str">
            <v>Brazil</v>
          </cell>
          <cell r="D1508" t="str">
            <v>Item 16</v>
          </cell>
          <cell r="E1508" t="str">
            <v>TWA4</v>
          </cell>
          <cell r="F1508" t="str">
            <v>Authorisation or reporting requirements</v>
          </cell>
          <cell r="G1508">
            <v>2008</v>
          </cell>
          <cell r="H1508">
            <v>2008</v>
          </cell>
          <cell r="I1508" t="str">
            <v>A temporary work agency must be registered with the Ministry of Labour and Employment. The agency must comply with any requests for information made by the Ministry.</v>
          </cell>
          <cell r="J1508">
            <v>1</v>
          </cell>
          <cell r="M1508">
            <v>2</v>
          </cell>
        </row>
        <row r="1509">
          <cell r="A1509" t="str">
            <v>BRATWA52008</v>
          </cell>
          <cell r="B1509" t="str">
            <v>BRA</v>
          </cell>
          <cell r="C1509" t="str">
            <v>Brazil</v>
          </cell>
          <cell r="D1509" t="str">
            <v>Item 17</v>
          </cell>
          <cell r="E1509" t="str">
            <v>TWA5</v>
          </cell>
          <cell r="F1509" t="str">
            <v>Equal treatment for TWA workers</v>
          </cell>
          <cell r="G1509">
            <v>2008</v>
          </cell>
          <cell r="H1509">
            <v>2008</v>
          </cell>
          <cell r="I1509" t="str">
            <v>A TWA worker must receive the same pay as a worker doing the same work for the user firm.  There is no explicit requirement for equal treatment on working conditions, but a number of minimum working conditions for TWA workers are set out in legislation.</v>
          </cell>
          <cell r="J1509">
            <v>1.5</v>
          </cell>
          <cell r="M1509">
            <v>4.5</v>
          </cell>
        </row>
        <row r="1510">
          <cell r="A1510" t="str">
            <v>BRACD12008</v>
          </cell>
          <cell r="B1510" t="str">
            <v>BRA</v>
          </cell>
          <cell r="C1510" t="str">
            <v>Brazil</v>
          </cell>
          <cell r="D1510" t="str">
            <v>Item 18</v>
          </cell>
          <cell r="E1510" t="str">
            <v>CD1</v>
          </cell>
          <cell r="F1510" t="str">
            <v>Definition of collective dismissal</v>
          </cell>
          <cell r="G1510">
            <v>2008</v>
          </cell>
          <cell r="H1510">
            <v>2008</v>
          </cell>
          <cell r="I1510" t="str">
            <v>No legal provisions exist.</v>
          </cell>
          <cell r="J1510">
            <v>0</v>
          </cell>
          <cell r="M1510">
            <v>0</v>
          </cell>
        </row>
        <row r="1511">
          <cell r="A1511" t="str">
            <v>BRACD22008</v>
          </cell>
          <cell r="B1511" t="str">
            <v>BRA</v>
          </cell>
          <cell r="C1511" t="str">
            <v>Brazil</v>
          </cell>
          <cell r="D1511" t="str">
            <v>Item 19</v>
          </cell>
          <cell r="E1511" t="str">
            <v>CD2</v>
          </cell>
          <cell r="F1511" t="str">
            <v>Additional notification requirements in case of collective dismissals</v>
          </cell>
          <cell r="G1511">
            <v>2008</v>
          </cell>
          <cell r="H1511">
            <v>2008</v>
          </cell>
          <cell r="I1511" t="str">
            <v>No legal provisions exist. The matter may be covered by collective bargaining.</v>
          </cell>
          <cell r="J1511">
            <v>0</v>
          </cell>
          <cell r="M1511">
            <v>0</v>
          </cell>
        </row>
        <row r="1512">
          <cell r="A1512" t="str">
            <v>BRACD32008</v>
          </cell>
          <cell r="B1512" t="str">
            <v>BRA</v>
          </cell>
          <cell r="C1512" t="str">
            <v>Brazil</v>
          </cell>
          <cell r="D1512" t="str">
            <v>Item 20</v>
          </cell>
          <cell r="E1512" t="str">
            <v>CD3</v>
          </cell>
          <cell r="F1512" t="str">
            <v>Additional delays involved in case of collective dismissals</v>
          </cell>
          <cell r="G1512">
            <v>2008</v>
          </cell>
          <cell r="H1512">
            <v>2008</v>
          </cell>
          <cell r="I1512" t="str">
            <v>No legal provisions exist. The matter may be covered by collective bargaining.</v>
          </cell>
          <cell r="J1512">
            <v>0</v>
          </cell>
          <cell r="M1512">
            <v>0</v>
          </cell>
        </row>
        <row r="1513">
          <cell r="A1513" t="str">
            <v>BRACD42008</v>
          </cell>
          <cell r="B1513" t="str">
            <v>BRA</v>
          </cell>
          <cell r="C1513" t="str">
            <v>Brazil</v>
          </cell>
          <cell r="D1513" t="str">
            <v>Item 21</v>
          </cell>
          <cell r="E1513" t="str">
            <v>CD4</v>
          </cell>
          <cell r="F1513" t="str">
            <v>Other special costs to employers in case of collective dismissals</v>
          </cell>
          <cell r="G1513">
            <v>2008</v>
          </cell>
          <cell r="H1513">
            <v>2008</v>
          </cell>
          <cell r="I1513" t="str">
            <v>No legal provisions exist. The matter may be covered by collective bargaining.</v>
          </cell>
          <cell r="J1513">
            <v>0</v>
          </cell>
          <cell r="M1513">
            <v>0</v>
          </cell>
        </row>
        <row r="1514">
          <cell r="A1514" t="str">
            <v>CHLREG12008</v>
          </cell>
          <cell r="B1514" t="str">
            <v>CHL</v>
          </cell>
          <cell r="C1514" t="str">
            <v>Chile</v>
          </cell>
          <cell r="D1514" t="str">
            <v>Item 1</v>
          </cell>
          <cell r="E1514" t="str">
            <v>REG1</v>
          </cell>
          <cell r="F1514" t="str">
            <v>Notification procedures</v>
          </cell>
          <cell r="G1514">
            <v>2008</v>
          </cell>
          <cell r="H1514">
            <v>2008</v>
          </cell>
          <cell r="I1514" t="str">
            <v>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v>
          </cell>
          <cell r="J1514">
            <v>2</v>
          </cell>
          <cell r="M1514">
            <v>4</v>
          </cell>
        </row>
        <row r="1515">
          <cell r="A1515" t="str">
            <v>CHLREG22008</v>
          </cell>
          <cell r="B1515" t="str">
            <v>CHL</v>
          </cell>
          <cell r="C1515" t="str">
            <v>Chile</v>
          </cell>
          <cell r="D1515" t="str">
            <v>Item 2</v>
          </cell>
          <cell r="E1515" t="str">
            <v>REG2</v>
          </cell>
          <cell r="F1515" t="str">
            <v>Delay before notice can start</v>
          </cell>
          <cell r="G1515">
            <v>2008</v>
          </cell>
          <cell r="H1515">
            <v>2008</v>
          </cell>
          <cell r="I1515" t="str">
            <v>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v>
          </cell>
          <cell r="J1515">
            <v>2</v>
          </cell>
          <cell r="M1515">
            <v>0</v>
          </cell>
        </row>
        <row r="1516">
          <cell r="A1516" t="str">
            <v>CHLREG32008</v>
          </cell>
          <cell r="B1516" t="str">
            <v>CHL</v>
          </cell>
          <cell r="C1516" t="str">
            <v>Chile</v>
          </cell>
          <cell r="D1516" t="str">
            <v>Item 3</v>
          </cell>
          <cell r="E1516" t="str">
            <v>REG3A, REG3B, REG3C</v>
          </cell>
          <cell r="F1516" t="str">
            <v>Notice / tenure</v>
          </cell>
          <cell r="G1516">
            <v>2008</v>
          </cell>
          <cell r="H1516">
            <v>2008</v>
          </cell>
          <cell r="I1516"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1516">
            <v>1</v>
          </cell>
          <cell r="K1516">
            <v>1</v>
          </cell>
          <cell r="L1516">
            <v>1</v>
          </cell>
          <cell r="M1516">
            <v>3</v>
          </cell>
          <cell r="N1516">
            <v>2</v>
          </cell>
          <cell r="O1516">
            <v>1</v>
          </cell>
        </row>
        <row r="1517">
          <cell r="A1517" t="str">
            <v>CHLREG42008</v>
          </cell>
          <cell r="B1517" t="str">
            <v>CHL</v>
          </cell>
          <cell r="C1517" t="str">
            <v>Chile</v>
          </cell>
          <cell r="D1517" t="str">
            <v>Item 4</v>
          </cell>
          <cell r="E1517" t="str">
            <v>REG4A, REG4B, REG4C</v>
          </cell>
          <cell r="F1517" t="str">
            <v>Severance pay / tenure</v>
          </cell>
          <cell r="G1517">
            <v>2008</v>
          </cell>
          <cell r="H1517">
            <v>2008</v>
          </cell>
          <cell r="I1517"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1517">
            <v>0</v>
          </cell>
          <cell r="K1517">
            <v>3.2</v>
          </cell>
          <cell r="L1517">
            <v>8.8000000000000007</v>
          </cell>
          <cell r="M1517">
            <v>0</v>
          </cell>
          <cell r="N1517">
            <v>5</v>
          </cell>
          <cell r="O1517">
            <v>3</v>
          </cell>
        </row>
        <row r="1518">
          <cell r="A1518" t="str">
            <v>CHLREG52008</v>
          </cell>
          <cell r="B1518" t="str">
            <v>CHL</v>
          </cell>
          <cell r="C1518" t="str">
            <v>Chile</v>
          </cell>
          <cell r="D1518" t="str">
            <v>Item 5</v>
          </cell>
          <cell r="E1518" t="str">
            <v>REG5</v>
          </cell>
          <cell r="F1518" t="str">
            <v>Definition of justified or unfair dismissal</v>
          </cell>
          <cell r="G1518">
            <v>2008</v>
          </cell>
          <cell r="H1518">
            <v>2008</v>
          </cell>
          <cell r="I1518"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1518">
            <v>3</v>
          </cell>
          <cell r="M1518">
            <v>6</v>
          </cell>
        </row>
        <row r="1519">
          <cell r="A1519" t="str">
            <v>CHLREG62008</v>
          </cell>
          <cell r="B1519" t="str">
            <v>CHL</v>
          </cell>
          <cell r="C1519" t="str">
            <v>Chile</v>
          </cell>
          <cell r="D1519" t="str">
            <v>Item 6</v>
          </cell>
          <cell r="E1519" t="str">
            <v>REG6</v>
          </cell>
          <cell r="F1519" t="str">
            <v>Trial period</v>
          </cell>
          <cell r="G1519">
            <v>2008</v>
          </cell>
          <cell r="H1519">
            <v>2008</v>
          </cell>
          <cell r="I1519" t="str">
            <v>No trial period is admitted in legislation (except for domestic workers).</v>
          </cell>
          <cell r="J1519">
            <v>0</v>
          </cell>
          <cell r="M1519">
            <v>6</v>
          </cell>
        </row>
        <row r="1520">
          <cell r="A1520" t="str">
            <v>CHLREG72008</v>
          </cell>
          <cell r="B1520" t="str">
            <v>CHL</v>
          </cell>
          <cell r="C1520" t="str">
            <v>Chile</v>
          </cell>
          <cell r="D1520" t="str">
            <v>Item 7</v>
          </cell>
          <cell r="E1520" t="str">
            <v>REG7</v>
          </cell>
          <cell r="F1520" t="str">
            <v xml:space="preserve">Compensation following unfair dismissal </v>
          </cell>
          <cell r="G1520">
            <v>2008</v>
          </cell>
          <cell r="H1520">
            <v>2008</v>
          </cell>
          <cell r="I1520"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Typical compensation at 20 years of tenure: average of 65% x 11 months’ severance pay = 7.2 months.</v>
          </cell>
          <cell r="J1520">
            <v>7.2</v>
          </cell>
          <cell r="M1520">
            <v>1</v>
          </cell>
        </row>
        <row r="1521">
          <cell r="A1521" t="str">
            <v>CHLREG82008</v>
          </cell>
          <cell r="B1521" t="str">
            <v>CHL</v>
          </cell>
          <cell r="C1521" t="str">
            <v>Chile</v>
          </cell>
          <cell r="D1521" t="str">
            <v>Item 8</v>
          </cell>
          <cell r="E1521" t="str">
            <v>REG8</v>
          </cell>
          <cell r="F1521" t="str">
            <v>Possibility of reinstatement following unfair dismissal</v>
          </cell>
          <cell r="G1521">
            <v>2008</v>
          </cell>
          <cell r="H1521">
            <v>2008</v>
          </cell>
          <cell r="I1521" t="str">
            <v>Reinstatement is available to employees permanent employees who were dismissed without fault while being under medical leave. It also applies to employees 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If in practical terms an employee with dismissal protection privilege is dismissed without complying with the requirement set forth by law, he/she would be entitled to challenge such dismissal, asking for reinstatement. 
However, the employee is entitled to either ask for the termination indemnities arising from such wrongful dismissal or his/her reinstatement, so no duplication exists. Both alternatives allow employees to claim the amounts the employee did not receive during the period of undue separation.</v>
          </cell>
          <cell r="J1521">
            <v>0.5</v>
          </cell>
          <cell r="M1521">
            <v>1</v>
          </cell>
        </row>
        <row r="1522">
          <cell r="A1522" t="str">
            <v>CHLREG92008</v>
          </cell>
          <cell r="B1522" t="str">
            <v>CHL</v>
          </cell>
          <cell r="C1522" t="str">
            <v>Chile</v>
          </cell>
          <cell r="D1522" t="str">
            <v>Item 9</v>
          </cell>
          <cell r="E1522" t="str">
            <v>REG9</v>
          </cell>
          <cell r="F1522" t="str">
            <v>Maximum time for claim</v>
          </cell>
          <cell r="G1522">
            <v>2008</v>
          </cell>
          <cell r="H1522">
            <v>2008</v>
          </cell>
          <cell r="I1522"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1522">
            <v>2</v>
          </cell>
          <cell r="M1522">
            <v>2</v>
          </cell>
        </row>
        <row r="1523">
          <cell r="A1523" t="str">
            <v>CHLFTC12008</v>
          </cell>
          <cell r="B1523" t="str">
            <v>CHL</v>
          </cell>
          <cell r="C1523" t="str">
            <v>Chile</v>
          </cell>
          <cell r="D1523" t="str">
            <v>Item 10</v>
          </cell>
          <cell r="E1523" t="str">
            <v>FTC1</v>
          </cell>
          <cell r="F1523" t="str">
            <v>Valid cases for use of fixed-term contracts, other than  “objective”  or “material” situation</v>
          </cell>
          <cell r="G1523">
            <v>2008</v>
          </cell>
          <cell r="H1523">
            <v>2008</v>
          </cell>
          <cell r="I1523" t="str">
            <v>No restrictions.</v>
          </cell>
          <cell r="J1523">
            <v>3</v>
          </cell>
          <cell r="M1523">
            <v>0</v>
          </cell>
        </row>
        <row r="1524">
          <cell r="A1524" t="str">
            <v>CHLFTC22008</v>
          </cell>
          <cell r="B1524" t="str">
            <v>CHL</v>
          </cell>
          <cell r="C1524" t="str">
            <v>Chile</v>
          </cell>
          <cell r="D1524" t="str">
            <v>Item 11</v>
          </cell>
          <cell r="E1524" t="str">
            <v>FTC2</v>
          </cell>
          <cell r="F1524" t="str">
            <v>Maximum number of successive fixed-term contracts</v>
          </cell>
          <cell r="G1524">
            <v>2008</v>
          </cell>
          <cell r="H1524">
            <v>2008</v>
          </cell>
          <cell r="I1524" t="str">
            <v>A second renewal of a fixed term contract will be taken to be a contract of indefinite length.</v>
          </cell>
          <cell r="J1524">
            <v>2</v>
          </cell>
          <cell r="M1524">
            <v>4</v>
          </cell>
        </row>
        <row r="1525">
          <cell r="A1525" t="str">
            <v>CHLFTC32008</v>
          </cell>
          <cell r="B1525" t="str">
            <v>CHL</v>
          </cell>
          <cell r="C1525" t="str">
            <v>Chile</v>
          </cell>
          <cell r="D1525" t="str">
            <v>Item 12</v>
          </cell>
          <cell r="E1525" t="str">
            <v>FTC3</v>
          </cell>
          <cell r="F1525" t="str">
            <v>Maximum cumulated duration of successive fixed-term contracts</v>
          </cell>
          <cell r="G1525">
            <v>2008</v>
          </cell>
          <cell r="H1525">
            <v>2008</v>
          </cell>
          <cell r="I1525" t="str">
            <v>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v>
          </cell>
          <cell r="J1525">
            <v>18</v>
          </cell>
          <cell r="M1525">
            <v>4</v>
          </cell>
        </row>
        <row r="1526">
          <cell r="A1526" t="str">
            <v>CHLTWA12008</v>
          </cell>
          <cell r="B1526" t="str">
            <v>CHL</v>
          </cell>
          <cell r="C1526" t="str">
            <v>Chile</v>
          </cell>
          <cell r="D1526" t="str">
            <v>Item 13</v>
          </cell>
          <cell r="E1526" t="str">
            <v>TWA1</v>
          </cell>
          <cell r="F1526" t="str">
            <v>Types of work for which TWA employment is legal</v>
          </cell>
          <cell r="G1526">
            <v>2008</v>
          </cell>
          <cell r="H1526">
            <v>2008</v>
          </cell>
          <cell r="I1526"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v>
          </cell>
          <cell r="J1526">
            <v>2</v>
          </cell>
          <cell r="M1526">
            <v>3</v>
          </cell>
        </row>
        <row r="1527">
          <cell r="A1527" t="str">
            <v>CHLTWA22008</v>
          </cell>
          <cell r="B1527" t="str">
            <v>CHL</v>
          </cell>
          <cell r="C1527" t="str">
            <v>Chile</v>
          </cell>
          <cell r="D1527" t="str">
            <v>Item 14</v>
          </cell>
          <cell r="E1527" t="str">
            <v>TWA2A, TWA2B</v>
          </cell>
          <cell r="F1527" t="str">
            <v>Are there any restrictions on the number of renewals of a TWA contract?</v>
          </cell>
          <cell r="G1527">
            <v>2008</v>
          </cell>
          <cell r="H1527">
            <v>2008</v>
          </cell>
          <cell r="I1527"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1527" t="str">
            <v>Yes</v>
          </cell>
          <cell r="K1527" t="str">
            <v>No</v>
          </cell>
          <cell r="M1527">
            <v>4</v>
          </cell>
          <cell r="N1527">
            <v>2</v>
          </cell>
        </row>
        <row r="1528">
          <cell r="A1528" t="str">
            <v>CHLTWA32008</v>
          </cell>
          <cell r="B1528" t="str">
            <v>CHL</v>
          </cell>
          <cell r="C1528" t="str">
            <v>Chile</v>
          </cell>
          <cell r="D1528" t="str">
            <v>Item 15</v>
          </cell>
          <cell r="E1528" t="str">
            <v>TWA3A, TWA3B</v>
          </cell>
          <cell r="F1528" t="str">
            <v>Maximum cumulated duration of temporary work contracts</v>
          </cell>
          <cell r="G1528">
            <v>2008</v>
          </cell>
          <cell r="H1528">
            <v>2008</v>
          </cell>
          <cell r="I1528"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1528">
            <v>4.5</v>
          </cell>
          <cell r="K1528">
            <v>4.5</v>
          </cell>
          <cell r="M1528">
            <v>6</v>
          </cell>
          <cell r="N1528">
            <v>6</v>
          </cell>
        </row>
        <row r="1529">
          <cell r="A1529" t="str">
            <v>CHLTWA42008</v>
          </cell>
          <cell r="B1529" t="str">
            <v>CHL</v>
          </cell>
          <cell r="C1529" t="str">
            <v>Chile</v>
          </cell>
          <cell r="D1529" t="str">
            <v>Item 16</v>
          </cell>
          <cell r="E1529" t="str">
            <v>TWA4</v>
          </cell>
          <cell r="F1529" t="str">
            <v>Authorisation or reporting requirements</v>
          </cell>
          <cell r="G1529">
            <v>2008</v>
          </cell>
          <cell r="H1529">
            <v>2008</v>
          </cell>
          <cell r="I1529"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1529">
            <v>0.5</v>
          </cell>
          <cell r="M1529">
            <v>1</v>
          </cell>
        </row>
        <row r="1530">
          <cell r="A1530" t="str">
            <v>CHLTWA52008</v>
          </cell>
          <cell r="B1530" t="str">
            <v>CHL</v>
          </cell>
          <cell r="C1530" t="str">
            <v>Chile</v>
          </cell>
          <cell r="D1530" t="str">
            <v>Item 17</v>
          </cell>
          <cell r="E1530" t="str">
            <v>TWA5</v>
          </cell>
          <cell r="F1530" t="str">
            <v>Equal treatment for TWA workers</v>
          </cell>
          <cell r="G1530">
            <v>2008</v>
          </cell>
          <cell r="H1530">
            <v>2008</v>
          </cell>
          <cell r="I1530" t="str">
            <v>No requirement for equal treatment.</v>
          </cell>
          <cell r="J1530">
            <v>0</v>
          </cell>
          <cell r="M1530">
            <v>0</v>
          </cell>
        </row>
        <row r="1531">
          <cell r="A1531" t="str">
            <v>CHLCD12008</v>
          </cell>
          <cell r="B1531" t="str">
            <v>CHL</v>
          </cell>
          <cell r="C1531" t="str">
            <v>Chile</v>
          </cell>
          <cell r="D1531" t="str">
            <v>Item 18</v>
          </cell>
          <cell r="E1531" t="str">
            <v>CD1</v>
          </cell>
          <cell r="F1531" t="str">
            <v>Definition of collective dismissal</v>
          </cell>
          <cell r="G1531">
            <v>2008</v>
          </cell>
          <cell r="H1531">
            <v>2008</v>
          </cell>
          <cell r="I1531" t="str">
            <v>No requirements in legislation.</v>
          </cell>
          <cell r="J1531">
            <v>0</v>
          </cell>
          <cell r="M1531">
            <v>0</v>
          </cell>
        </row>
        <row r="1532">
          <cell r="A1532" t="str">
            <v>CHLCD22008</v>
          </cell>
          <cell r="B1532" t="str">
            <v>CHL</v>
          </cell>
          <cell r="C1532" t="str">
            <v>Chile</v>
          </cell>
          <cell r="D1532" t="str">
            <v>Item 19</v>
          </cell>
          <cell r="E1532" t="str">
            <v>CD2</v>
          </cell>
          <cell r="F1532" t="str">
            <v>Additional notification requirements in case of collective dismissals</v>
          </cell>
          <cell r="G1532">
            <v>2008</v>
          </cell>
          <cell r="H1532">
            <v>2008</v>
          </cell>
          <cell r="I1532" t="str">
            <v>No requirements in legislation.</v>
          </cell>
          <cell r="J1532">
            <v>0</v>
          </cell>
          <cell r="M1532">
            <v>0</v>
          </cell>
        </row>
        <row r="1533">
          <cell r="A1533" t="str">
            <v>CHLCD32008</v>
          </cell>
          <cell r="B1533" t="str">
            <v>CHL</v>
          </cell>
          <cell r="C1533" t="str">
            <v>Chile</v>
          </cell>
          <cell r="D1533" t="str">
            <v>Item 20</v>
          </cell>
          <cell r="E1533" t="str">
            <v>CD3</v>
          </cell>
          <cell r="F1533" t="str">
            <v>Additional delays involved in case of collective dismissals</v>
          </cell>
          <cell r="G1533">
            <v>2008</v>
          </cell>
          <cell r="H1533">
            <v>2008</v>
          </cell>
          <cell r="I1533" t="str">
            <v>No requirements in legislation.</v>
          </cell>
          <cell r="J1533">
            <v>0</v>
          </cell>
          <cell r="M1533">
            <v>0</v>
          </cell>
        </row>
        <row r="1534">
          <cell r="A1534" t="str">
            <v>CHLCD42008</v>
          </cell>
          <cell r="B1534" t="str">
            <v>CHL</v>
          </cell>
          <cell r="C1534" t="str">
            <v>Chile</v>
          </cell>
          <cell r="D1534" t="str">
            <v>Item 21</v>
          </cell>
          <cell r="E1534" t="str">
            <v>CD4</v>
          </cell>
          <cell r="F1534" t="str">
            <v>Other special costs to employers in case of collective dismissals</v>
          </cell>
          <cell r="G1534">
            <v>2008</v>
          </cell>
          <cell r="H1534">
            <v>2008</v>
          </cell>
          <cell r="I1534" t="str">
            <v>No requirements in legislation.</v>
          </cell>
          <cell r="J1534">
            <v>0</v>
          </cell>
          <cell r="M1534">
            <v>0</v>
          </cell>
        </row>
        <row r="1535">
          <cell r="A1535" t="str">
            <v>CHNREG12008</v>
          </cell>
          <cell r="B1535" t="str">
            <v>CHN</v>
          </cell>
          <cell r="C1535" t="str">
            <v>China</v>
          </cell>
          <cell r="D1535" t="str">
            <v>Item 1</v>
          </cell>
          <cell r="E1535" t="str">
            <v>REG1</v>
          </cell>
          <cell r="F1535" t="str">
            <v>Notification procedures</v>
          </cell>
          <cell r="G1535">
            <v>2008</v>
          </cell>
          <cell r="H1535">
            <v>2008</v>
          </cell>
          <cell r="I1535"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535">
            <v>2</v>
          </cell>
          <cell r="M1535">
            <v>4</v>
          </cell>
        </row>
        <row r="1536">
          <cell r="A1536" t="str">
            <v>CHNREG22008</v>
          </cell>
          <cell r="B1536" t="str">
            <v>CHN</v>
          </cell>
          <cell r="C1536" t="str">
            <v>China</v>
          </cell>
          <cell r="D1536" t="str">
            <v>Item 2</v>
          </cell>
          <cell r="E1536" t="str">
            <v>REG2</v>
          </cell>
          <cell r="F1536" t="str">
            <v>Delay before notice can start</v>
          </cell>
          <cell r="G1536">
            <v>2008</v>
          </cell>
          <cell r="H1536">
            <v>2008</v>
          </cell>
          <cell r="I1536" t="str">
            <v>The employer may terminate the employment contract by giving the worker 30 days' prior written notice. Calculation: 1 day for notice handed directly to the employee</v>
          </cell>
          <cell r="J1536">
            <v>1</v>
          </cell>
          <cell r="M1536">
            <v>0</v>
          </cell>
        </row>
        <row r="1537">
          <cell r="A1537" t="str">
            <v>CHNREG32008</v>
          </cell>
          <cell r="B1537" t="str">
            <v>CHN</v>
          </cell>
          <cell r="C1537" t="str">
            <v>China</v>
          </cell>
          <cell r="D1537" t="str">
            <v>Item 3</v>
          </cell>
          <cell r="E1537" t="str">
            <v>REG3A, REG3B, REG3C</v>
          </cell>
          <cell r="F1537" t="str">
            <v>Notice / tenure</v>
          </cell>
          <cell r="G1537">
            <v>2008</v>
          </cell>
          <cell r="H1537">
            <v>2008</v>
          </cell>
          <cell r="I1537" t="str">
            <v>30 days written notice, regardless of tenure. 9 months: 1 month; 4 years: 1 month; 20 years: 1 month</v>
          </cell>
          <cell r="J1537">
            <v>1</v>
          </cell>
          <cell r="K1537">
            <v>1</v>
          </cell>
          <cell r="L1537">
            <v>1</v>
          </cell>
          <cell r="M1537">
            <v>3</v>
          </cell>
          <cell r="N1537">
            <v>2</v>
          </cell>
          <cell r="O1537">
            <v>1</v>
          </cell>
        </row>
        <row r="1538">
          <cell r="A1538" t="str">
            <v>CHNREG42008</v>
          </cell>
          <cell r="B1538" t="str">
            <v>CHN</v>
          </cell>
          <cell r="C1538" t="str">
            <v>China</v>
          </cell>
          <cell r="D1538" t="str">
            <v>Item 4</v>
          </cell>
          <cell r="E1538" t="str">
            <v>REG4A, REG4B, REG4C</v>
          </cell>
          <cell r="F1538" t="str">
            <v>Severance pay / tenure</v>
          </cell>
          <cell r="G1538">
            <v>2008</v>
          </cell>
          <cell r="H1538">
            <v>2008</v>
          </cell>
          <cell r="I1538"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v>
          </cell>
          <cell r="J1538">
            <v>1</v>
          </cell>
          <cell r="K1538">
            <v>4</v>
          </cell>
          <cell r="L1538">
            <v>20</v>
          </cell>
          <cell r="M1538">
            <v>2</v>
          </cell>
          <cell r="N1538">
            <v>6</v>
          </cell>
          <cell r="O1538">
            <v>6</v>
          </cell>
        </row>
        <row r="1539">
          <cell r="A1539" t="str">
            <v>CHNREG52008</v>
          </cell>
          <cell r="B1539" t="str">
            <v>CHN</v>
          </cell>
          <cell r="C1539" t="str">
            <v>China</v>
          </cell>
          <cell r="D1539" t="str">
            <v>Item 5</v>
          </cell>
          <cell r="E1539" t="str">
            <v>REG5</v>
          </cell>
          <cell r="F1539" t="str">
            <v>Definition of justified or unfair dismissal</v>
          </cell>
          <cell r="G1539">
            <v>2008</v>
          </cell>
          <cell r="H1539">
            <v>2008</v>
          </cell>
          <cell r="I1539"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539">
            <v>2</v>
          </cell>
          <cell r="M1539">
            <v>4</v>
          </cell>
        </row>
        <row r="1540">
          <cell r="A1540" t="str">
            <v>CHNREG62008</v>
          </cell>
          <cell r="B1540" t="str">
            <v>CHN</v>
          </cell>
          <cell r="C1540" t="str">
            <v>China</v>
          </cell>
          <cell r="D1540" t="str">
            <v>Item 6</v>
          </cell>
          <cell r="E1540" t="str">
            <v>REG6</v>
          </cell>
          <cell r="F1540" t="str">
            <v>Trial period</v>
          </cell>
          <cell r="G1540">
            <v>2008</v>
          </cell>
          <cell r="H1540">
            <v>2008</v>
          </cell>
          <cell r="I1540"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540">
            <v>6</v>
          </cell>
          <cell r="M1540">
            <v>3</v>
          </cell>
        </row>
        <row r="1541">
          <cell r="A1541" t="str">
            <v>CHNREG72008</v>
          </cell>
          <cell r="B1541" t="str">
            <v>CHN</v>
          </cell>
          <cell r="C1541" t="str">
            <v>China</v>
          </cell>
          <cell r="D1541" t="str">
            <v>Item 7</v>
          </cell>
          <cell r="E1541" t="str">
            <v>REG7</v>
          </cell>
          <cell r="F1541" t="str">
            <v xml:space="preserve">Compensation following unfair dismissal </v>
          </cell>
          <cell r="G1541">
            <v>2008</v>
          </cell>
          <cell r="H1541">
            <v>2008</v>
          </cell>
          <cell r="I1541"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v>
          </cell>
          <cell r="J1541">
            <v>20</v>
          </cell>
          <cell r="M1541">
            <v>4</v>
          </cell>
        </row>
        <row r="1542">
          <cell r="A1542" t="str">
            <v>CHNREG82008</v>
          </cell>
          <cell r="B1542" t="str">
            <v>CHN</v>
          </cell>
          <cell r="C1542" t="str">
            <v>China</v>
          </cell>
          <cell r="D1542" t="str">
            <v>Item 8</v>
          </cell>
          <cell r="E1542" t="str">
            <v>REG8</v>
          </cell>
          <cell r="F1542" t="str">
            <v>Possibility of reinstatement following unfair dismissal</v>
          </cell>
          <cell r="G1542">
            <v>2008</v>
          </cell>
          <cell r="H1542">
            <v>2008</v>
          </cell>
          <cell r="I1542" t="str">
            <v>If an employer terminates or ends an employment contract in violation of the law, the worker can request reinstatement.</v>
          </cell>
          <cell r="J1542">
            <v>3</v>
          </cell>
          <cell r="M1542">
            <v>6</v>
          </cell>
        </row>
        <row r="1543">
          <cell r="A1543" t="str">
            <v>CHNREG92008</v>
          </cell>
          <cell r="B1543" t="str">
            <v>CHN</v>
          </cell>
          <cell r="C1543" t="str">
            <v>China</v>
          </cell>
          <cell r="D1543" t="str">
            <v>Item 9</v>
          </cell>
          <cell r="E1543" t="str">
            <v>REG9</v>
          </cell>
          <cell r="F1543" t="str">
            <v>Maximum time for claim</v>
          </cell>
          <cell r="G1543">
            <v>2008</v>
          </cell>
          <cell r="H1543">
            <v>2008</v>
          </cell>
          <cell r="I1543" t="str">
            <v>2 months</v>
          </cell>
          <cell r="J1543">
            <v>2</v>
          </cell>
          <cell r="M1543">
            <v>2</v>
          </cell>
        </row>
        <row r="1544">
          <cell r="A1544" t="str">
            <v>CHNFTC12008</v>
          </cell>
          <cell r="B1544" t="str">
            <v>CHN</v>
          </cell>
          <cell r="C1544" t="str">
            <v>China</v>
          </cell>
          <cell r="D1544" t="str">
            <v>Item 10</v>
          </cell>
          <cell r="E1544" t="str">
            <v>FTC1</v>
          </cell>
          <cell r="F1544" t="str">
            <v>Valid cases for use of fixed-term contracts, other than  “objective”  or “material” situation</v>
          </cell>
          <cell r="G1544">
            <v>2008</v>
          </cell>
          <cell r="H1544">
            <v>2008</v>
          </cell>
          <cell r="I1544" t="str">
            <v>Once an employer and a worker have reached a consensus through consultations, they may establish a fixed-term employment contract. There are no restrictions on the types of work for which fixed-term contract may be used.</v>
          </cell>
          <cell r="J1544">
            <v>3</v>
          </cell>
          <cell r="M1544">
            <v>0</v>
          </cell>
        </row>
        <row r="1545">
          <cell r="A1545" t="str">
            <v>CHNFTC22008</v>
          </cell>
          <cell r="B1545" t="str">
            <v>CHN</v>
          </cell>
          <cell r="C1545" t="str">
            <v>China</v>
          </cell>
          <cell r="D1545" t="str">
            <v>Item 11</v>
          </cell>
          <cell r="E1545" t="str">
            <v>FTC2</v>
          </cell>
          <cell r="F1545" t="str">
            <v>Maximum number of successive fixed-term contracts</v>
          </cell>
          <cell r="G1545">
            <v>2008</v>
          </cell>
          <cell r="H1545">
            <v>2008</v>
          </cell>
          <cell r="I1545"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545">
            <v>1</v>
          </cell>
          <cell r="M1545">
            <v>6</v>
          </cell>
        </row>
        <row r="1546">
          <cell r="A1546" t="str">
            <v>CHNFTC32008</v>
          </cell>
          <cell r="B1546" t="str">
            <v>CHN</v>
          </cell>
          <cell r="C1546" t="str">
            <v>China</v>
          </cell>
          <cell r="D1546" t="str">
            <v>Item 12</v>
          </cell>
          <cell r="E1546" t="str">
            <v>FTC3</v>
          </cell>
          <cell r="F1546" t="str">
            <v>Maximum cumulated duration of successive fixed-term contracts</v>
          </cell>
          <cell r="G1546">
            <v>2008</v>
          </cell>
          <cell r="H1546">
            <v>2008</v>
          </cell>
          <cell r="I1546" t="str">
            <v>If the worker has worked for the employer for at least 10 years in succession, the contract will be taken to be an open-ended contract, except if the worker proposes to conclude another fixed-term contract.</v>
          </cell>
          <cell r="J1546">
            <v>120</v>
          </cell>
          <cell r="M1546">
            <v>1</v>
          </cell>
        </row>
        <row r="1547">
          <cell r="A1547" t="str">
            <v>CHNTWA12008</v>
          </cell>
          <cell r="B1547" t="str">
            <v>CHN</v>
          </cell>
          <cell r="C1547" t="str">
            <v>China</v>
          </cell>
          <cell r="D1547" t="str">
            <v>Item 13</v>
          </cell>
          <cell r="E1547" t="str">
            <v>TWA1</v>
          </cell>
          <cell r="F1547" t="str">
            <v>Types of work for which TWA employment is legal</v>
          </cell>
          <cell r="G1547">
            <v>2008</v>
          </cell>
          <cell r="H1547">
            <v>2008</v>
          </cell>
          <cell r="I1547" t="str">
            <v>In general, placement of temporary workers shall apply to temporary, ancillary or substitute positions.
In practice, however, temporary agency workers are widely used in many different situations.</v>
          </cell>
          <cell r="J1547">
            <v>3</v>
          </cell>
          <cell r="M1547">
            <v>1.5</v>
          </cell>
        </row>
        <row r="1548">
          <cell r="A1548" t="str">
            <v>CHNTWA22008</v>
          </cell>
          <cell r="B1548" t="str">
            <v>CHN</v>
          </cell>
          <cell r="C1548" t="str">
            <v>China</v>
          </cell>
          <cell r="D1548" t="str">
            <v>Item 14</v>
          </cell>
          <cell r="E1548" t="str">
            <v>TWA2A, TWA2B</v>
          </cell>
          <cell r="F1548" t="str">
            <v>Are there any restrictions on the number of renewals of a TWA contract?</v>
          </cell>
          <cell r="G1548">
            <v>2008</v>
          </cell>
          <cell r="H1548">
            <v>2008</v>
          </cell>
          <cell r="I1548" t="str">
            <v>A temp agency shall conclude a fixed-term employment contract of at least two years with a temporary worker. Fixed-term contracts may only be renewed twice.
The using employer shall not divide a continuous term of labour use into a couple of short term assignments (dispatch agreements).</v>
          </cell>
          <cell r="J1548" t="str">
            <v>Yes</v>
          </cell>
          <cell r="K1548" t="str">
            <v>Yes</v>
          </cell>
          <cell r="M1548">
            <v>4</v>
          </cell>
          <cell r="N1548">
            <v>4</v>
          </cell>
        </row>
        <row r="1549">
          <cell r="A1549" t="str">
            <v>CHNTWA32008</v>
          </cell>
          <cell r="B1549" t="str">
            <v>CHN</v>
          </cell>
          <cell r="C1549" t="str">
            <v>China</v>
          </cell>
          <cell r="D1549" t="str">
            <v>Item 15</v>
          </cell>
          <cell r="E1549" t="str">
            <v>TWA3A, TWA3B</v>
          </cell>
          <cell r="F1549" t="str">
            <v>Maximum cumulated duration of temporary work contracts</v>
          </cell>
          <cell r="G1549">
            <v>2008</v>
          </cell>
          <cell r="H1549">
            <v>2008</v>
          </cell>
          <cell r="I1549" t="str">
            <v>..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v>
          </cell>
          <cell r="J1549">
            <v>100</v>
          </cell>
          <cell r="K1549">
            <v>100</v>
          </cell>
          <cell r="M1549">
            <v>0</v>
          </cell>
          <cell r="N1549">
            <v>0</v>
          </cell>
        </row>
        <row r="1550">
          <cell r="A1550" t="str">
            <v>CHNTWA42008</v>
          </cell>
          <cell r="B1550" t="str">
            <v>CHN</v>
          </cell>
          <cell r="C1550" t="str">
            <v>China</v>
          </cell>
          <cell r="D1550" t="str">
            <v>Item 16</v>
          </cell>
          <cell r="E1550" t="str">
            <v>TWA4</v>
          </cell>
          <cell r="F1550" t="str">
            <v>Authorisation or reporting requirements</v>
          </cell>
          <cell r="G1550">
            <v>2008</v>
          </cell>
          <cell r="H1550">
            <v>2008</v>
          </cell>
          <cell r="I1550" t="str">
            <v>Temp agencies shall be established in accordance with relevant provisions of the Company Law and have registered capital of not less than Rmb500 000. There is no obligation in the Employment Contract Law for ongoing reporting to authorities.</v>
          </cell>
          <cell r="J1550">
            <v>1</v>
          </cell>
          <cell r="M1550">
            <v>2</v>
          </cell>
        </row>
        <row r="1551">
          <cell r="A1551" t="str">
            <v>CHNTWA52008</v>
          </cell>
          <cell r="B1551" t="str">
            <v>CHN</v>
          </cell>
          <cell r="C1551" t="str">
            <v>China</v>
          </cell>
          <cell r="D1551" t="str">
            <v>Item 17</v>
          </cell>
          <cell r="E1551" t="str">
            <v>TWA5</v>
          </cell>
          <cell r="F1551" t="str">
            <v>Equal treatment for TWA workers</v>
          </cell>
          <cell r="G1551">
            <v>2008</v>
          </cell>
          <cell r="H1551">
            <v>2008</v>
          </cell>
          <cell r="I1551"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551">
            <v>1</v>
          </cell>
          <cell r="M1551">
            <v>3</v>
          </cell>
        </row>
        <row r="1552">
          <cell r="A1552" t="str">
            <v>CHNCD12008</v>
          </cell>
          <cell r="B1552" t="str">
            <v>CHN</v>
          </cell>
          <cell r="C1552" t="str">
            <v>China</v>
          </cell>
          <cell r="D1552" t="str">
            <v>Item 18</v>
          </cell>
          <cell r="E1552" t="str">
            <v>CD1</v>
          </cell>
          <cell r="F1552" t="str">
            <v>Definition of collective dismissal</v>
          </cell>
          <cell r="G1552">
            <v>2008</v>
          </cell>
          <cell r="H1552">
            <v>2008</v>
          </cell>
          <cell r="I1552"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552">
            <v>4</v>
          </cell>
          <cell r="M1552">
            <v>6</v>
          </cell>
        </row>
        <row r="1553">
          <cell r="A1553" t="str">
            <v>CHNCD22008</v>
          </cell>
          <cell r="B1553" t="str">
            <v>CHN</v>
          </cell>
          <cell r="C1553" t="str">
            <v>China</v>
          </cell>
          <cell r="D1553" t="str">
            <v>Item 19</v>
          </cell>
          <cell r="E1553" t="str">
            <v>CD2</v>
          </cell>
          <cell r="F1553" t="str">
            <v>Additional notification requirements in case of collective dismissals</v>
          </cell>
          <cell r="G1553">
            <v>2008</v>
          </cell>
          <cell r="H1553">
            <v>2008</v>
          </cell>
          <cell r="I1553"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553">
            <v>1</v>
          </cell>
          <cell r="M1553">
            <v>3</v>
          </cell>
        </row>
        <row r="1554">
          <cell r="A1554" t="str">
            <v>CHNCD32008</v>
          </cell>
          <cell r="B1554" t="str">
            <v>CHN</v>
          </cell>
          <cell r="C1554" t="str">
            <v>China</v>
          </cell>
          <cell r="D1554" t="str">
            <v>Item 20</v>
          </cell>
          <cell r="E1554" t="str">
            <v>CD3</v>
          </cell>
          <cell r="F1554" t="str">
            <v>Additional delays involved in case of collective dismissals</v>
          </cell>
          <cell r="G1554">
            <v>2008</v>
          </cell>
          <cell r="H1554">
            <v>2008</v>
          </cell>
          <cell r="I1554" t="str">
            <v>No additional delays.</v>
          </cell>
          <cell r="J1554">
            <v>0</v>
          </cell>
          <cell r="M1554">
            <v>0</v>
          </cell>
        </row>
        <row r="1555">
          <cell r="A1555" t="str">
            <v>CHNCD42008</v>
          </cell>
          <cell r="B1555" t="str">
            <v>CHN</v>
          </cell>
          <cell r="C1555" t="str">
            <v>China</v>
          </cell>
          <cell r="D1555" t="str">
            <v>Item 21</v>
          </cell>
          <cell r="E1555" t="str">
            <v>CD4</v>
          </cell>
          <cell r="F1555" t="str">
            <v>Other special costs to employers in case of collective dismissals</v>
          </cell>
          <cell r="G1555">
            <v>2008</v>
          </cell>
          <cell r="H1555">
            <v>2008</v>
          </cell>
          <cell r="I1555"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v>
          </cell>
          <cell r="J1555">
            <v>1</v>
          </cell>
          <cell r="M1555">
            <v>3</v>
          </cell>
        </row>
        <row r="1556">
          <cell r="A1556" t="str">
            <v>ESTREG12008</v>
          </cell>
          <cell r="B1556" t="str">
            <v>EST</v>
          </cell>
          <cell r="C1556" t="str">
            <v>Estonia</v>
          </cell>
          <cell r="D1556" t="str">
            <v>Item 1</v>
          </cell>
          <cell r="E1556" t="str">
            <v>REG1</v>
          </cell>
          <cell r="F1556" t="str">
            <v>Notification procedures</v>
          </cell>
          <cell r="G1556">
            <v>2008</v>
          </cell>
          <cell r="H1556">
            <v>2008</v>
          </cell>
          <cell r="I1556" t="str">
            <v>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The employer shall also give notification to the organisation or person representing the employee in case of redundancy or unsuitability. In the case of redundancy, the employer must notify also the local employment office (art. 87, Employment Contract Act)</v>
          </cell>
          <cell r="J1556">
            <v>2</v>
          </cell>
          <cell r="M1556">
            <v>4</v>
          </cell>
        </row>
        <row r="1557">
          <cell r="A1557" t="str">
            <v>ESTREG22008</v>
          </cell>
          <cell r="B1557" t="str">
            <v>EST</v>
          </cell>
          <cell r="C1557" t="str">
            <v>Estonia</v>
          </cell>
          <cell r="D1557" t="str">
            <v>Item 2</v>
          </cell>
          <cell r="E1557" t="str">
            <v>REG2</v>
          </cell>
          <cell r="F1557" t="str">
            <v>Delay before notice can start</v>
          </cell>
          <cell r="G1557">
            <v>2008</v>
          </cell>
          <cell r="H1557">
            <v>2008</v>
          </cell>
          <cell r="I1557"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J1557">
            <v>1</v>
          </cell>
          <cell r="M1557">
            <v>0</v>
          </cell>
        </row>
        <row r="1558">
          <cell r="A1558" t="str">
            <v>ESTREG32008</v>
          </cell>
          <cell r="B1558" t="str">
            <v>EST</v>
          </cell>
          <cell r="C1558" t="str">
            <v>Estonia</v>
          </cell>
          <cell r="D1558" t="str">
            <v>Item 3</v>
          </cell>
          <cell r="E1558" t="str">
            <v>REG3A, REG3B, REG3C</v>
          </cell>
          <cell r="F1558" t="str">
            <v>Notice / tenure</v>
          </cell>
          <cell r="G1558">
            <v>2008</v>
          </cell>
          <cell r="H1558">
            <v>2008</v>
          </cell>
          <cell r="I1558" t="str">
            <v>An employer is required to notify an employee of termination of the employment contract in writing: (1) upon liquidation of the enterprise, agency or other organisation: 2 months; (2) upon layoff of employees: 2m&lt;5y, 3m&lt;10y, at least 4m&gt;10y; (3) unsuitability of employee: 1 month. 
Calculation: average of layoff and unsuitability: 9 months tenure: (2+1)/2 = 1.5; 4 years tenure: (2+1)/2=1.5; 20 years tenure: (4+1)/2=2.5</v>
          </cell>
          <cell r="J1558">
            <v>1.5</v>
          </cell>
          <cell r="K1558">
            <v>1.5</v>
          </cell>
          <cell r="L1558">
            <v>1.5</v>
          </cell>
          <cell r="M1558">
            <v>4</v>
          </cell>
          <cell r="N1558">
            <v>3</v>
          </cell>
          <cell r="O1558">
            <v>1</v>
          </cell>
        </row>
        <row r="1559">
          <cell r="A1559" t="str">
            <v>ESTREG42008</v>
          </cell>
          <cell r="B1559" t="str">
            <v>EST</v>
          </cell>
          <cell r="C1559" t="str">
            <v>Estonia</v>
          </cell>
          <cell r="D1559" t="str">
            <v>Item 4</v>
          </cell>
          <cell r="E1559" t="str">
            <v>REG4A, REG4B, REG4C</v>
          </cell>
          <cell r="F1559" t="str">
            <v>Severance pay / tenure</v>
          </cell>
          <cell r="G1559">
            <v>2008</v>
          </cell>
          <cell r="H1559">
            <v>2008</v>
          </cell>
          <cell r="I1559" t="str">
            <v>Severance payment cases: (1) upon liquidation of the enterprise, layoff of employees or bankruptcy: 2m&lt;5y, 3m&lt;10y, at least 4m&gt;10y. (2) unsuitability of employee: 1 month. 
Calculation: 9 months: (2+1)/2=1.5; 4 years: (2+1)/2=1.5; 20 years: (4+1)/4=2.5</v>
          </cell>
          <cell r="J1559">
            <v>1.5</v>
          </cell>
          <cell r="K1559">
            <v>1.5</v>
          </cell>
          <cell r="L1559">
            <v>2.5</v>
          </cell>
          <cell r="M1559">
            <v>3</v>
          </cell>
          <cell r="N1559">
            <v>3</v>
          </cell>
          <cell r="O1559">
            <v>1</v>
          </cell>
          <cell r="P1559" t="str">
            <v>to check</v>
          </cell>
        </row>
        <row r="1560">
          <cell r="A1560" t="str">
            <v>ESTREG52008</v>
          </cell>
          <cell r="B1560" t="str">
            <v>EST</v>
          </cell>
          <cell r="C1560" t="str">
            <v>Estonia</v>
          </cell>
          <cell r="D1560" t="str">
            <v>Item 5</v>
          </cell>
          <cell r="E1560" t="str">
            <v>REG5</v>
          </cell>
          <cell r="F1560" t="str">
            <v>Definition of justified or unfair dismissal</v>
          </cell>
          <cell r="G1560">
            <v>2008</v>
          </cell>
          <cell r="H1560">
            <v>2008</v>
          </cell>
          <cell r="I1560"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J1560">
            <v>2</v>
          </cell>
          <cell r="M1560">
            <v>4</v>
          </cell>
        </row>
        <row r="1561">
          <cell r="A1561" t="str">
            <v>ESTREG62008</v>
          </cell>
          <cell r="B1561" t="str">
            <v>EST</v>
          </cell>
          <cell r="C1561" t="str">
            <v>Estonia</v>
          </cell>
          <cell r="D1561" t="str">
            <v>Item 6</v>
          </cell>
          <cell r="E1561" t="str">
            <v>REG6</v>
          </cell>
          <cell r="F1561" t="str">
            <v>Trial period</v>
          </cell>
          <cell r="G1561">
            <v>2008</v>
          </cell>
          <cell r="H1561">
            <v>2008</v>
          </cell>
          <cell r="I1561" t="str">
            <v>A probationary period shall not exceed 4 months</v>
          </cell>
          <cell r="J1561">
            <v>4</v>
          </cell>
          <cell r="M1561">
            <v>4</v>
          </cell>
        </row>
        <row r="1562">
          <cell r="A1562" t="str">
            <v>ESTREG72008</v>
          </cell>
          <cell r="B1562" t="str">
            <v>EST</v>
          </cell>
          <cell r="C1562" t="str">
            <v>Estonia</v>
          </cell>
          <cell r="D1562" t="str">
            <v>Item 7</v>
          </cell>
          <cell r="E1562" t="str">
            <v>REG7</v>
          </cell>
          <cell r="F1562" t="str">
            <v xml:space="preserve">Compensation following unfair dismissal </v>
          </cell>
          <cell r="G1562">
            <v>2008</v>
          </cell>
          <cell r="H1562">
            <v>2008</v>
          </cell>
          <cell r="I1562" t="str">
            <v>Compensation up to six months wages, subject to the circumstances of the employment contract and the nature of the offence upon termination of the employment contract.</v>
          </cell>
          <cell r="J1562">
            <v>6</v>
          </cell>
          <cell r="M1562">
            <v>1</v>
          </cell>
        </row>
        <row r="1563">
          <cell r="A1563" t="str">
            <v>ESTREG82008</v>
          </cell>
          <cell r="B1563" t="str">
            <v>EST</v>
          </cell>
          <cell r="C1563" t="str">
            <v>Estonia</v>
          </cell>
          <cell r="D1563" t="str">
            <v>Item 8</v>
          </cell>
          <cell r="E1563" t="str">
            <v>REG8</v>
          </cell>
          <cell r="F1563" t="str">
            <v>Possibility of reinstatement following unfair dismissal</v>
          </cell>
          <cell r="G1563">
            <v>2008</v>
          </cell>
          <cell r="H1563">
            <v>2008</v>
          </cell>
          <cell r="I1563"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J1563">
            <v>3</v>
          </cell>
          <cell r="M1563">
            <v>6</v>
          </cell>
        </row>
        <row r="1564">
          <cell r="A1564" t="str">
            <v>ESTREG92008</v>
          </cell>
          <cell r="B1564" t="str">
            <v>EST</v>
          </cell>
          <cell r="C1564" t="str">
            <v>Estonia</v>
          </cell>
          <cell r="D1564" t="str">
            <v>Item 9</v>
          </cell>
          <cell r="E1564" t="str">
            <v>REG9</v>
          </cell>
          <cell r="F1564" t="str">
            <v>Maximum time for claim</v>
          </cell>
          <cell r="G1564">
            <v>2008</v>
          </cell>
          <cell r="H1564">
            <v>2008</v>
          </cell>
          <cell r="I1564" t="str">
            <v>The limitation period for filing a claim to contest the justification for termination of an employment contract is one month.</v>
          </cell>
          <cell r="J1564">
            <v>1</v>
          </cell>
          <cell r="M1564">
            <v>1</v>
          </cell>
        </row>
        <row r="1565">
          <cell r="A1565" t="str">
            <v>ESTFTC12008</v>
          </cell>
          <cell r="B1565" t="str">
            <v>EST</v>
          </cell>
          <cell r="C1565" t="str">
            <v>Estonia</v>
          </cell>
          <cell r="D1565" t="str">
            <v>Item 10</v>
          </cell>
          <cell r="E1565" t="str">
            <v>FTC1</v>
          </cell>
          <cell r="F1565" t="str">
            <v>Valid cases for use of fixed-term contracts, other than  “objective”  or “material” situation</v>
          </cell>
          <cell r="G1565">
            <v>2008</v>
          </cell>
          <cell r="H1565">
            <v>2008</v>
          </cell>
          <cell r="I1565" t="str">
            <v>There are some valid cases for use of fixed-term contracts, other than "objective" or "material" situation for example the director of a state museum, members of the teaching staff or research staff of a university, etc.</v>
          </cell>
          <cell r="J1565">
            <v>1</v>
          </cell>
          <cell r="M1565">
            <v>4</v>
          </cell>
        </row>
        <row r="1566">
          <cell r="A1566" t="str">
            <v>ESTFTC22008</v>
          </cell>
          <cell r="B1566" t="str">
            <v>EST</v>
          </cell>
          <cell r="C1566" t="str">
            <v>Estonia</v>
          </cell>
          <cell r="D1566" t="str">
            <v>Item 11</v>
          </cell>
          <cell r="E1566" t="str">
            <v>FTC2</v>
          </cell>
          <cell r="F1566" t="str">
            <v>Maximum number of successive fixed-term contracts</v>
          </cell>
          <cell r="G1566">
            <v>2008</v>
          </cell>
          <cell r="H1566">
            <v>2008</v>
          </cell>
          <cell r="I1566" t="str">
            <v>If an employment contract for completion of a specific ta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J1566">
            <v>2</v>
          </cell>
          <cell r="M1566">
            <v>4</v>
          </cell>
        </row>
        <row r="1567">
          <cell r="A1567" t="str">
            <v>ESTFTC32008</v>
          </cell>
          <cell r="B1567" t="str">
            <v>EST</v>
          </cell>
          <cell r="C1567" t="str">
            <v>Estonia</v>
          </cell>
          <cell r="D1567" t="str">
            <v>Item 12</v>
          </cell>
          <cell r="E1567" t="str">
            <v>FTC3</v>
          </cell>
          <cell r="F1567" t="str">
            <v>Maximum cumulated duration of successive fixed-term contracts</v>
          </cell>
          <cell r="G1567">
            <v>2008</v>
          </cell>
          <cell r="H1567">
            <v>2008</v>
          </cell>
          <cell r="I1567" t="str">
            <v>The law does not specify any limits to the number of fixed term contracts if separate valid objective reasons for each new contract cannot be given. A fixed term employment contract can be entered into for no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J1567">
            <v>120</v>
          </cell>
          <cell r="M1567">
            <v>1</v>
          </cell>
        </row>
        <row r="1568">
          <cell r="A1568" t="str">
            <v>ESTTWA12008</v>
          </cell>
          <cell r="B1568" t="str">
            <v>EST</v>
          </cell>
          <cell r="C1568" t="str">
            <v>Estonia</v>
          </cell>
          <cell r="D1568" t="str">
            <v>Item 13</v>
          </cell>
          <cell r="E1568" t="str">
            <v>TWA1</v>
          </cell>
          <cell r="F1568" t="str">
            <v>Types of work for which TWA employment is legal</v>
          </cell>
          <cell r="G1568">
            <v>2008</v>
          </cell>
          <cell r="H1568">
            <v>2008</v>
          </cell>
          <cell r="I1568" t="str">
            <v>TWA contracts are allowed in all types of work.</v>
          </cell>
          <cell r="J1568">
            <v>4</v>
          </cell>
          <cell r="M1568">
            <v>0</v>
          </cell>
        </row>
        <row r="1569">
          <cell r="A1569" t="str">
            <v>ESTTWA22008</v>
          </cell>
          <cell r="B1569" t="str">
            <v>EST</v>
          </cell>
          <cell r="C1569" t="str">
            <v>Estonia</v>
          </cell>
          <cell r="D1569" t="str">
            <v>Item 14</v>
          </cell>
          <cell r="E1569" t="str">
            <v>TWA2A, TWA2B</v>
          </cell>
          <cell r="F1569" t="str">
            <v>Are there any restrictions on the number of renewals of a TWA contract?</v>
          </cell>
          <cell r="G1569">
            <v>2008</v>
          </cell>
          <cell r="H1569">
            <v>2008</v>
          </cell>
          <cell r="I1569" t="str">
            <v>No restrictions.</v>
          </cell>
          <cell r="J1569" t="str">
            <v>No</v>
          </cell>
          <cell r="K1569" t="str">
            <v>No</v>
          </cell>
          <cell r="M1569">
            <v>2</v>
          </cell>
          <cell r="N1569">
            <v>2</v>
          </cell>
        </row>
        <row r="1570">
          <cell r="A1570" t="str">
            <v>ESTTWA32008</v>
          </cell>
          <cell r="B1570" t="str">
            <v>EST</v>
          </cell>
          <cell r="C1570" t="str">
            <v>Estonia</v>
          </cell>
          <cell r="D1570" t="str">
            <v>Item 15</v>
          </cell>
          <cell r="E1570" t="str">
            <v>TWA3A, TWA3B</v>
          </cell>
          <cell r="F1570" t="str">
            <v>Maximum cumulated duration of temporary work contracts</v>
          </cell>
          <cell r="G1570">
            <v>2008</v>
          </cell>
          <cell r="H1570">
            <v>2008</v>
          </cell>
          <cell r="I1570" t="str">
            <v>No limits.</v>
          </cell>
          <cell r="J1570">
            <v>100</v>
          </cell>
          <cell r="K1570">
            <v>100</v>
          </cell>
          <cell r="M1570">
            <v>0</v>
          </cell>
          <cell r="N1570">
            <v>0</v>
          </cell>
        </row>
        <row r="1571">
          <cell r="A1571" t="str">
            <v>ESTTWA42008</v>
          </cell>
          <cell r="B1571" t="str">
            <v>EST</v>
          </cell>
          <cell r="C1571" t="str">
            <v>Estonia</v>
          </cell>
          <cell r="D1571" t="str">
            <v>Item 16</v>
          </cell>
          <cell r="E1571" t="str">
            <v>TWA4</v>
          </cell>
          <cell r="F1571" t="str">
            <v>Authorisation or reporting requirements</v>
          </cell>
          <cell r="G1571">
            <v>2008</v>
          </cell>
          <cell r="H1571">
            <v>2008</v>
          </cell>
          <cell r="I1571" t="str">
            <v>No</v>
          </cell>
          <cell r="J1571">
            <v>0</v>
          </cell>
          <cell r="M1571">
            <v>0</v>
          </cell>
        </row>
        <row r="1572">
          <cell r="A1572" t="str">
            <v>ESTTWA52008</v>
          </cell>
          <cell r="B1572" t="str">
            <v>EST</v>
          </cell>
          <cell r="C1572" t="str">
            <v>Estonia</v>
          </cell>
          <cell r="D1572" t="str">
            <v>Item 17</v>
          </cell>
          <cell r="E1572" t="str">
            <v>TWA5</v>
          </cell>
          <cell r="F1572" t="str">
            <v>Equal treatment for TWA workers</v>
          </cell>
          <cell r="G1572">
            <v>2008</v>
          </cell>
          <cell r="H1572">
            <v>2008</v>
          </cell>
          <cell r="I1572"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1572">
            <v>2</v>
          </cell>
          <cell r="M1572">
            <v>6</v>
          </cell>
        </row>
        <row r="1573">
          <cell r="A1573" t="str">
            <v>ESTCD12008</v>
          </cell>
          <cell r="B1573" t="str">
            <v>EST</v>
          </cell>
          <cell r="C1573" t="str">
            <v>Estonia</v>
          </cell>
          <cell r="D1573" t="str">
            <v>Item 18</v>
          </cell>
          <cell r="E1573" t="str">
            <v>CD1</v>
          </cell>
          <cell r="F1573" t="str">
            <v>Definition of collective dismissal</v>
          </cell>
          <cell r="G1573">
            <v>2008</v>
          </cell>
          <cell r="H1573">
            <v>2008</v>
          </cell>
          <cell r="I1573"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1573">
            <v>4</v>
          </cell>
          <cell r="M1573">
            <v>6</v>
          </cell>
        </row>
        <row r="1574">
          <cell r="A1574" t="str">
            <v>ESTCD22008</v>
          </cell>
          <cell r="B1574" t="str">
            <v>EST</v>
          </cell>
          <cell r="C1574" t="str">
            <v>Estonia</v>
          </cell>
          <cell r="D1574" t="str">
            <v>Item 19</v>
          </cell>
          <cell r="E1574" t="str">
            <v>CD2</v>
          </cell>
          <cell r="F1574" t="str">
            <v>Additional notification requirements in case of collective dismissals</v>
          </cell>
          <cell r="G1574">
            <v>2008</v>
          </cell>
          <cell r="H1574">
            <v>2008</v>
          </cell>
          <cell r="I1574" t="str">
            <v>Employer has the obligation to inform and consult with representative of employees and apply for the approval of the labour inspectorate.</v>
          </cell>
          <cell r="J1574">
            <v>0</v>
          </cell>
          <cell r="M1574">
            <v>0</v>
          </cell>
        </row>
        <row r="1575">
          <cell r="A1575" t="str">
            <v>ESTCD32008</v>
          </cell>
          <cell r="B1575" t="str">
            <v>EST</v>
          </cell>
          <cell r="C1575" t="str">
            <v>Estonia</v>
          </cell>
          <cell r="D1575" t="str">
            <v>Item 20</v>
          </cell>
          <cell r="E1575" t="str">
            <v>CD3</v>
          </cell>
          <cell r="F1575" t="str">
            <v>Additional delays involved in case of collective dismissals</v>
          </cell>
          <cell r="G1575">
            <v>2008</v>
          </cell>
          <cell r="H1575">
            <v>2008</v>
          </cell>
          <cell r="I1575"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d in time.
Delay involved before notice can start: 15 days for employees to submit, their written proposals and opinions with regard to the termination of employment contracts.</v>
          </cell>
          <cell r="J1575">
            <v>15</v>
          </cell>
          <cell r="M1575">
            <v>1</v>
          </cell>
        </row>
        <row r="1576">
          <cell r="A1576" t="str">
            <v>ESTCD42008</v>
          </cell>
          <cell r="B1576" t="str">
            <v>EST</v>
          </cell>
          <cell r="C1576" t="str">
            <v>Estonia</v>
          </cell>
          <cell r="D1576" t="str">
            <v>Item 21</v>
          </cell>
          <cell r="E1576" t="str">
            <v>CD4</v>
          </cell>
          <cell r="F1576" t="str">
            <v>Other special costs to employers in case of collective dismissals</v>
          </cell>
          <cell r="G1576">
            <v>2008</v>
          </cell>
          <cell r="H1576">
            <v>2008</v>
          </cell>
          <cell r="I1576" t="str">
            <v>No additional requirements</v>
          </cell>
          <cell r="J1576">
            <v>0</v>
          </cell>
          <cell r="M1576">
            <v>0</v>
          </cell>
        </row>
        <row r="1577">
          <cell r="A1577" t="str">
            <v>ISLREG12008</v>
          </cell>
          <cell r="B1577" t="str">
            <v>ISL</v>
          </cell>
          <cell r="C1577" t="str">
            <v>Iceland</v>
          </cell>
          <cell r="D1577" t="str">
            <v>Item 1</v>
          </cell>
          <cell r="E1577" t="str">
            <v>REG1</v>
          </cell>
          <cell r="F1577" t="str">
            <v>Notification procedures</v>
          </cell>
          <cell r="G1577">
            <v>2008</v>
          </cell>
          <cell r="H1577">
            <v>2008</v>
          </cell>
          <cell r="I1577" t="str">
            <v>A worker must be notified of dismissal in writing.</v>
          </cell>
          <cell r="J1577">
            <v>1</v>
          </cell>
          <cell r="M1577">
            <v>2</v>
          </cell>
        </row>
        <row r="1578">
          <cell r="A1578" t="str">
            <v>ISLREG22008</v>
          </cell>
          <cell r="B1578" t="str">
            <v>ISL</v>
          </cell>
          <cell r="C1578" t="str">
            <v>Iceland</v>
          </cell>
          <cell r="D1578" t="str">
            <v>Item 2</v>
          </cell>
          <cell r="E1578" t="str">
            <v>REG2</v>
          </cell>
          <cell r="F1578" t="str">
            <v>Delay before notice can start</v>
          </cell>
          <cell r="G1578">
            <v>2008</v>
          </cell>
          <cell r="H1578">
            <v>2008</v>
          </cell>
          <cell r="I1578" t="str">
            <v xml:space="preserve">After notification in writing, the notice period begins first day of the month following notification.
Calculation: 1 day for notice in writing,15 days on average for first day of following month. </v>
          </cell>
          <cell r="J1578">
            <v>16</v>
          </cell>
          <cell r="M1578">
            <v>2</v>
          </cell>
        </row>
        <row r="1579">
          <cell r="A1579" t="str">
            <v>ISLREG32008</v>
          </cell>
          <cell r="B1579" t="str">
            <v>ISL</v>
          </cell>
          <cell r="C1579" t="str">
            <v>Iceland</v>
          </cell>
          <cell r="D1579" t="str">
            <v>Item 3</v>
          </cell>
          <cell r="E1579" t="str">
            <v>REG3A, REG3B, REG3C</v>
          </cell>
          <cell r="F1579" t="str">
            <v>Notice / tenure</v>
          </cell>
          <cell r="G1579">
            <v>2008</v>
          </cell>
          <cell r="H1579">
            <v>2008</v>
          </cell>
          <cell r="I1579"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1579">
            <v>2</v>
          </cell>
          <cell r="K1579">
            <v>3</v>
          </cell>
          <cell r="L1579">
            <v>3</v>
          </cell>
          <cell r="M1579">
            <v>6</v>
          </cell>
          <cell r="N1579">
            <v>5</v>
          </cell>
          <cell r="O1579">
            <v>2</v>
          </cell>
        </row>
        <row r="1580">
          <cell r="A1580" t="str">
            <v>ISLREG42008</v>
          </cell>
          <cell r="B1580" t="str">
            <v>ISL</v>
          </cell>
          <cell r="C1580" t="str">
            <v>Iceland</v>
          </cell>
          <cell r="D1580" t="str">
            <v>Item 4</v>
          </cell>
          <cell r="E1580" t="str">
            <v>REG4A, REG4B, REG4C</v>
          </cell>
          <cell r="F1580" t="str">
            <v>Severance pay / tenure</v>
          </cell>
          <cell r="G1580">
            <v>2008</v>
          </cell>
          <cell r="H1580">
            <v>2008</v>
          </cell>
          <cell r="I1580" t="str">
            <v>There is no legal right to severance pay</v>
          </cell>
          <cell r="J1580">
            <v>0</v>
          </cell>
          <cell r="K1580">
            <v>0</v>
          </cell>
          <cell r="L1580">
            <v>0</v>
          </cell>
          <cell r="M1580">
            <v>0</v>
          </cell>
          <cell r="N1580">
            <v>0</v>
          </cell>
          <cell r="O1580">
            <v>0</v>
          </cell>
        </row>
        <row r="1581">
          <cell r="A1581" t="str">
            <v>ISLREG52008</v>
          </cell>
          <cell r="B1581" t="str">
            <v>ISL</v>
          </cell>
          <cell r="C1581" t="str">
            <v>Iceland</v>
          </cell>
          <cell r="D1581" t="str">
            <v>Item 5</v>
          </cell>
          <cell r="E1581" t="str">
            <v>REG5</v>
          </cell>
          <cell r="F1581" t="str">
            <v>Definition of justified or unfair dismissal</v>
          </cell>
          <cell r="G1581">
            <v>2008</v>
          </cell>
          <cell r="H1581">
            <v>2008</v>
          </cell>
          <cell r="I1581"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1581">
            <v>0</v>
          </cell>
          <cell r="M1581">
            <v>0</v>
          </cell>
        </row>
        <row r="1582">
          <cell r="A1582" t="str">
            <v>ISLREG62008</v>
          </cell>
          <cell r="B1582" t="str">
            <v>ISL</v>
          </cell>
          <cell r="C1582" t="str">
            <v>Iceland</v>
          </cell>
          <cell r="D1582" t="str">
            <v>Item 6</v>
          </cell>
          <cell r="E1582" t="str">
            <v>REG6</v>
          </cell>
          <cell r="F1582" t="str">
            <v>Trial period</v>
          </cell>
          <cell r="G1582">
            <v>2008</v>
          </cell>
          <cell r="H1582">
            <v>2008</v>
          </cell>
          <cell r="I1582" t="str">
            <v>3 months</v>
          </cell>
          <cell r="J1582">
            <v>3</v>
          </cell>
          <cell r="M1582">
            <v>4</v>
          </cell>
        </row>
        <row r="1583">
          <cell r="A1583" t="str">
            <v>ISLREG72008</v>
          </cell>
          <cell r="B1583" t="str">
            <v>ISL</v>
          </cell>
          <cell r="C1583" t="str">
            <v>Iceland</v>
          </cell>
          <cell r="D1583" t="str">
            <v>Item 7</v>
          </cell>
          <cell r="E1583" t="str">
            <v>REG7</v>
          </cell>
          <cell r="F1583" t="str">
            <v xml:space="preserve">Compensation following unfair dismissal </v>
          </cell>
          <cell r="G1583">
            <v>2008</v>
          </cell>
          <cell r="H1583">
            <v>2008</v>
          </cell>
          <cell r="I1583" t="str">
            <v>Information not readily available.</v>
          </cell>
          <cell r="J1583" t="str">
            <v>..</v>
          </cell>
          <cell r="M1583" t="e">
            <v>#N/A</v>
          </cell>
        </row>
        <row r="1584">
          <cell r="A1584" t="str">
            <v>ISLREG82008</v>
          </cell>
          <cell r="B1584" t="str">
            <v>ISL</v>
          </cell>
          <cell r="C1584" t="str">
            <v>Iceland</v>
          </cell>
          <cell r="D1584" t="str">
            <v>Item 8</v>
          </cell>
          <cell r="E1584" t="str">
            <v>REG8</v>
          </cell>
          <cell r="F1584" t="str">
            <v>Possibility of reinstatement following unfair dismissal</v>
          </cell>
          <cell r="G1584">
            <v>2008</v>
          </cell>
          <cell r="H1584">
            <v>2008</v>
          </cell>
          <cell r="I1584" t="str">
            <v>If the termination is found to be unfair, the court does not typically order reinstatement.</v>
          </cell>
          <cell r="J1584">
            <v>0</v>
          </cell>
          <cell r="M1584">
            <v>0</v>
          </cell>
        </row>
        <row r="1585">
          <cell r="A1585" t="str">
            <v>ISLREG92008</v>
          </cell>
          <cell r="B1585" t="str">
            <v>ISL</v>
          </cell>
          <cell r="C1585" t="str">
            <v>Iceland</v>
          </cell>
          <cell r="D1585" t="str">
            <v>Item 9</v>
          </cell>
          <cell r="E1585" t="str">
            <v>REG9</v>
          </cell>
          <cell r="F1585" t="str">
            <v>Maximum time for claim</v>
          </cell>
          <cell r="G1585">
            <v>2008</v>
          </cell>
          <cell r="H1585">
            <v>2008</v>
          </cell>
          <cell r="I1585" t="str">
            <v>Generally, dispute cases lapse if not claimed without four years.</v>
          </cell>
          <cell r="J1585">
            <v>48</v>
          </cell>
          <cell r="M1585">
            <v>6</v>
          </cell>
        </row>
        <row r="1586">
          <cell r="A1586" t="str">
            <v>ISLFTC12008</v>
          </cell>
          <cell r="B1586" t="str">
            <v>ISL</v>
          </cell>
          <cell r="C1586" t="str">
            <v>Iceland</v>
          </cell>
          <cell r="D1586" t="str">
            <v>Item 10</v>
          </cell>
          <cell r="E1586" t="str">
            <v>FTC1</v>
          </cell>
          <cell r="F1586" t="str">
            <v>Valid cases for use of fixed-term contracts, other than  “objective”  or “material” situation</v>
          </cell>
          <cell r="G1586">
            <v>2008</v>
          </cell>
          <cell r="H1586">
            <v>2008</v>
          </cell>
          <cell r="I1586" t="str">
            <v>No restrictions</v>
          </cell>
          <cell r="J1586">
            <v>3</v>
          </cell>
          <cell r="M1586">
            <v>0</v>
          </cell>
        </row>
        <row r="1587">
          <cell r="A1587" t="str">
            <v>ISLFTC22008</v>
          </cell>
          <cell r="B1587" t="str">
            <v>ISL</v>
          </cell>
          <cell r="C1587" t="str">
            <v>Iceland</v>
          </cell>
          <cell r="D1587" t="str">
            <v>Item 11</v>
          </cell>
          <cell r="E1587" t="str">
            <v>FTC2</v>
          </cell>
          <cell r="F1587" t="str">
            <v>Maximum number of successive fixed-term contracts</v>
          </cell>
          <cell r="G1587">
            <v>2008</v>
          </cell>
          <cell r="H1587">
            <v>2008</v>
          </cell>
          <cell r="I1587" t="str">
            <v>No limit.</v>
          </cell>
          <cell r="J1587">
            <v>100</v>
          </cell>
          <cell r="M1587">
            <v>0</v>
          </cell>
        </row>
        <row r="1588">
          <cell r="A1588" t="str">
            <v>ISLFTC32008</v>
          </cell>
          <cell r="B1588" t="str">
            <v>ISL</v>
          </cell>
          <cell r="C1588" t="str">
            <v>Iceland</v>
          </cell>
          <cell r="D1588" t="str">
            <v>Item 12</v>
          </cell>
          <cell r="E1588" t="str">
            <v>FTC3</v>
          </cell>
          <cell r="F1588" t="str">
            <v>Maximum cumulated duration of successive fixed-term contracts</v>
          </cell>
          <cell r="G1588">
            <v>2008</v>
          </cell>
          <cell r="H1588">
            <v>2008</v>
          </cell>
          <cell r="I1588" t="str">
            <v>Maximum length of fixed term contracts is 24 months including renewals. Fixed-term contracts for managerial personnel are not time-limited.</v>
          </cell>
          <cell r="J1588">
            <v>24</v>
          </cell>
          <cell r="M1588">
            <v>3</v>
          </cell>
        </row>
        <row r="1589">
          <cell r="A1589" t="str">
            <v>ISLTWA12008</v>
          </cell>
          <cell r="B1589" t="str">
            <v>ISL</v>
          </cell>
          <cell r="C1589" t="str">
            <v>Iceland</v>
          </cell>
          <cell r="D1589" t="str">
            <v>Item 13</v>
          </cell>
          <cell r="E1589" t="str">
            <v>TWA1</v>
          </cell>
          <cell r="F1589" t="str">
            <v>Types of work for which TWA employment is legal</v>
          </cell>
          <cell r="G1589">
            <v>2008</v>
          </cell>
          <cell r="H1589">
            <v>2008</v>
          </cell>
          <cell r="I1589" t="str">
            <v>Generally allowed. However, TWA’s are not permitted to hire out a worker to a user firm if the worker has worked directly for the user firm in the previous six months.</v>
          </cell>
          <cell r="J1589">
            <v>4</v>
          </cell>
          <cell r="M1589">
            <v>0</v>
          </cell>
        </row>
        <row r="1590">
          <cell r="A1590" t="str">
            <v>ISLTWA22008</v>
          </cell>
          <cell r="B1590" t="str">
            <v>ISL</v>
          </cell>
          <cell r="C1590" t="str">
            <v>Iceland</v>
          </cell>
          <cell r="D1590" t="str">
            <v>Item 14</v>
          </cell>
          <cell r="E1590" t="str">
            <v>TWA2A, TWA2B</v>
          </cell>
          <cell r="F1590" t="str">
            <v>Are there any restrictions on the number of renewals of a TWA contract?</v>
          </cell>
          <cell r="G1590">
            <v>2008</v>
          </cell>
          <cell r="H1590">
            <v>2008</v>
          </cell>
          <cell r="I1590" t="str">
            <v>No</v>
          </cell>
          <cell r="J1590" t="str">
            <v>No</v>
          </cell>
          <cell r="K1590" t="str">
            <v>No</v>
          </cell>
          <cell r="M1590">
            <v>2</v>
          </cell>
          <cell r="N1590">
            <v>2</v>
          </cell>
        </row>
        <row r="1591">
          <cell r="A1591" t="str">
            <v>ISLTWA32008</v>
          </cell>
          <cell r="B1591" t="str">
            <v>ISL</v>
          </cell>
          <cell r="C1591" t="str">
            <v>Iceland</v>
          </cell>
          <cell r="D1591" t="str">
            <v>Item 15</v>
          </cell>
          <cell r="E1591" t="str">
            <v>TWA3A, TWA3B</v>
          </cell>
          <cell r="F1591" t="str">
            <v>Maximum cumulated duration of temporary work contracts</v>
          </cell>
          <cell r="G1591">
            <v>2008</v>
          </cell>
          <cell r="H1591">
            <v>2008</v>
          </cell>
          <cell r="I1591" t="str">
            <v>No limit</v>
          </cell>
          <cell r="J1591">
            <v>100</v>
          </cell>
          <cell r="K1591">
            <v>100</v>
          </cell>
          <cell r="M1591">
            <v>0</v>
          </cell>
          <cell r="N1591">
            <v>0</v>
          </cell>
        </row>
        <row r="1592">
          <cell r="A1592" t="str">
            <v>ISLTWA42008</v>
          </cell>
          <cell r="B1592" t="str">
            <v>ISL</v>
          </cell>
          <cell r="C1592" t="str">
            <v>Iceland</v>
          </cell>
          <cell r="D1592" t="str">
            <v>Item 16</v>
          </cell>
          <cell r="E1592" t="str">
            <v>TWA4</v>
          </cell>
          <cell r="F1592" t="str">
            <v>Authorisation or reporting requirements</v>
          </cell>
          <cell r="G1592">
            <v>2008</v>
          </cell>
          <cell r="H1592">
            <v>2008</v>
          </cell>
          <cell r="I1592" t="str">
            <v>Temporary work agencies must notify and report regularly to the Directorate of Labour.</v>
          </cell>
          <cell r="J1592">
            <v>3</v>
          </cell>
          <cell r="M1592">
            <v>6</v>
          </cell>
        </row>
        <row r="1593">
          <cell r="A1593" t="str">
            <v>ISLTWA52008</v>
          </cell>
          <cell r="B1593" t="str">
            <v>ISL</v>
          </cell>
          <cell r="C1593" t="str">
            <v>Iceland</v>
          </cell>
          <cell r="D1593" t="str">
            <v>Item 17</v>
          </cell>
          <cell r="E1593" t="str">
            <v>TWA5</v>
          </cell>
          <cell r="F1593" t="str">
            <v>Equal treatment for TWA workers</v>
          </cell>
          <cell r="G1593">
            <v>2008</v>
          </cell>
          <cell r="H1593">
            <v>2008</v>
          </cell>
          <cell r="I1593" t="str">
            <v>TWA workers enjoy basic pay and working conditions as agreed in collective agreements.
Calculation: half point for wages and half point for working conditions</v>
          </cell>
          <cell r="J1593">
            <v>1</v>
          </cell>
          <cell r="M1593">
            <v>3</v>
          </cell>
        </row>
        <row r="1594">
          <cell r="A1594" t="str">
            <v>ISLCD12008</v>
          </cell>
          <cell r="B1594" t="str">
            <v>ISL</v>
          </cell>
          <cell r="C1594" t="str">
            <v>Iceland</v>
          </cell>
          <cell r="D1594" t="str">
            <v>Item 18</v>
          </cell>
          <cell r="E1594" t="str">
            <v>CD1</v>
          </cell>
          <cell r="F1594" t="str">
            <v>Definition of collective dismissal</v>
          </cell>
          <cell r="G1594">
            <v>2008</v>
          </cell>
          <cell r="H1594">
            <v>2008</v>
          </cell>
          <cell r="I1594"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1594">
            <v>3</v>
          </cell>
          <cell r="M1594">
            <v>4.5</v>
          </cell>
        </row>
        <row r="1595">
          <cell r="A1595" t="str">
            <v>ISLCD22008</v>
          </cell>
          <cell r="B1595" t="str">
            <v>ISL</v>
          </cell>
          <cell r="C1595" t="str">
            <v>Iceland</v>
          </cell>
          <cell r="D1595" t="str">
            <v>Item 19</v>
          </cell>
          <cell r="E1595" t="str">
            <v>CD2</v>
          </cell>
          <cell r="F1595" t="str">
            <v>Additional notification requirements in case of collective dismissals</v>
          </cell>
          <cell r="G1595">
            <v>2008</v>
          </cell>
          <cell r="H1595">
            <v>2008</v>
          </cell>
          <cell r="I1595"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1595">
            <v>2</v>
          </cell>
          <cell r="M1595">
            <v>6</v>
          </cell>
        </row>
        <row r="1596">
          <cell r="A1596" t="str">
            <v>ISLCD32008</v>
          </cell>
          <cell r="B1596" t="str">
            <v>ISL</v>
          </cell>
          <cell r="C1596" t="str">
            <v>Iceland</v>
          </cell>
          <cell r="D1596" t="str">
            <v>Item 20</v>
          </cell>
          <cell r="E1596" t="str">
            <v>CD3</v>
          </cell>
          <cell r="F1596" t="str">
            <v>Additional delays involved in case of collective dismissals</v>
          </cell>
          <cell r="G1596">
            <v>2008</v>
          </cell>
          <cell r="H1596">
            <v>2008</v>
          </cell>
          <cell r="I1596" t="str">
            <v>The time taken for consultation between the employer and the workers' representatives varies widely.</v>
          </cell>
          <cell r="J1596" t="str">
            <v>..</v>
          </cell>
          <cell r="M1596" t="e">
            <v>#N/A</v>
          </cell>
        </row>
        <row r="1597">
          <cell r="A1597" t="str">
            <v>ISLCD42008</v>
          </cell>
          <cell r="B1597" t="str">
            <v>ISL</v>
          </cell>
          <cell r="C1597" t="str">
            <v>Iceland</v>
          </cell>
          <cell r="D1597" t="str">
            <v>Item 21</v>
          </cell>
          <cell r="E1597" t="str">
            <v>CD4</v>
          </cell>
          <cell r="F1597" t="str">
            <v>Other special costs to employers in case of collective dismissals</v>
          </cell>
          <cell r="G1597">
            <v>2008</v>
          </cell>
          <cell r="H1597">
            <v>2008</v>
          </cell>
          <cell r="I1597" t="str">
            <v>No additional costs.</v>
          </cell>
          <cell r="J1597">
            <v>0</v>
          </cell>
          <cell r="M1597">
            <v>0</v>
          </cell>
        </row>
        <row r="1598">
          <cell r="A1598" t="str">
            <v>INDREG12008</v>
          </cell>
          <cell r="B1598" t="str">
            <v>IND</v>
          </cell>
          <cell r="C1598" t="str">
            <v>India</v>
          </cell>
          <cell r="D1598" t="str">
            <v>Item 1</v>
          </cell>
          <cell r="E1598" t="str">
            <v>REG1</v>
          </cell>
          <cell r="F1598" t="str">
            <v>Notification procedures</v>
          </cell>
          <cell r="G1598">
            <v>2008</v>
          </cell>
          <cell r="H1598">
            <v>2008</v>
          </cell>
          <cell r="I1598"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598">
            <v>2.5</v>
          </cell>
          <cell r="M1598">
            <v>5</v>
          </cell>
        </row>
        <row r="1599">
          <cell r="A1599" t="str">
            <v>INDREG22008</v>
          </cell>
          <cell r="B1599" t="str">
            <v>IND</v>
          </cell>
          <cell r="C1599" t="str">
            <v>India</v>
          </cell>
          <cell r="D1599" t="str">
            <v>Item 2</v>
          </cell>
          <cell r="E1599" t="str">
            <v>REG2</v>
          </cell>
          <cell r="F1599" t="str">
            <v>Delay before notice can start</v>
          </cell>
          <cell r="G1599">
            <v>2008</v>
          </cell>
          <cell r="H1599">
            <v>2008</v>
          </cell>
          <cell r="I1599"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599">
            <v>37</v>
          </cell>
          <cell r="M1599">
            <v>5</v>
          </cell>
        </row>
        <row r="1600">
          <cell r="A1600" t="str">
            <v>INDREG32008</v>
          </cell>
          <cell r="B1600" t="str">
            <v>IND</v>
          </cell>
          <cell r="C1600" t="str">
            <v>India</v>
          </cell>
          <cell r="D1600" t="str">
            <v>Item 3</v>
          </cell>
          <cell r="E1600" t="str">
            <v>REG3A, REG3B, REG3C</v>
          </cell>
          <cell r="F1600" t="str">
            <v>Notice / tenure</v>
          </cell>
          <cell r="G1600">
            <v>2008</v>
          </cell>
          <cell r="H1600">
            <v>2008</v>
          </cell>
          <cell r="I1600"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600">
            <v>0</v>
          </cell>
          <cell r="K1600">
            <v>2</v>
          </cell>
          <cell r="L1600">
            <v>2</v>
          </cell>
          <cell r="M1600">
            <v>0</v>
          </cell>
          <cell r="N1600">
            <v>4</v>
          </cell>
          <cell r="O1600">
            <v>1</v>
          </cell>
        </row>
        <row r="1601">
          <cell r="A1601" t="str">
            <v>INDREG42008</v>
          </cell>
          <cell r="B1601" t="str">
            <v>IND</v>
          </cell>
          <cell r="C1601" t="str">
            <v>India</v>
          </cell>
          <cell r="D1601" t="str">
            <v>Item 4</v>
          </cell>
          <cell r="E1601" t="str">
            <v>REG4A, REG4B, REG4C</v>
          </cell>
          <cell r="F1601" t="str">
            <v>Severance pay / tenure</v>
          </cell>
          <cell r="G1601">
            <v>2008</v>
          </cell>
          <cell r="H1601">
            <v>2008</v>
          </cell>
          <cell r="I1601" t="str">
            <v>Workers with no less than one year’s tenure who are dismissed for retrenchment are entitled to 15 days pay for each completed year of continuous service or any part thereof exceeding six months.
Calculation: based on retrenchment</v>
          </cell>
          <cell r="J1601">
            <v>0</v>
          </cell>
          <cell r="K1601">
            <v>2</v>
          </cell>
          <cell r="L1601">
            <v>10</v>
          </cell>
          <cell r="M1601">
            <v>0</v>
          </cell>
          <cell r="N1601">
            <v>3</v>
          </cell>
          <cell r="O1601">
            <v>3</v>
          </cell>
        </row>
        <row r="1602">
          <cell r="A1602" t="str">
            <v>INDREG52008</v>
          </cell>
          <cell r="B1602" t="str">
            <v>IND</v>
          </cell>
          <cell r="C1602" t="str">
            <v>India</v>
          </cell>
          <cell r="D1602" t="str">
            <v>Item 5</v>
          </cell>
          <cell r="E1602" t="str">
            <v>REG5</v>
          </cell>
          <cell r="F1602" t="str">
            <v>Definition of justified or unfair dismissal</v>
          </cell>
          <cell r="G1602">
            <v>2008</v>
          </cell>
          <cell r="H1602">
            <v>2008</v>
          </cell>
          <cell r="I1602"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1602">
            <v>1</v>
          </cell>
          <cell r="M1602">
            <v>2</v>
          </cell>
        </row>
        <row r="1603">
          <cell r="A1603" t="str">
            <v>INDREG62008</v>
          </cell>
          <cell r="B1603" t="str">
            <v>IND</v>
          </cell>
          <cell r="C1603" t="str">
            <v>India</v>
          </cell>
          <cell r="D1603" t="str">
            <v>Item 6</v>
          </cell>
          <cell r="E1603" t="str">
            <v>REG6</v>
          </cell>
          <cell r="F1603" t="str">
            <v>Trial period</v>
          </cell>
          <cell r="G1603">
            <v>2008</v>
          </cell>
          <cell r="H1603">
            <v>2008</v>
          </cell>
          <cell r="I1603" t="str">
            <v>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v>
          </cell>
          <cell r="J1603">
            <v>9</v>
          </cell>
          <cell r="M1603">
            <v>3</v>
          </cell>
        </row>
        <row r="1604">
          <cell r="A1604" t="str">
            <v>INDREG72008</v>
          </cell>
          <cell r="B1604" t="str">
            <v>IND</v>
          </cell>
          <cell r="C1604" t="str">
            <v>India</v>
          </cell>
          <cell r="D1604" t="str">
            <v>Item 7</v>
          </cell>
          <cell r="E1604" t="str">
            <v>REG7</v>
          </cell>
          <cell r="F1604" t="str">
            <v xml:space="preserve">Compensation following unfair dismissal </v>
          </cell>
          <cell r="G1604">
            <v>2008</v>
          </cell>
          <cell r="H1604">
            <v>2008</v>
          </cell>
          <cell r="I1604"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1604">
            <v>6</v>
          </cell>
          <cell r="M1604">
            <v>1</v>
          </cell>
        </row>
        <row r="1605">
          <cell r="A1605" t="str">
            <v>INDREG82008</v>
          </cell>
          <cell r="B1605" t="str">
            <v>IND</v>
          </cell>
          <cell r="C1605" t="str">
            <v>India</v>
          </cell>
          <cell r="D1605" t="str">
            <v>Item 8</v>
          </cell>
          <cell r="E1605" t="str">
            <v>REG8</v>
          </cell>
          <cell r="F1605" t="str">
            <v>Possibility of reinstatement following unfair dismissal</v>
          </cell>
          <cell r="G1605">
            <v>2008</v>
          </cell>
          <cell r="H1605">
            <v>2008</v>
          </cell>
          <cell r="I1605" t="str">
            <v xml:space="preserve">In most cases of unfair dismissal, the court orders reinstatement. </v>
          </cell>
          <cell r="J1605">
            <v>3</v>
          </cell>
          <cell r="M1605">
            <v>6</v>
          </cell>
        </row>
        <row r="1606">
          <cell r="A1606" t="str">
            <v>INDREG92008</v>
          </cell>
          <cell r="B1606" t="str">
            <v>IND</v>
          </cell>
          <cell r="C1606" t="str">
            <v>India</v>
          </cell>
          <cell r="D1606" t="str">
            <v>Item 9</v>
          </cell>
          <cell r="E1606" t="str">
            <v>REG9</v>
          </cell>
          <cell r="F1606" t="str">
            <v>Maximum time for claim</v>
          </cell>
          <cell r="G1606">
            <v>2008</v>
          </cell>
          <cell r="H1606">
            <v>2008</v>
          </cell>
          <cell r="I1606" t="str">
            <v>There is no time limit for lodging a complaint about dismissal, although excessive delay may prejudice a worker’s case.</v>
          </cell>
          <cell r="J1606">
            <v>100</v>
          </cell>
          <cell r="M1606">
            <v>6</v>
          </cell>
        </row>
        <row r="1607">
          <cell r="A1607" t="str">
            <v>INDFTC12008</v>
          </cell>
          <cell r="B1607" t="str">
            <v>IND</v>
          </cell>
          <cell r="C1607" t="str">
            <v>India</v>
          </cell>
          <cell r="D1607" t="str">
            <v>Item 10</v>
          </cell>
          <cell r="E1607" t="str">
            <v>FTC1</v>
          </cell>
          <cell r="F1607" t="str">
            <v>Valid cases for use of fixed-term contracts, other than  “objective”  or “material” situation</v>
          </cell>
          <cell r="G1607">
            <v>2008</v>
          </cell>
          <cell r="H1607">
            <v>2008</v>
          </cell>
          <cell r="I1607"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1607">
            <v>1</v>
          </cell>
          <cell r="M1607">
            <v>4</v>
          </cell>
        </row>
        <row r="1608">
          <cell r="A1608" t="str">
            <v>INDFTC22008</v>
          </cell>
          <cell r="B1608" t="str">
            <v>IND</v>
          </cell>
          <cell r="C1608" t="str">
            <v>India</v>
          </cell>
          <cell r="D1608" t="str">
            <v>Item 11</v>
          </cell>
          <cell r="E1608" t="str">
            <v>FTC2</v>
          </cell>
          <cell r="F1608" t="str">
            <v>Maximum number of successive fixed-term contracts</v>
          </cell>
          <cell r="G1608">
            <v>2008</v>
          </cell>
          <cell r="H1608">
            <v>2008</v>
          </cell>
          <cell r="I1608" t="str">
            <v>No limits.</v>
          </cell>
          <cell r="J1608">
            <v>100</v>
          </cell>
          <cell r="M1608">
            <v>0</v>
          </cell>
        </row>
        <row r="1609">
          <cell r="A1609" t="str">
            <v>INDFTC32008</v>
          </cell>
          <cell r="B1609" t="str">
            <v>IND</v>
          </cell>
          <cell r="C1609" t="str">
            <v>India</v>
          </cell>
          <cell r="D1609" t="str">
            <v>Item 12</v>
          </cell>
          <cell r="E1609" t="str">
            <v>FTC3</v>
          </cell>
          <cell r="F1609" t="str">
            <v>Maximum cumulated duration of successive fixed-term contracts</v>
          </cell>
          <cell r="G1609">
            <v>2008</v>
          </cell>
          <cell r="H1609">
            <v>2008</v>
          </cell>
          <cell r="I1609" t="str">
            <v>No limits.</v>
          </cell>
          <cell r="J1609">
            <v>200</v>
          </cell>
          <cell r="M1609">
            <v>0</v>
          </cell>
        </row>
        <row r="1610">
          <cell r="A1610" t="str">
            <v>INDTWA12008</v>
          </cell>
          <cell r="B1610" t="str">
            <v>IND</v>
          </cell>
          <cell r="C1610" t="str">
            <v>India</v>
          </cell>
          <cell r="D1610" t="str">
            <v>Item 13</v>
          </cell>
          <cell r="E1610" t="str">
            <v>TWA1</v>
          </cell>
          <cell r="F1610" t="str">
            <v>Types of work for which TWA employment is legal</v>
          </cell>
          <cell r="G1610">
            <v>2008</v>
          </cell>
          <cell r="H1610">
            <v>2008</v>
          </cell>
          <cell r="I1610"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1610">
            <v>2.5</v>
          </cell>
          <cell r="M1610">
            <v>2.25</v>
          </cell>
        </row>
        <row r="1611">
          <cell r="A1611" t="str">
            <v>INDTWA22008</v>
          </cell>
          <cell r="B1611" t="str">
            <v>IND</v>
          </cell>
          <cell r="C1611" t="str">
            <v>India</v>
          </cell>
          <cell r="D1611" t="str">
            <v>Item 14</v>
          </cell>
          <cell r="E1611" t="str">
            <v>TWA2A, TWA2B</v>
          </cell>
          <cell r="F1611" t="str">
            <v>Are there any restrictions on the number of renewals of a TWA contract?</v>
          </cell>
          <cell r="G1611">
            <v>2008</v>
          </cell>
          <cell r="H1611">
            <v>2008</v>
          </cell>
          <cell r="I1611" t="str">
            <v>No</v>
          </cell>
          <cell r="J1611" t="str">
            <v>No</v>
          </cell>
          <cell r="K1611" t="str">
            <v>No</v>
          </cell>
          <cell r="M1611">
            <v>2</v>
          </cell>
          <cell r="N1611">
            <v>2</v>
          </cell>
        </row>
        <row r="1612">
          <cell r="A1612" t="str">
            <v>INDTWA32008</v>
          </cell>
          <cell r="B1612" t="str">
            <v>IND</v>
          </cell>
          <cell r="C1612" t="str">
            <v>India</v>
          </cell>
          <cell r="D1612" t="str">
            <v>Item 15</v>
          </cell>
          <cell r="E1612" t="str">
            <v>TWA3A, TWA3B</v>
          </cell>
          <cell r="F1612" t="str">
            <v>Maximum cumulated duration of temporary work contracts</v>
          </cell>
          <cell r="G1612">
            <v>2008</v>
          </cell>
          <cell r="H1612">
            <v>2008</v>
          </cell>
          <cell r="I1612" t="str">
            <v>No limits for both assignments and contracts.</v>
          </cell>
          <cell r="J1612">
            <v>100</v>
          </cell>
          <cell r="K1612">
            <v>100</v>
          </cell>
          <cell r="M1612">
            <v>0</v>
          </cell>
          <cell r="N1612">
            <v>0</v>
          </cell>
        </row>
        <row r="1613">
          <cell r="A1613" t="str">
            <v>INDTWA42008</v>
          </cell>
          <cell r="B1613" t="str">
            <v>IND</v>
          </cell>
          <cell r="C1613" t="str">
            <v>India</v>
          </cell>
          <cell r="D1613" t="str">
            <v>Item 16</v>
          </cell>
          <cell r="E1613" t="str">
            <v>TWA4</v>
          </cell>
          <cell r="F1613" t="str">
            <v>Authorisation or reporting requirements</v>
          </cell>
          <cell r="G1613">
            <v>2008</v>
          </cell>
          <cell r="H1613">
            <v>2008</v>
          </cell>
          <cell r="I1613"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1613">
            <v>3</v>
          </cell>
          <cell r="M1613">
            <v>6</v>
          </cell>
        </row>
        <row r="1614">
          <cell r="A1614" t="str">
            <v>INDTWA52008</v>
          </cell>
          <cell r="B1614" t="str">
            <v>IND</v>
          </cell>
          <cell r="C1614" t="str">
            <v>India</v>
          </cell>
          <cell r="D1614" t="str">
            <v>Item 17</v>
          </cell>
          <cell r="E1614" t="str">
            <v>TWA5</v>
          </cell>
          <cell r="F1614" t="str">
            <v>Equal treatment for TWA workers</v>
          </cell>
          <cell r="G1614">
            <v>2008</v>
          </cell>
          <cell r="H1614">
            <v>2008</v>
          </cell>
          <cell r="I1614" t="str">
            <v>The wage rates and working conditions of the contracted worker must be the same as those of a worker employed directly by the user firm to do the same type of work.</v>
          </cell>
          <cell r="J1614">
            <v>2</v>
          </cell>
          <cell r="M1614">
            <v>6</v>
          </cell>
        </row>
        <row r="1615">
          <cell r="A1615" t="str">
            <v>INDCD12008</v>
          </cell>
          <cell r="B1615" t="str">
            <v>IND</v>
          </cell>
          <cell r="C1615" t="str">
            <v>India</v>
          </cell>
          <cell r="D1615" t="str">
            <v>Item 18</v>
          </cell>
          <cell r="E1615" t="str">
            <v>CD1</v>
          </cell>
          <cell r="F1615" t="str">
            <v>Definition of collective dismissal</v>
          </cell>
          <cell r="G1615">
            <v>2008</v>
          </cell>
          <cell r="H1615">
            <v>2008</v>
          </cell>
          <cell r="I1615" t="str">
            <v>There are no additional regulations for collective dismissals but there are special regulations in the case of closure of an establishment with 50 or more workmen (art. 25FF, Industrial disputes act, 1947).</v>
          </cell>
          <cell r="J1615">
            <v>0.5</v>
          </cell>
          <cell r="M1615">
            <v>0.75</v>
          </cell>
        </row>
        <row r="1616">
          <cell r="A1616" t="str">
            <v>INDCD22008</v>
          </cell>
          <cell r="B1616" t="str">
            <v>IND</v>
          </cell>
          <cell r="C1616" t="str">
            <v>India</v>
          </cell>
          <cell r="D1616" t="str">
            <v>Item 19</v>
          </cell>
          <cell r="E1616" t="str">
            <v>CD2</v>
          </cell>
          <cell r="F1616" t="str">
            <v>Additional notification requirements in case of collective dismissals</v>
          </cell>
          <cell r="G1616">
            <v>2008</v>
          </cell>
          <cell r="H1616">
            <v>2008</v>
          </cell>
          <cell r="I1616" t="str">
            <v>No additional requirements</v>
          </cell>
          <cell r="J1616">
            <v>0</v>
          </cell>
          <cell r="M1616">
            <v>0</v>
          </cell>
        </row>
        <row r="1617">
          <cell r="A1617" t="str">
            <v>INDCD32008</v>
          </cell>
          <cell r="B1617" t="str">
            <v>IND</v>
          </cell>
          <cell r="C1617" t="str">
            <v>India</v>
          </cell>
          <cell r="D1617" t="str">
            <v>Item 20</v>
          </cell>
          <cell r="E1617" t="str">
            <v>CD3</v>
          </cell>
          <cell r="F1617" t="str">
            <v>Additional delays involved in case of collective dismissals</v>
          </cell>
          <cell r="G1617">
            <v>2008</v>
          </cell>
          <cell r="H1617">
            <v>2008</v>
          </cell>
          <cell r="I1617" t="str">
            <v>In the case of closure of an establishment with at least 50 workmen, workers are entitled of two months notice period.
Calculation: average of large establishments (0 additional days) and small establishments (30/2 additional days).</v>
          </cell>
          <cell r="J1617">
            <v>7.5</v>
          </cell>
          <cell r="M1617">
            <v>1</v>
          </cell>
        </row>
        <row r="1618">
          <cell r="A1618" t="str">
            <v>INDCD42008</v>
          </cell>
          <cell r="B1618" t="str">
            <v>IND</v>
          </cell>
          <cell r="C1618" t="str">
            <v>India</v>
          </cell>
          <cell r="D1618" t="str">
            <v>Item 21</v>
          </cell>
          <cell r="E1618" t="str">
            <v>CD4</v>
          </cell>
          <cell r="F1618" t="str">
            <v>Other special costs to employers in case of collective dismissals</v>
          </cell>
          <cell r="G1618">
            <v>2008</v>
          </cell>
          <cell r="H1618">
            <v>2008</v>
          </cell>
          <cell r="I1618" t="str">
            <v>No additional requirements.</v>
          </cell>
          <cell r="J1618">
            <v>0</v>
          </cell>
          <cell r="M1618">
            <v>0</v>
          </cell>
        </row>
        <row r="1619">
          <cell r="A1619" t="str">
            <v>IDNREG12008</v>
          </cell>
          <cell r="B1619" t="str">
            <v>IDN</v>
          </cell>
          <cell r="C1619" t="str">
            <v>Indonesia</v>
          </cell>
          <cell r="D1619" t="str">
            <v>Item 1</v>
          </cell>
          <cell r="E1619" t="str">
            <v>REG1</v>
          </cell>
          <cell r="F1619" t="str">
            <v>Notification procedures</v>
          </cell>
          <cell r="G1619">
            <v>2008</v>
          </cell>
          <cell r="H1619">
            <v>2008</v>
          </cell>
          <cell r="I1619"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619">
            <v>2.5</v>
          </cell>
          <cell r="M1619">
            <v>5</v>
          </cell>
        </row>
        <row r="1620">
          <cell r="A1620" t="str">
            <v>IDNREG22008</v>
          </cell>
          <cell r="B1620" t="str">
            <v>IDN</v>
          </cell>
          <cell r="C1620" t="str">
            <v>Indonesia</v>
          </cell>
          <cell r="D1620" t="str">
            <v>Item 2</v>
          </cell>
          <cell r="E1620" t="str">
            <v>REG2</v>
          </cell>
          <cell r="F1620" t="str">
            <v>Delay before notice can start</v>
          </cell>
          <cell r="G1620">
            <v>2008</v>
          </cell>
          <cell r="H1620">
            <v>2008</v>
          </cell>
          <cell r="I1620"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620">
            <v>110</v>
          </cell>
          <cell r="M1620">
            <v>6</v>
          </cell>
        </row>
        <row r="1621">
          <cell r="A1621" t="str">
            <v>IDNREG32008</v>
          </cell>
          <cell r="B1621" t="str">
            <v>IDN</v>
          </cell>
          <cell r="C1621" t="str">
            <v>Indonesia</v>
          </cell>
          <cell r="D1621" t="str">
            <v>Item 3</v>
          </cell>
          <cell r="E1621" t="str">
            <v>REG3A, REG3B, REG3C</v>
          </cell>
          <cell r="F1621" t="str">
            <v>Notice / tenure</v>
          </cell>
          <cell r="G1621">
            <v>2008</v>
          </cell>
          <cell r="H1621">
            <v>2008</v>
          </cell>
          <cell r="I1621" t="str">
            <v>There is no notice period as dismissal must be approved by the institution for the settlement of industrial relations disputes.</v>
          </cell>
          <cell r="J1621">
            <v>0</v>
          </cell>
          <cell r="K1621">
            <v>0</v>
          </cell>
          <cell r="L1621">
            <v>0</v>
          </cell>
          <cell r="M1621">
            <v>0</v>
          </cell>
          <cell r="N1621">
            <v>0</v>
          </cell>
          <cell r="O1621">
            <v>0</v>
          </cell>
        </row>
        <row r="1622">
          <cell r="A1622" t="str">
            <v>IDNREG42008</v>
          </cell>
          <cell r="B1622" t="str">
            <v>IDN</v>
          </cell>
          <cell r="C1622" t="str">
            <v>Indonesia</v>
          </cell>
          <cell r="D1622" t="str">
            <v>Item 4</v>
          </cell>
          <cell r="E1622" t="str">
            <v>REG4A, REG4B, REG4C</v>
          </cell>
          <cell r="F1622" t="str">
            <v>Severance pay / tenure</v>
          </cell>
          <cell r="G1622">
            <v>2008</v>
          </cell>
          <cell r="H1622">
            <v>2008</v>
          </cell>
          <cell r="I1622"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622">
            <v>1</v>
          </cell>
          <cell r="K1622">
            <v>7</v>
          </cell>
          <cell r="L1622">
            <v>16</v>
          </cell>
          <cell r="M1622">
            <v>2</v>
          </cell>
          <cell r="N1622">
            <v>6</v>
          </cell>
          <cell r="O1622">
            <v>5</v>
          </cell>
        </row>
        <row r="1623">
          <cell r="A1623" t="str">
            <v>IDNREG52008</v>
          </cell>
          <cell r="B1623" t="str">
            <v>IDN</v>
          </cell>
          <cell r="C1623" t="str">
            <v>Indonesia</v>
          </cell>
          <cell r="D1623" t="str">
            <v>Item 5</v>
          </cell>
          <cell r="E1623" t="str">
            <v>REG5</v>
          </cell>
          <cell r="F1623" t="str">
            <v>Definition of justified or unfair dismissal</v>
          </cell>
          <cell r="G1623">
            <v>2008</v>
          </cell>
          <cell r="H1623">
            <v>2008</v>
          </cell>
          <cell r="I1623"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623">
            <v>3</v>
          </cell>
          <cell r="M1623">
            <v>6</v>
          </cell>
        </row>
        <row r="1624">
          <cell r="A1624" t="str">
            <v>IDNREG62008</v>
          </cell>
          <cell r="B1624" t="str">
            <v>IDN</v>
          </cell>
          <cell r="C1624" t="str">
            <v>Indonesia</v>
          </cell>
          <cell r="D1624" t="str">
            <v>Item 6</v>
          </cell>
          <cell r="E1624" t="str">
            <v>REG6</v>
          </cell>
          <cell r="F1624" t="str">
            <v>Trial period</v>
          </cell>
          <cell r="G1624">
            <v>2008</v>
          </cell>
          <cell r="H1624">
            <v>2008</v>
          </cell>
          <cell r="I1624" t="str">
            <v>Maximum of three months. There is no trial period allowed for fixed-term contracts.</v>
          </cell>
          <cell r="J1624">
            <v>3</v>
          </cell>
          <cell r="M1624">
            <v>4</v>
          </cell>
        </row>
        <row r="1625">
          <cell r="A1625" t="str">
            <v>IDNREG72008</v>
          </cell>
          <cell r="B1625" t="str">
            <v>IDN</v>
          </cell>
          <cell r="C1625" t="str">
            <v>Indonesia</v>
          </cell>
          <cell r="D1625" t="str">
            <v>Item 7</v>
          </cell>
          <cell r="E1625" t="str">
            <v>REG7</v>
          </cell>
          <cell r="F1625" t="str">
            <v xml:space="preserve">Compensation following unfair dismissal </v>
          </cell>
          <cell r="G1625">
            <v>2008</v>
          </cell>
          <cell r="H1625">
            <v>2008</v>
          </cell>
          <cell r="I1625" t="str">
            <v>The employer is obliged to pay all the wages and entitlements which the affected worker should have received.</v>
          </cell>
          <cell r="J1625">
            <v>6</v>
          </cell>
          <cell r="M1625">
            <v>1</v>
          </cell>
        </row>
        <row r="1626">
          <cell r="A1626" t="str">
            <v>IDNREG82008</v>
          </cell>
          <cell r="B1626" t="str">
            <v>IDN</v>
          </cell>
          <cell r="C1626" t="str">
            <v>Indonesia</v>
          </cell>
          <cell r="D1626" t="str">
            <v>Item 8</v>
          </cell>
          <cell r="E1626" t="str">
            <v>REG8</v>
          </cell>
          <cell r="F1626" t="str">
            <v>Possibility of reinstatement following unfair dismissal</v>
          </cell>
          <cell r="G1626">
            <v>2008</v>
          </cell>
          <cell r="H1626">
            <v>2008</v>
          </cell>
          <cell r="I1626" t="str">
            <v>If the termination of employment takes place for reasons other than those allowed, it will be declared null and void and the employer shall be obliged to re-employ the affected worker.</v>
          </cell>
          <cell r="J1626">
            <v>3</v>
          </cell>
          <cell r="M1626">
            <v>6</v>
          </cell>
        </row>
        <row r="1627">
          <cell r="A1627" t="str">
            <v>IDNREG92008</v>
          </cell>
          <cell r="B1627" t="str">
            <v>IDN</v>
          </cell>
          <cell r="C1627" t="str">
            <v>Indonesia</v>
          </cell>
          <cell r="D1627" t="str">
            <v>Item 9</v>
          </cell>
          <cell r="E1627" t="str">
            <v>REG9</v>
          </cell>
          <cell r="F1627" t="str">
            <v>Maximum time for claim</v>
          </cell>
          <cell r="G1627">
            <v>2008</v>
          </cell>
          <cell r="H1627">
            <v>2008</v>
          </cell>
          <cell r="I1627"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627">
            <v>12</v>
          </cell>
          <cell r="M1627">
            <v>5</v>
          </cell>
        </row>
        <row r="1628">
          <cell r="A1628" t="str">
            <v>IDNFTC12008</v>
          </cell>
          <cell r="B1628" t="str">
            <v>IDN</v>
          </cell>
          <cell r="C1628" t="str">
            <v>Indonesia</v>
          </cell>
          <cell r="D1628" t="str">
            <v>Item 10</v>
          </cell>
          <cell r="E1628" t="str">
            <v>FTC1</v>
          </cell>
          <cell r="F1628" t="str">
            <v>Valid cases for use of fixed-term contracts, other than  “objective”  or “material” situation</v>
          </cell>
          <cell r="G1628">
            <v>2008</v>
          </cell>
          <cell r="H1628">
            <v>2008</v>
          </cell>
          <cell r="I1628"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628">
            <v>0</v>
          </cell>
          <cell r="M1628">
            <v>6</v>
          </cell>
        </row>
        <row r="1629">
          <cell r="A1629" t="str">
            <v>IDNFTC22008</v>
          </cell>
          <cell r="B1629" t="str">
            <v>IDN</v>
          </cell>
          <cell r="C1629" t="str">
            <v>Indonesia</v>
          </cell>
          <cell r="D1629" t="str">
            <v>Item 11</v>
          </cell>
          <cell r="E1629" t="str">
            <v>FTC2</v>
          </cell>
          <cell r="F1629" t="str">
            <v>Maximum number of successive fixed-term contracts</v>
          </cell>
          <cell r="G1629">
            <v>2008</v>
          </cell>
          <cell r="H1629">
            <v>2008</v>
          </cell>
          <cell r="I1629" t="str">
            <v>One extension possible.</v>
          </cell>
          <cell r="J1629">
            <v>2</v>
          </cell>
          <cell r="M1629">
            <v>4</v>
          </cell>
        </row>
        <row r="1630">
          <cell r="A1630" t="str">
            <v>IDNFTC32008</v>
          </cell>
          <cell r="B1630" t="str">
            <v>IDN</v>
          </cell>
          <cell r="C1630" t="str">
            <v>Indonesia</v>
          </cell>
          <cell r="D1630" t="str">
            <v>Item 12</v>
          </cell>
          <cell r="E1630" t="str">
            <v>FTC3</v>
          </cell>
          <cell r="F1630" t="str">
            <v>Maximum cumulated duration of successive fixed-term contracts</v>
          </cell>
          <cell r="G1630">
            <v>2008</v>
          </cell>
          <cell r="H1630">
            <v>2008</v>
          </cell>
          <cell r="I1630" t="str">
            <v>A work agreement for a specified period of time may be made for a period of no longer than two years and may only be extended one time for another period that is not longer than 1 year.</v>
          </cell>
          <cell r="J1630">
            <v>36</v>
          </cell>
          <cell r="M1630">
            <v>1</v>
          </cell>
        </row>
        <row r="1631">
          <cell r="A1631" t="str">
            <v>IDNTWA12008</v>
          </cell>
          <cell r="B1631" t="str">
            <v>IDN</v>
          </cell>
          <cell r="C1631" t="str">
            <v>Indonesia</v>
          </cell>
          <cell r="D1631" t="str">
            <v>Item 13</v>
          </cell>
          <cell r="E1631" t="str">
            <v>TWA1</v>
          </cell>
          <cell r="F1631" t="str">
            <v>Types of work for which TWA employment is legal</v>
          </cell>
          <cell r="G1631">
            <v>2008</v>
          </cell>
          <cell r="H1631">
            <v>2008</v>
          </cell>
          <cell r="I1631"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631">
            <v>3</v>
          </cell>
          <cell r="M1631">
            <v>1.5</v>
          </cell>
        </row>
        <row r="1632">
          <cell r="A1632" t="str">
            <v>IDNTWA22008</v>
          </cell>
          <cell r="B1632" t="str">
            <v>IDN</v>
          </cell>
          <cell r="C1632" t="str">
            <v>Indonesia</v>
          </cell>
          <cell r="D1632" t="str">
            <v>Item 14</v>
          </cell>
          <cell r="E1632" t="str">
            <v>TWA2A, TWA2B</v>
          </cell>
          <cell r="F1632" t="str">
            <v>Are there any restrictions on the number of renewals of a TWA contract?</v>
          </cell>
          <cell r="G1632">
            <v>2008</v>
          </cell>
          <cell r="H1632">
            <v>2008</v>
          </cell>
          <cell r="I1632" t="str">
            <v xml:space="preserve">Temporary work agency workers are employed either on contracts of unlimited duration or fixed-term contracts.
No limit for renewal of assignments
</v>
          </cell>
          <cell r="J1632" t="str">
            <v>No</v>
          </cell>
          <cell r="K1632" t="str">
            <v>No</v>
          </cell>
          <cell r="M1632">
            <v>2</v>
          </cell>
          <cell r="N1632">
            <v>2</v>
          </cell>
        </row>
        <row r="1633">
          <cell r="A1633" t="str">
            <v>IDNTWA32008</v>
          </cell>
          <cell r="B1633" t="str">
            <v>IDN</v>
          </cell>
          <cell r="C1633" t="str">
            <v>Indonesia</v>
          </cell>
          <cell r="D1633" t="str">
            <v>Item 15</v>
          </cell>
          <cell r="E1633" t="str">
            <v>TWA3A, TWA3B</v>
          </cell>
          <cell r="F1633" t="str">
            <v>Maximum cumulated duration of temporary work contracts</v>
          </cell>
          <cell r="G1633">
            <v>2008</v>
          </cell>
          <cell r="H1633">
            <v>2008</v>
          </cell>
          <cell r="I1633" t="str">
            <v xml:space="preserve">T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633">
            <v>100</v>
          </cell>
          <cell r="K1633">
            <v>100</v>
          </cell>
          <cell r="M1633">
            <v>0</v>
          </cell>
          <cell r="N1633">
            <v>0</v>
          </cell>
        </row>
        <row r="1634">
          <cell r="A1634" t="str">
            <v>IDNTWA42008</v>
          </cell>
          <cell r="B1634" t="str">
            <v>IDN</v>
          </cell>
          <cell r="C1634" t="str">
            <v>Indonesia</v>
          </cell>
          <cell r="D1634" t="str">
            <v>Item 16</v>
          </cell>
          <cell r="E1634" t="str">
            <v>TWA4</v>
          </cell>
          <cell r="F1634" t="str">
            <v>Authorisation or reporting requirements</v>
          </cell>
          <cell r="G1634">
            <v>2008</v>
          </cell>
          <cell r="H1634">
            <v>2008</v>
          </cell>
          <cell r="I1634" t="str">
            <v>Temporary work agencies shall take the form of a legal entity business with license from a government agency responsible for labour/ manpower affairs.</v>
          </cell>
          <cell r="J1634">
            <v>1</v>
          </cell>
          <cell r="M1634">
            <v>2</v>
          </cell>
        </row>
        <row r="1635">
          <cell r="A1635" t="str">
            <v>IDNTWA52008</v>
          </cell>
          <cell r="B1635" t="str">
            <v>IDN</v>
          </cell>
          <cell r="C1635" t="str">
            <v>Indonesia</v>
          </cell>
          <cell r="D1635" t="str">
            <v>Item 17</v>
          </cell>
          <cell r="E1635" t="str">
            <v>TWA5</v>
          </cell>
          <cell r="F1635" t="str">
            <v>Equal treatment for TWA workers</v>
          </cell>
          <cell r="G1635">
            <v>2008</v>
          </cell>
          <cell r="H1635">
            <v>2008</v>
          </cell>
          <cell r="I1635" t="str">
            <v xml:space="preserve">In principle yes but in practice this is rarely the case.
Calculation: average of Yes and No.
</v>
          </cell>
          <cell r="J1635">
            <v>1</v>
          </cell>
          <cell r="M1635">
            <v>3</v>
          </cell>
        </row>
        <row r="1636">
          <cell r="A1636" t="str">
            <v>IDNCD12008</v>
          </cell>
          <cell r="B1636" t="str">
            <v>IDN</v>
          </cell>
          <cell r="C1636" t="str">
            <v>Indonesia</v>
          </cell>
          <cell r="D1636" t="str">
            <v>Item 18</v>
          </cell>
          <cell r="E1636" t="str">
            <v>CD1</v>
          </cell>
          <cell r="F1636" t="str">
            <v>Definition of collective dismissal</v>
          </cell>
          <cell r="G1636">
            <v>2008</v>
          </cell>
          <cell r="H1636">
            <v>2008</v>
          </cell>
          <cell r="I1636" t="str">
            <v>There are no special regulations or additional costs for collective dismissals.</v>
          </cell>
          <cell r="J1636">
            <v>0</v>
          </cell>
          <cell r="M1636">
            <v>0</v>
          </cell>
        </row>
        <row r="1637">
          <cell r="A1637" t="str">
            <v>IDNCD22008</v>
          </cell>
          <cell r="B1637" t="str">
            <v>IDN</v>
          </cell>
          <cell r="C1637" t="str">
            <v>Indonesia</v>
          </cell>
          <cell r="D1637" t="str">
            <v>Item 19</v>
          </cell>
          <cell r="E1637" t="str">
            <v>CD2</v>
          </cell>
          <cell r="F1637" t="str">
            <v>Additional notification requirements in case of collective dismissals</v>
          </cell>
          <cell r="G1637">
            <v>2008</v>
          </cell>
          <cell r="H1637">
            <v>2008</v>
          </cell>
          <cell r="I1637" t="str">
            <v>There are no special regulations or additional costs for collective dismissals.</v>
          </cell>
          <cell r="J1637">
            <v>0</v>
          </cell>
          <cell r="M1637">
            <v>0</v>
          </cell>
        </row>
        <row r="1638">
          <cell r="A1638" t="str">
            <v>IDNCD32008</v>
          </cell>
          <cell r="B1638" t="str">
            <v>IDN</v>
          </cell>
          <cell r="C1638" t="str">
            <v>Indonesia</v>
          </cell>
          <cell r="D1638" t="str">
            <v>Item 20</v>
          </cell>
          <cell r="E1638" t="str">
            <v>CD3</v>
          </cell>
          <cell r="F1638" t="str">
            <v>Additional delays involved in case of collective dismissals</v>
          </cell>
          <cell r="G1638">
            <v>2008</v>
          </cell>
          <cell r="H1638">
            <v>2008</v>
          </cell>
          <cell r="I1638" t="str">
            <v>There are no special regulations or additional costs for collective dismissals.</v>
          </cell>
          <cell r="J1638">
            <v>0</v>
          </cell>
          <cell r="M1638">
            <v>0</v>
          </cell>
        </row>
        <row r="1639">
          <cell r="A1639" t="str">
            <v>IDNCD42008</v>
          </cell>
          <cell r="B1639" t="str">
            <v>IDN</v>
          </cell>
          <cell r="C1639" t="str">
            <v>Indonesia</v>
          </cell>
          <cell r="D1639" t="str">
            <v>Item 21</v>
          </cell>
          <cell r="E1639" t="str">
            <v>CD4</v>
          </cell>
          <cell r="F1639" t="str">
            <v>Other special costs to employers in case of collective dismissals</v>
          </cell>
          <cell r="G1639">
            <v>2008</v>
          </cell>
          <cell r="H1639">
            <v>2008</v>
          </cell>
          <cell r="I1639" t="str">
            <v>There are no special regulations or additional costs for collective dismissals.</v>
          </cell>
          <cell r="J1639">
            <v>0</v>
          </cell>
          <cell r="M1639">
            <v>0</v>
          </cell>
        </row>
        <row r="1640">
          <cell r="A1640" t="str">
            <v>ISRREG12008</v>
          </cell>
          <cell r="B1640" t="str">
            <v>ISR</v>
          </cell>
          <cell r="C1640" t="str">
            <v>Israel</v>
          </cell>
          <cell r="D1640" t="str">
            <v>Item 1</v>
          </cell>
          <cell r="E1640" t="str">
            <v>REG1</v>
          </cell>
          <cell r="F1640" t="str">
            <v>Notification procedures</v>
          </cell>
          <cell r="G1640">
            <v>2008</v>
          </cell>
          <cell r="H1640">
            <v>2008</v>
          </cell>
          <cell r="I1640"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J1640">
            <v>2</v>
          </cell>
          <cell r="M1640">
            <v>4</v>
          </cell>
        </row>
        <row r="1641">
          <cell r="A1641" t="str">
            <v>ISRREG22008</v>
          </cell>
          <cell r="B1641" t="str">
            <v>ISR</v>
          </cell>
          <cell r="C1641" t="str">
            <v>Israel</v>
          </cell>
          <cell r="D1641" t="str">
            <v>Item 2</v>
          </cell>
          <cell r="E1641" t="str">
            <v>REG2</v>
          </cell>
          <cell r="F1641" t="str">
            <v>Delay before notice can start</v>
          </cell>
          <cell r="G1641">
            <v>2008</v>
          </cell>
          <cell r="H1641">
            <v>2008</v>
          </cell>
          <cell r="I1641"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641">
            <v>1</v>
          </cell>
          <cell r="M1641">
            <v>0</v>
          </cell>
        </row>
        <row r="1642">
          <cell r="A1642" t="str">
            <v>ISRREG32008</v>
          </cell>
          <cell r="B1642" t="str">
            <v>ISR</v>
          </cell>
          <cell r="C1642" t="str">
            <v>Israel</v>
          </cell>
          <cell r="D1642" t="str">
            <v>Item 3</v>
          </cell>
          <cell r="E1642" t="str">
            <v>REG3A, REG3B, REG3C</v>
          </cell>
          <cell r="F1642" t="str">
            <v>Notice / tenure</v>
          </cell>
          <cell r="G1642">
            <v>2008</v>
          </cell>
          <cell r="H1642">
            <v>2008</v>
          </cell>
          <cell r="I1642"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642">
            <v>0.4</v>
          </cell>
          <cell r="K1642">
            <v>1</v>
          </cell>
          <cell r="L1642">
            <v>1</v>
          </cell>
          <cell r="M1642">
            <v>1</v>
          </cell>
          <cell r="N1642">
            <v>2</v>
          </cell>
          <cell r="O1642">
            <v>1</v>
          </cell>
        </row>
        <row r="1643">
          <cell r="A1643" t="str">
            <v>ISRREG42008</v>
          </cell>
          <cell r="B1643" t="str">
            <v>ISR</v>
          </cell>
          <cell r="C1643" t="str">
            <v>Israel</v>
          </cell>
          <cell r="D1643" t="str">
            <v>Item 4</v>
          </cell>
          <cell r="E1643" t="str">
            <v>REG4A, REG4B, REG4C</v>
          </cell>
          <cell r="F1643" t="str">
            <v>Severance pay / tenure</v>
          </cell>
          <cell r="G1643">
            <v>2008</v>
          </cell>
          <cell r="H1643">
            <v>2008</v>
          </cell>
          <cell r="I1643"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643">
            <v>0</v>
          </cell>
          <cell r="K1643">
            <v>4</v>
          </cell>
          <cell r="L1643">
            <v>20</v>
          </cell>
          <cell r="M1643">
            <v>0</v>
          </cell>
          <cell r="N1643">
            <v>6</v>
          </cell>
          <cell r="O1643">
            <v>6</v>
          </cell>
        </row>
        <row r="1644">
          <cell r="A1644" t="str">
            <v>ISRREG52008</v>
          </cell>
          <cell r="B1644" t="str">
            <v>ISR</v>
          </cell>
          <cell r="C1644" t="str">
            <v>Israel</v>
          </cell>
          <cell r="D1644" t="str">
            <v>Item 5</v>
          </cell>
          <cell r="E1644" t="str">
            <v>REG5</v>
          </cell>
          <cell r="F1644" t="str">
            <v>Definition of justified or unfair dismissal</v>
          </cell>
          <cell r="G1644">
            <v>2008</v>
          </cell>
          <cell r="H1644">
            <v>2008</v>
          </cell>
          <cell r="I1644"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644">
            <v>0</v>
          </cell>
          <cell r="M1644">
            <v>0</v>
          </cell>
        </row>
        <row r="1645">
          <cell r="A1645" t="str">
            <v>ISRREG62008</v>
          </cell>
          <cell r="B1645" t="str">
            <v>ISR</v>
          </cell>
          <cell r="C1645" t="str">
            <v>Israel</v>
          </cell>
          <cell r="D1645" t="str">
            <v>Item 6</v>
          </cell>
          <cell r="E1645" t="str">
            <v>REG6</v>
          </cell>
          <cell r="F1645" t="str">
            <v>Trial period</v>
          </cell>
          <cell r="G1645">
            <v>2008</v>
          </cell>
          <cell r="H1645">
            <v>2008</v>
          </cell>
          <cell r="I1645"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J1645">
            <v>12</v>
          </cell>
          <cell r="M1645">
            <v>2</v>
          </cell>
        </row>
        <row r="1646">
          <cell r="A1646" t="str">
            <v>ISRREG72008</v>
          </cell>
          <cell r="B1646" t="str">
            <v>ISR</v>
          </cell>
          <cell r="C1646" t="str">
            <v>Israel</v>
          </cell>
          <cell r="D1646" t="str">
            <v>Item 7</v>
          </cell>
          <cell r="E1646" t="str">
            <v>REG7</v>
          </cell>
          <cell r="F1646" t="str">
            <v xml:space="preserve">Compensation following unfair dismissal </v>
          </cell>
          <cell r="G1646">
            <v>2008</v>
          </cell>
          <cell r="H1646">
            <v>2008</v>
          </cell>
          <cell r="I1646"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646">
            <v>7.5</v>
          </cell>
          <cell r="M1646">
            <v>1</v>
          </cell>
        </row>
        <row r="1647">
          <cell r="A1647" t="str">
            <v>ISRREG82008</v>
          </cell>
          <cell r="B1647" t="str">
            <v>ISR</v>
          </cell>
          <cell r="C1647" t="str">
            <v>Israel</v>
          </cell>
          <cell r="D1647" t="str">
            <v>Item 8</v>
          </cell>
          <cell r="E1647" t="str">
            <v>REG8</v>
          </cell>
          <cell r="F1647" t="str">
            <v>Possibility of reinstatement following unfair dismissal</v>
          </cell>
          <cell r="G1647">
            <v>2008</v>
          </cell>
          <cell r="H1647">
            <v>2008</v>
          </cell>
          <cell r="I1647"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647">
            <v>1</v>
          </cell>
          <cell r="M1647">
            <v>2</v>
          </cell>
        </row>
        <row r="1648">
          <cell r="A1648" t="str">
            <v>ISRREG92008</v>
          </cell>
          <cell r="B1648" t="str">
            <v>ISR</v>
          </cell>
          <cell r="C1648" t="str">
            <v>Israel</v>
          </cell>
          <cell r="D1648" t="str">
            <v>Item 9</v>
          </cell>
          <cell r="E1648" t="str">
            <v>REG9</v>
          </cell>
          <cell r="F1648" t="str">
            <v>Maximum time for claim</v>
          </cell>
          <cell r="G1648">
            <v>2008</v>
          </cell>
          <cell r="H1648">
            <v>2008</v>
          </cell>
          <cell r="I1648"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648">
            <v>84</v>
          </cell>
          <cell r="M1648">
            <v>6</v>
          </cell>
        </row>
        <row r="1649">
          <cell r="A1649" t="str">
            <v>ISRFTC12008</v>
          </cell>
          <cell r="B1649" t="str">
            <v>ISR</v>
          </cell>
          <cell r="C1649" t="str">
            <v>Israel</v>
          </cell>
          <cell r="D1649" t="str">
            <v>Item 10</v>
          </cell>
          <cell r="E1649" t="str">
            <v>FTC1</v>
          </cell>
          <cell r="F1649" t="str">
            <v>Valid cases for use of fixed-term contracts, other than  “objective”  or “material” situation</v>
          </cell>
          <cell r="G1649">
            <v>2008</v>
          </cell>
          <cell r="H1649">
            <v>2008</v>
          </cell>
          <cell r="I1649" t="str">
            <v>No restrictions on the use of fixed-term contracts.</v>
          </cell>
          <cell r="J1649">
            <v>3</v>
          </cell>
          <cell r="M1649">
            <v>0</v>
          </cell>
        </row>
        <row r="1650">
          <cell r="A1650" t="str">
            <v>ISRFTC22008</v>
          </cell>
          <cell r="B1650" t="str">
            <v>ISR</v>
          </cell>
          <cell r="C1650" t="str">
            <v>Israel</v>
          </cell>
          <cell r="D1650" t="str">
            <v>Item 11</v>
          </cell>
          <cell r="E1650" t="str">
            <v>FTC2</v>
          </cell>
          <cell r="F1650" t="str">
            <v>Maximum number of successive fixed-term contracts</v>
          </cell>
          <cell r="G1650">
            <v>2008</v>
          </cell>
          <cell r="H1650">
            <v>2008</v>
          </cell>
          <cell r="I1650" t="str">
            <v>No limit</v>
          </cell>
          <cell r="J1650">
            <v>100</v>
          </cell>
          <cell r="M1650">
            <v>0</v>
          </cell>
        </row>
        <row r="1651">
          <cell r="A1651" t="str">
            <v>ISRFTC32008</v>
          </cell>
          <cell r="B1651" t="str">
            <v>ISR</v>
          </cell>
          <cell r="C1651" t="str">
            <v>Israel</v>
          </cell>
          <cell r="D1651" t="str">
            <v>Item 12</v>
          </cell>
          <cell r="E1651" t="str">
            <v>FTC3</v>
          </cell>
          <cell r="F1651" t="str">
            <v>Maximum cumulated duration of successive fixed-term contracts</v>
          </cell>
          <cell r="G1651">
            <v>2008</v>
          </cell>
          <cell r="H1651">
            <v>2008</v>
          </cell>
          <cell r="I1651" t="str">
            <v>No limit</v>
          </cell>
          <cell r="J1651">
            <v>200</v>
          </cell>
          <cell r="M1651">
            <v>0</v>
          </cell>
        </row>
        <row r="1652">
          <cell r="A1652" t="str">
            <v>ISRTWA12008</v>
          </cell>
          <cell r="B1652" t="str">
            <v>ISR</v>
          </cell>
          <cell r="C1652" t="str">
            <v>Israel</v>
          </cell>
          <cell r="D1652" t="str">
            <v>Item 13</v>
          </cell>
          <cell r="E1652" t="str">
            <v>TWA1</v>
          </cell>
          <cell r="F1652" t="str">
            <v>Types of work for which TWA employment is legal</v>
          </cell>
          <cell r="G1652">
            <v>2008</v>
          </cell>
          <cell r="H1652">
            <v>2008</v>
          </cell>
          <cell r="I1652" t="str">
            <v>No restrictions</v>
          </cell>
          <cell r="J1652">
            <v>4</v>
          </cell>
          <cell r="M1652">
            <v>0</v>
          </cell>
        </row>
        <row r="1653">
          <cell r="A1653" t="str">
            <v>ISRTWA22008</v>
          </cell>
          <cell r="B1653" t="str">
            <v>ISR</v>
          </cell>
          <cell r="C1653" t="str">
            <v>Israel</v>
          </cell>
          <cell r="D1653" t="str">
            <v>Item 14</v>
          </cell>
          <cell r="E1653" t="str">
            <v>TWA2A, TWA2B</v>
          </cell>
          <cell r="F1653" t="str">
            <v>Are there any restrictions on the number of renewals of a TWA contract?</v>
          </cell>
          <cell r="G1653">
            <v>2008</v>
          </cell>
          <cell r="H1653">
            <v>2008</v>
          </cell>
          <cell r="I1653" t="str">
            <v>No, within maximum time for assignments.
No for the contracts between the agency and the worker.</v>
          </cell>
          <cell r="J1653" t="str">
            <v>No</v>
          </cell>
          <cell r="K1653" t="str">
            <v>No</v>
          </cell>
          <cell r="M1653">
            <v>2</v>
          </cell>
          <cell r="N1653">
            <v>2</v>
          </cell>
        </row>
        <row r="1654">
          <cell r="A1654" t="str">
            <v>ISRTWA32008</v>
          </cell>
          <cell r="B1654" t="str">
            <v>ISR</v>
          </cell>
          <cell r="C1654" t="str">
            <v>Israel</v>
          </cell>
          <cell r="D1654" t="str">
            <v>Item 15</v>
          </cell>
          <cell r="E1654" t="str">
            <v>TWA3A, TWA3B</v>
          </cell>
          <cell r="F1654" t="str">
            <v>Maximum cumulated duration of temporary work contracts</v>
          </cell>
          <cell r="G1654">
            <v>2008</v>
          </cell>
          <cell r="H1654">
            <v>2008</v>
          </cell>
          <cell r="I1654"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654">
            <v>9</v>
          </cell>
          <cell r="K1654">
            <v>100</v>
          </cell>
          <cell r="M1654">
            <v>5</v>
          </cell>
          <cell r="N1654">
            <v>0</v>
          </cell>
        </row>
        <row r="1655">
          <cell r="A1655" t="str">
            <v>ISRTWA42008</v>
          </cell>
          <cell r="B1655" t="str">
            <v>ISR</v>
          </cell>
          <cell r="C1655" t="str">
            <v>Israel</v>
          </cell>
          <cell r="D1655" t="str">
            <v>Item 16</v>
          </cell>
          <cell r="E1655" t="str">
            <v>TWA4</v>
          </cell>
          <cell r="F1655" t="str">
            <v>Authorisation or reporting requirements</v>
          </cell>
          <cell r="G1655">
            <v>2008</v>
          </cell>
          <cell r="H1655">
            <v>2008</v>
          </cell>
          <cell r="I1655"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655">
            <v>3</v>
          </cell>
          <cell r="M1655">
            <v>6</v>
          </cell>
        </row>
        <row r="1656">
          <cell r="A1656" t="str">
            <v>ISRTWA52008</v>
          </cell>
          <cell r="B1656" t="str">
            <v>ISR</v>
          </cell>
          <cell r="C1656" t="str">
            <v>Israel</v>
          </cell>
          <cell r="D1656" t="str">
            <v>Item 17</v>
          </cell>
          <cell r="E1656" t="str">
            <v>TWA5</v>
          </cell>
          <cell r="F1656" t="str">
            <v>Equal treatment for TWA workers</v>
          </cell>
          <cell r="G1656">
            <v>2008</v>
          </cell>
          <cell r="H1656">
            <v>2008</v>
          </cell>
          <cell r="I1656"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656">
            <v>2</v>
          </cell>
          <cell r="M1656">
            <v>6</v>
          </cell>
        </row>
        <row r="1657">
          <cell r="A1657" t="str">
            <v>ISRCD12008</v>
          </cell>
          <cell r="B1657" t="str">
            <v>ISR</v>
          </cell>
          <cell r="C1657" t="str">
            <v>Israel</v>
          </cell>
          <cell r="D1657" t="str">
            <v>Item 18</v>
          </cell>
          <cell r="E1657" t="str">
            <v>CD1</v>
          </cell>
          <cell r="F1657" t="str">
            <v>Definition of collective dismissal</v>
          </cell>
          <cell r="G1657">
            <v>2008</v>
          </cell>
          <cell r="H1657">
            <v>2008</v>
          </cell>
          <cell r="I1657" t="str">
            <v>Ten or more workers in a period of one month. Collective agreements may contain different definitions of collective dismissal.</v>
          </cell>
          <cell r="J1657">
            <v>3</v>
          </cell>
          <cell r="M1657">
            <v>4.5</v>
          </cell>
        </row>
        <row r="1658">
          <cell r="A1658" t="str">
            <v>ISRCD22008</v>
          </cell>
          <cell r="B1658" t="str">
            <v>ISR</v>
          </cell>
          <cell r="C1658" t="str">
            <v>Israel</v>
          </cell>
          <cell r="D1658" t="str">
            <v>Item 19</v>
          </cell>
          <cell r="E1658" t="str">
            <v>CD2</v>
          </cell>
          <cell r="F1658" t="str">
            <v>Additional notification requirements in case of collective dismissals</v>
          </cell>
          <cell r="G1658">
            <v>2008</v>
          </cell>
          <cell r="H1658">
            <v>2008</v>
          </cell>
          <cell r="I1658" t="str">
            <v>The employer must give prior notice of dismissal to the Employment Service Bureau.</v>
          </cell>
          <cell r="J1658">
            <v>1</v>
          </cell>
          <cell r="M1658">
            <v>3</v>
          </cell>
        </row>
        <row r="1659">
          <cell r="A1659" t="str">
            <v>ISRCD32008</v>
          </cell>
          <cell r="B1659" t="str">
            <v>ISR</v>
          </cell>
          <cell r="C1659" t="str">
            <v>Israel</v>
          </cell>
          <cell r="D1659" t="str">
            <v>Item 20</v>
          </cell>
          <cell r="E1659" t="str">
            <v>CD3</v>
          </cell>
          <cell r="F1659" t="str">
            <v>Additional delays involved in case of collective dismissals</v>
          </cell>
          <cell r="G1659">
            <v>2008</v>
          </cell>
          <cell r="H1659">
            <v>2008</v>
          </cell>
          <cell r="I1659" t="str">
            <v>No additional delays</v>
          </cell>
          <cell r="J1659">
            <v>0</v>
          </cell>
          <cell r="M1659">
            <v>0</v>
          </cell>
        </row>
        <row r="1660">
          <cell r="A1660" t="str">
            <v>ISRCD42008</v>
          </cell>
          <cell r="B1660" t="str">
            <v>ISR</v>
          </cell>
          <cell r="C1660" t="str">
            <v>Israel</v>
          </cell>
          <cell r="D1660" t="str">
            <v>Item 21</v>
          </cell>
          <cell r="E1660" t="str">
            <v>CD4</v>
          </cell>
          <cell r="F1660" t="str">
            <v>Other special costs to employers in case of collective dismissals</v>
          </cell>
          <cell r="G1660">
            <v>2008</v>
          </cell>
          <cell r="H1660">
            <v>2008</v>
          </cell>
          <cell r="I1660" t="str">
            <v>No additional costs.</v>
          </cell>
          <cell r="J1660">
            <v>0</v>
          </cell>
          <cell r="M1660">
            <v>0</v>
          </cell>
        </row>
        <row r="1661">
          <cell r="A1661" t="str">
            <v>LUXREG12008</v>
          </cell>
          <cell r="B1661" t="str">
            <v>LUX</v>
          </cell>
          <cell r="C1661" t="str">
            <v>Luxembourg</v>
          </cell>
          <cell r="D1661" t="str">
            <v>Item 1</v>
          </cell>
          <cell r="E1661" t="str">
            <v>REG1</v>
          </cell>
          <cell r="F1661" t="str">
            <v>Notification procedures</v>
          </cell>
          <cell r="G1661">
            <v>2008</v>
          </cell>
          <cell r="H1661">
            <v>2008</v>
          </cell>
          <cell r="I1661"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1661">
            <v>2</v>
          </cell>
          <cell r="M1661">
            <v>4</v>
          </cell>
        </row>
        <row r="1662">
          <cell r="A1662" t="str">
            <v>LUXREG22008</v>
          </cell>
          <cell r="B1662" t="str">
            <v>LUX</v>
          </cell>
          <cell r="C1662" t="str">
            <v>Luxembourg</v>
          </cell>
          <cell r="D1662" t="str">
            <v>Item 2</v>
          </cell>
          <cell r="E1662" t="str">
            <v>REG2</v>
          </cell>
          <cell r="F1662" t="str">
            <v>Delay before notice can start</v>
          </cell>
          <cell r="G1662">
            <v>2008</v>
          </cell>
          <cell r="H1662">
            <v>2008</v>
          </cell>
          <cell r="I1662"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1662">
            <v>13</v>
          </cell>
          <cell r="M1662">
            <v>2</v>
          </cell>
        </row>
        <row r="1663">
          <cell r="A1663" t="str">
            <v>LUXREG32008</v>
          </cell>
          <cell r="B1663" t="str">
            <v>LUX</v>
          </cell>
          <cell r="C1663" t="str">
            <v>Luxembourg</v>
          </cell>
          <cell r="D1663" t="str">
            <v>Item 3</v>
          </cell>
          <cell r="E1663" t="str">
            <v>REG3A, REG3B, REG3C</v>
          </cell>
          <cell r="F1663" t="str">
            <v>Notice / tenure</v>
          </cell>
          <cell r="G1663">
            <v>2008</v>
          </cell>
          <cell r="H1663">
            <v>2008</v>
          </cell>
          <cell r="I1663"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1663">
            <v>2</v>
          </cell>
          <cell r="K1663">
            <v>2</v>
          </cell>
          <cell r="L1663">
            <v>6</v>
          </cell>
          <cell r="M1663">
            <v>6</v>
          </cell>
          <cell r="N1663">
            <v>4</v>
          </cell>
          <cell r="O1663">
            <v>3</v>
          </cell>
        </row>
        <row r="1664">
          <cell r="A1664" t="str">
            <v>LUXREG42008</v>
          </cell>
          <cell r="B1664" t="str">
            <v>LUX</v>
          </cell>
          <cell r="C1664" t="str">
            <v>Luxembourg</v>
          </cell>
          <cell r="D1664" t="str">
            <v>Item 4</v>
          </cell>
          <cell r="E1664" t="str">
            <v>REG4A, REG4B, REG4C</v>
          </cell>
          <cell r="F1664" t="str">
            <v>Severance pay / tenure</v>
          </cell>
          <cell r="G1664">
            <v>2008</v>
          </cell>
          <cell r="H1664">
            <v>2008</v>
          </cell>
          <cell r="I1664"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1664">
            <v>0</v>
          </cell>
          <cell r="K1664">
            <v>0</v>
          </cell>
          <cell r="L1664">
            <v>6</v>
          </cell>
          <cell r="M1664">
            <v>0</v>
          </cell>
          <cell r="N1664">
            <v>0</v>
          </cell>
          <cell r="O1664">
            <v>2</v>
          </cell>
        </row>
        <row r="1665">
          <cell r="A1665" t="str">
            <v>LUXREG52008</v>
          </cell>
          <cell r="B1665" t="str">
            <v>LUX</v>
          </cell>
          <cell r="C1665" t="str">
            <v>Luxembourg</v>
          </cell>
          <cell r="D1665" t="str">
            <v>Item 5</v>
          </cell>
          <cell r="E1665" t="str">
            <v>REG5</v>
          </cell>
          <cell r="F1665" t="str">
            <v>Definition of justified or unfair dismissal</v>
          </cell>
          <cell r="G1665">
            <v>2008</v>
          </cell>
          <cell r="H1665">
            <v>2008</v>
          </cell>
          <cell r="I1665"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1665">
            <v>1</v>
          </cell>
          <cell r="M1665">
            <v>2</v>
          </cell>
        </row>
        <row r="1666">
          <cell r="A1666" t="str">
            <v>LUXREG62008</v>
          </cell>
          <cell r="B1666" t="str">
            <v>LUX</v>
          </cell>
          <cell r="C1666" t="str">
            <v>Luxembourg</v>
          </cell>
          <cell r="D1666" t="str">
            <v>Item 6</v>
          </cell>
          <cell r="E1666" t="str">
            <v>REG6</v>
          </cell>
          <cell r="F1666" t="str">
            <v>Trial period</v>
          </cell>
          <cell r="G1666">
            <v>2008</v>
          </cell>
          <cell r="H1666">
            <v>2008</v>
          </cell>
          <cell r="I1666"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Calculation: average of the three situations.
</v>
          </cell>
          <cell r="J1666">
            <v>7</v>
          </cell>
          <cell r="M1666">
            <v>3</v>
          </cell>
        </row>
        <row r="1667">
          <cell r="A1667" t="str">
            <v>LUXREG72008</v>
          </cell>
          <cell r="B1667" t="str">
            <v>LUX</v>
          </cell>
          <cell r="C1667" t="str">
            <v>Luxembourg</v>
          </cell>
          <cell r="D1667" t="str">
            <v>Item 7</v>
          </cell>
          <cell r="E1667" t="str">
            <v>REG7</v>
          </cell>
          <cell r="F1667" t="str">
            <v xml:space="preserve">Compensation following unfair dismissal </v>
          </cell>
          <cell r="G1667">
            <v>2008</v>
          </cell>
          <cell r="H1667">
            <v>2008</v>
          </cell>
          <cell r="I1667"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1667">
            <v>6</v>
          </cell>
          <cell r="M1667">
            <v>1</v>
          </cell>
        </row>
        <row r="1668">
          <cell r="A1668" t="str">
            <v>LUXREG82008</v>
          </cell>
          <cell r="B1668" t="str">
            <v>LUX</v>
          </cell>
          <cell r="C1668" t="str">
            <v>Luxembourg</v>
          </cell>
          <cell r="D1668" t="str">
            <v>Item 8</v>
          </cell>
          <cell r="E1668" t="str">
            <v>REG8</v>
          </cell>
          <cell r="F1668" t="str">
            <v>Possibility of reinstatement following unfair dismissal</v>
          </cell>
          <cell r="G1668">
            <v>2008</v>
          </cell>
          <cell r="H1668">
            <v>2008</v>
          </cell>
          <cell r="I1668" t="str">
            <v>When ruling on unfair dismissal, judges may request that the employee is reinstated. If the employer does not want to reinstate the employee, the employer can pay additional compensation of one months’ salary.</v>
          </cell>
          <cell r="J1668">
            <v>0</v>
          </cell>
          <cell r="M1668">
            <v>0</v>
          </cell>
        </row>
        <row r="1669">
          <cell r="A1669" t="str">
            <v>LUXREG92008</v>
          </cell>
          <cell r="B1669" t="str">
            <v>LUX</v>
          </cell>
          <cell r="C1669" t="str">
            <v>Luxembourg</v>
          </cell>
          <cell r="D1669" t="str">
            <v>Item 9</v>
          </cell>
          <cell r="E1669" t="str">
            <v>REG9</v>
          </cell>
          <cell r="F1669" t="str">
            <v>Maximum time for claim</v>
          </cell>
          <cell r="G1669">
            <v>2008</v>
          </cell>
          <cell r="H1669">
            <v>2008</v>
          </cell>
          <cell r="I1669" t="str">
            <v>The time limit for making a claim of unfair dismissal is three months from the date of the notification or the date when the employee received requested reasons for dismissal.</v>
          </cell>
          <cell r="J1669">
            <v>3</v>
          </cell>
          <cell r="M1669">
            <v>2</v>
          </cell>
        </row>
        <row r="1670">
          <cell r="A1670" t="str">
            <v>LUXFTC12008</v>
          </cell>
          <cell r="B1670" t="str">
            <v>LUX</v>
          </cell>
          <cell r="C1670" t="str">
            <v>Luxembourg</v>
          </cell>
          <cell r="D1670" t="str">
            <v>Item 10</v>
          </cell>
          <cell r="E1670" t="str">
            <v>FTC1</v>
          </cell>
          <cell r="F1670" t="str">
            <v>Valid cases for use of fixed-term contracts, other than  “objective”  or “material” situation</v>
          </cell>
          <cell r="G1670">
            <v>2008</v>
          </cell>
          <cell r="H1670">
            <v>2008</v>
          </cell>
          <cell r="I1670"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1670">
            <v>0.5</v>
          </cell>
          <cell r="M1670">
            <v>5</v>
          </cell>
        </row>
        <row r="1671">
          <cell r="A1671" t="str">
            <v>LUXFTC22008</v>
          </cell>
          <cell r="B1671" t="str">
            <v>LUX</v>
          </cell>
          <cell r="C1671" t="str">
            <v>Luxembourg</v>
          </cell>
          <cell r="D1671" t="str">
            <v>Item 11</v>
          </cell>
          <cell r="E1671" t="str">
            <v>FTC2</v>
          </cell>
          <cell r="F1671" t="str">
            <v>Maximum number of successive fixed-term contracts</v>
          </cell>
          <cell r="G1671">
            <v>2008</v>
          </cell>
          <cell r="H1671">
            <v>2008</v>
          </cell>
          <cell r="I1671" t="str">
            <v>A fixed-term contract can be renewed twice. Some categories of workers (teachers, artists, performers, athletes, coaches) are not subject to restrictions on renewals of fixed-term contracts</v>
          </cell>
          <cell r="J1671">
            <v>3</v>
          </cell>
          <cell r="M1671">
            <v>3</v>
          </cell>
        </row>
        <row r="1672">
          <cell r="A1672" t="str">
            <v>LUXFTC32008</v>
          </cell>
          <cell r="B1672" t="str">
            <v>LUX</v>
          </cell>
          <cell r="C1672" t="str">
            <v>Luxembourg</v>
          </cell>
          <cell r="D1672" t="str">
            <v>Item 12</v>
          </cell>
          <cell r="E1672" t="str">
            <v>FTC3</v>
          </cell>
          <cell r="F1672" t="str">
            <v>Maximum cumulated duration of successive fixed-term contracts</v>
          </cell>
          <cell r="G1672">
            <v>2008</v>
          </cell>
          <cell r="H1672">
            <v>2008</v>
          </cell>
          <cell r="I1672" t="str">
            <v>A fixed-term contract cannot exceed 24 months in duration (including renewals). Fixed-term contracts for seasonal work cannot exceed 10 months in a 12 month period.</v>
          </cell>
          <cell r="J1672">
            <v>24</v>
          </cell>
          <cell r="M1672">
            <v>3</v>
          </cell>
        </row>
        <row r="1673">
          <cell r="A1673" t="str">
            <v>LUXTWA12008</v>
          </cell>
          <cell r="B1673" t="str">
            <v>LUX</v>
          </cell>
          <cell r="C1673" t="str">
            <v>Luxembourg</v>
          </cell>
          <cell r="D1673" t="str">
            <v>Item 13</v>
          </cell>
          <cell r="E1673" t="str">
            <v>TWA1</v>
          </cell>
          <cell r="F1673" t="str">
            <v>Types of work for which TWA employment is legal</v>
          </cell>
          <cell r="G1673">
            <v>2008</v>
          </cell>
          <cell r="H1673">
            <v>2008</v>
          </cell>
          <cell r="I1673"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1673">
            <v>2</v>
          </cell>
          <cell r="M1673">
            <v>3</v>
          </cell>
        </row>
        <row r="1674">
          <cell r="A1674" t="str">
            <v>LUXTWA22008</v>
          </cell>
          <cell r="B1674" t="str">
            <v>LUX</v>
          </cell>
          <cell r="C1674" t="str">
            <v>Luxembourg</v>
          </cell>
          <cell r="D1674" t="str">
            <v>Item 14</v>
          </cell>
          <cell r="E1674" t="str">
            <v>TWA2A, TWA2B</v>
          </cell>
          <cell r="F1674" t="str">
            <v>Are there any restrictions on the number of renewals of a TWA contract?</v>
          </cell>
          <cell r="G1674">
            <v>2008</v>
          </cell>
          <cell r="H1674">
            <v>2008</v>
          </cell>
          <cell r="I1674" t="str">
            <v>The contract can be renewed twice without exceeding the 12 month limit.</v>
          </cell>
          <cell r="J1674" t="str">
            <v>Yes</v>
          </cell>
          <cell r="K1674" t="str">
            <v>Yes</v>
          </cell>
          <cell r="M1674">
            <v>4</v>
          </cell>
          <cell r="N1674">
            <v>4</v>
          </cell>
        </row>
        <row r="1675">
          <cell r="A1675" t="str">
            <v>LUXTWA32008</v>
          </cell>
          <cell r="B1675" t="str">
            <v>LUX</v>
          </cell>
          <cell r="C1675" t="str">
            <v>Luxembourg</v>
          </cell>
          <cell r="D1675" t="str">
            <v>Item 15</v>
          </cell>
          <cell r="E1675" t="str">
            <v>TWA3A, TWA3B</v>
          </cell>
          <cell r="F1675" t="str">
            <v>Maximum cumulated duration of temporary work contracts</v>
          </cell>
          <cell r="G1675">
            <v>2008</v>
          </cell>
          <cell r="H1675">
            <v>2008</v>
          </cell>
          <cell r="I1675" t="str">
            <v>Except for seasonal jobs, the contract should not exceed 12 months in duration for the same employee in the same job, including renewals.</v>
          </cell>
          <cell r="J1675">
            <v>12</v>
          </cell>
          <cell r="K1675">
            <v>12</v>
          </cell>
          <cell r="M1675">
            <v>4</v>
          </cell>
          <cell r="N1675">
            <v>4</v>
          </cell>
        </row>
        <row r="1676">
          <cell r="A1676" t="str">
            <v>LUXTWA42008</v>
          </cell>
          <cell r="B1676" t="str">
            <v>LUX</v>
          </cell>
          <cell r="C1676" t="str">
            <v>Luxembourg</v>
          </cell>
          <cell r="D1676" t="str">
            <v>Item 16</v>
          </cell>
          <cell r="E1676" t="str">
            <v>TWA4</v>
          </cell>
          <cell r="F1676" t="str">
            <v>Authorisation or reporting requirements</v>
          </cell>
          <cell r="G1676">
            <v>2008</v>
          </cell>
          <cell r="H1676">
            <v>2008</v>
          </cell>
          <cell r="I1676"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1676">
            <v>1</v>
          </cell>
          <cell r="M1676">
            <v>2</v>
          </cell>
        </row>
        <row r="1677">
          <cell r="A1677" t="str">
            <v>LUXTWA52008</v>
          </cell>
          <cell r="B1677" t="str">
            <v>LUX</v>
          </cell>
          <cell r="C1677" t="str">
            <v>Luxembourg</v>
          </cell>
          <cell r="D1677" t="str">
            <v>Item 17</v>
          </cell>
          <cell r="E1677" t="str">
            <v>TWA5</v>
          </cell>
          <cell r="F1677" t="str">
            <v>Equal treatment for TWA workers</v>
          </cell>
          <cell r="G1677">
            <v>2008</v>
          </cell>
          <cell r="H1677">
            <v>2008</v>
          </cell>
          <cell r="I1677" t="str">
            <v>A TWA worker is required to receive the same pay and conditions as an employee with the same or an equivalent qualification hired by the user firm as a permanent employee.</v>
          </cell>
          <cell r="J1677">
            <v>2</v>
          </cell>
          <cell r="M1677">
            <v>6</v>
          </cell>
        </row>
        <row r="1678">
          <cell r="A1678" t="str">
            <v>LUXCD12008</v>
          </cell>
          <cell r="B1678" t="str">
            <v>LUX</v>
          </cell>
          <cell r="C1678" t="str">
            <v>Luxembourg</v>
          </cell>
          <cell r="D1678" t="str">
            <v>Item 18</v>
          </cell>
          <cell r="E1678" t="str">
            <v>CD1</v>
          </cell>
          <cell r="F1678" t="str">
            <v>Definition of collective dismissal</v>
          </cell>
          <cell r="G1678">
            <v>2008</v>
          </cell>
          <cell r="H1678">
            <v>2008</v>
          </cell>
          <cell r="I1678" t="str">
            <v>Additional regulations apply for dismissals of 7 or more workers within a 30 day period or 15 or more workers within a 90 day period.</v>
          </cell>
          <cell r="J1678">
            <v>4</v>
          </cell>
          <cell r="M1678">
            <v>6</v>
          </cell>
        </row>
        <row r="1679">
          <cell r="A1679" t="str">
            <v>LUXCD22008</v>
          </cell>
          <cell r="B1679" t="str">
            <v>LUX</v>
          </cell>
          <cell r="C1679" t="str">
            <v>Luxembourg</v>
          </cell>
          <cell r="D1679" t="str">
            <v>Item 19</v>
          </cell>
          <cell r="E1679" t="str">
            <v>CD2</v>
          </cell>
          <cell r="F1679" t="str">
            <v>Additional notification requirements in case of collective dismissals</v>
          </cell>
          <cell r="G1679">
            <v>2008</v>
          </cell>
          <cell r="H1679">
            <v>2008</v>
          </cell>
          <cell r="I1679"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1679">
            <v>1</v>
          </cell>
          <cell r="M1679">
            <v>3</v>
          </cell>
        </row>
        <row r="1680">
          <cell r="A1680" t="str">
            <v>LUXCD32008</v>
          </cell>
          <cell r="B1680" t="str">
            <v>LUX</v>
          </cell>
          <cell r="C1680" t="str">
            <v>Luxembourg</v>
          </cell>
          <cell r="D1680" t="str">
            <v>Item 20</v>
          </cell>
          <cell r="E1680" t="str">
            <v>CD3</v>
          </cell>
          <cell r="F1680" t="str">
            <v>Additional delays involved in case of collective dismissals</v>
          </cell>
          <cell r="G1680">
            <v>2008</v>
          </cell>
          <cell r="H1680">
            <v>2008</v>
          </cell>
          <cell r="I1680"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1680">
            <v>26.25</v>
          </cell>
          <cell r="M1680">
            <v>2</v>
          </cell>
        </row>
        <row r="1681">
          <cell r="A1681" t="str">
            <v>LUXCD42008</v>
          </cell>
          <cell r="B1681" t="str">
            <v>LUX</v>
          </cell>
          <cell r="C1681" t="str">
            <v>Luxembourg</v>
          </cell>
          <cell r="D1681" t="str">
            <v>Item 21</v>
          </cell>
          <cell r="E1681" t="str">
            <v>CD4</v>
          </cell>
          <cell r="F1681" t="str">
            <v>Other special costs to employers in case of collective dismissals</v>
          </cell>
          <cell r="G1681">
            <v>2008</v>
          </cell>
          <cell r="H1681">
            <v>2008</v>
          </cell>
          <cell r="I1681" t="str">
            <v>The social plan typically contains internal and external reclassification measures and the amount of additional compensation payable.</v>
          </cell>
          <cell r="J1681">
            <v>1.5</v>
          </cell>
          <cell r="M1681">
            <v>4.5</v>
          </cell>
        </row>
        <row r="1682">
          <cell r="A1682" t="str">
            <v>RUSREG12008</v>
          </cell>
          <cell r="B1682" t="str">
            <v>RUS</v>
          </cell>
          <cell r="C1682" t="str">
            <v>Russian Federation</v>
          </cell>
          <cell r="D1682" t="str">
            <v>Item 1</v>
          </cell>
          <cell r="E1682" t="str">
            <v>REG1</v>
          </cell>
          <cell r="F1682" t="str">
            <v>Notification procedures</v>
          </cell>
          <cell r="G1682">
            <v>2008</v>
          </cell>
          <cell r="H1682">
            <v>2008</v>
          </cell>
          <cell r="I1682"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1682">
            <v>2</v>
          </cell>
          <cell r="M1682">
            <v>4</v>
          </cell>
        </row>
        <row r="1683">
          <cell r="A1683" t="str">
            <v>RUSREG22008</v>
          </cell>
          <cell r="B1683" t="str">
            <v>RUS</v>
          </cell>
          <cell r="C1683" t="str">
            <v>Russian Federation</v>
          </cell>
          <cell r="D1683" t="str">
            <v>Item 2</v>
          </cell>
          <cell r="E1683" t="str">
            <v>REG2</v>
          </cell>
          <cell r="F1683" t="str">
            <v>Delay before notice can start</v>
          </cell>
          <cell r="G1683">
            <v>2008</v>
          </cell>
          <cell r="H1683">
            <v>2008</v>
          </cell>
          <cell r="I1683"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Before 2008, Russian labor law contained ambiguity as to whether, in the case of redundancy, notification periods to workers and to trade unions can overlap or not. In the latter case, termination of employment contract would require at least 4 months: a two- month notice to the union followed by a two-month notice to the worker. Court practice regarding how the two periods were to be counted was mixed. The issue was resolved in favour of employers in the ruling of the Constitutional Court of 15.01.2008 (N 201-O-P), which allowed overlap of the two periods.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1683">
            <v>10</v>
          </cell>
          <cell r="M1683">
            <v>2</v>
          </cell>
        </row>
        <row r="1684">
          <cell r="A1684" t="str">
            <v>RUSREG32008</v>
          </cell>
          <cell r="B1684" t="str">
            <v>RUS</v>
          </cell>
          <cell r="C1684" t="str">
            <v>Russian Federation</v>
          </cell>
          <cell r="D1684" t="str">
            <v>Item 3</v>
          </cell>
          <cell r="E1684" t="str">
            <v>REG3A, REG3B, REG3C</v>
          </cell>
          <cell r="F1684" t="str">
            <v>Notice / tenure</v>
          </cell>
          <cell r="G1684">
            <v>2008</v>
          </cell>
          <cell r="H1684">
            <v>2008</v>
          </cell>
          <cell r="I1684"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1684">
            <v>1</v>
          </cell>
          <cell r="K1684">
            <v>1</v>
          </cell>
          <cell r="L1684">
            <v>1</v>
          </cell>
          <cell r="M1684">
            <v>3</v>
          </cell>
          <cell r="N1684">
            <v>2</v>
          </cell>
          <cell r="O1684">
            <v>1</v>
          </cell>
        </row>
        <row r="1685">
          <cell r="A1685" t="str">
            <v>RUSREG42008</v>
          </cell>
          <cell r="B1685" t="str">
            <v>RUS</v>
          </cell>
          <cell r="C1685" t="str">
            <v>Russian Federation</v>
          </cell>
          <cell r="D1685" t="str">
            <v>Item 4</v>
          </cell>
          <cell r="E1685" t="str">
            <v>REG4A, REG4B, REG4C</v>
          </cell>
          <cell r="F1685" t="str">
            <v>Severance pay / tenure</v>
          </cell>
          <cell r="G1685">
            <v>2008</v>
          </cell>
          <cell r="H1685">
            <v>2008</v>
          </cell>
          <cell r="I1685"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1685">
            <v>1.25</v>
          </cell>
          <cell r="K1685">
            <v>1.25</v>
          </cell>
          <cell r="L1685">
            <v>1.25</v>
          </cell>
          <cell r="M1685">
            <v>3</v>
          </cell>
          <cell r="N1685">
            <v>3</v>
          </cell>
          <cell r="O1685">
            <v>1</v>
          </cell>
        </row>
        <row r="1686">
          <cell r="A1686" t="str">
            <v>RUSREG52008</v>
          </cell>
          <cell r="B1686" t="str">
            <v>RUS</v>
          </cell>
          <cell r="C1686" t="str">
            <v>Russian Federation</v>
          </cell>
          <cell r="D1686" t="str">
            <v>Item 5</v>
          </cell>
          <cell r="E1686" t="str">
            <v>REG5</v>
          </cell>
          <cell r="F1686" t="str">
            <v>Definition of justified or unfair dismissal</v>
          </cell>
          <cell r="G1686">
            <v>2008</v>
          </cell>
          <cell r="H1686">
            <v>2008</v>
          </cell>
          <cell r="I1686"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1686">
            <v>2.5</v>
          </cell>
          <cell r="M1686">
            <v>5</v>
          </cell>
        </row>
        <row r="1687">
          <cell r="A1687" t="str">
            <v>RUSREG62008</v>
          </cell>
          <cell r="B1687" t="str">
            <v>RUS</v>
          </cell>
          <cell r="C1687" t="str">
            <v>Russian Federation</v>
          </cell>
          <cell r="D1687" t="str">
            <v>Item 6</v>
          </cell>
          <cell r="E1687" t="str">
            <v>REG6</v>
          </cell>
          <cell r="F1687" t="str">
            <v>Trial period</v>
          </cell>
          <cell r="G1687">
            <v>2008</v>
          </cell>
          <cell r="H1687">
            <v>2008</v>
          </cell>
          <cell r="I1687"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1687">
            <v>3</v>
          </cell>
          <cell r="M1687">
            <v>4</v>
          </cell>
        </row>
        <row r="1688">
          <cell r="A1688" t="str">
            <v>RUSREG72008</v>
          </cell>
          <cell r="B1688" t="str">
            <v>RUS</v>
          </cell>
          <cell r="C1688" t="str">
            <v>Russian Federation</v>
          </cell>
          <cell r="D1688" t="str">
            <v>Item 7</v>
          </cell>
          <cell r="E1688" t="str">
            <v>REG7</v>
          </cell>
          <cell r="F1688" t="str">
            <v xml:space="preserve">Compensation following unfair dismissal </v>
          </cell>
          <cell r="G1688">
            <v>2008</v>
          </cell>
          <cell r="H1688">
            <v>2008</v>
          </cell>
          <cell r="I1688"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1688">
            <v>6</v>
          </cell>
          <cell r="M1688">
            <v>1</v>
          </cell>
        </row>
        <row r="1689">
          <cell r="A1689" t="str">
            <v>RUSREG82008</v>
          </cell>
          <cell r="B1689" t="str">
            <v>RUS</v>
          </cell>
          <cell r="C1689" t="str">
            <v>Russian Federation</v>
          </cell>
          <cell r="D1689" t="str">
            <v>Item 8</v>
          </cell>
          <cell r="E1689" t="str">
            <v>REG8</v>
          </cell>
          <cell r="F1689" t="str">
            <v>Possibility of reinstatement following unfair dismissal</v>
          </cell>
          <cell r="G1689">
            <v>2008</v>
          </cell>
          <cell r="H1689">
            <v>2008</v>
          </cell>
          <cell r="I1689" t="str">
            <v>In case of unfair dismissal, the employee shall be reinstated by the court (Article 394 of the Labour Code).</v>
          </cell>
          <cell r="J1689">
            <v>3</v>
          </cell>
          <cell r="M1689">
            <v>6</v>
          </cell>
        </row>
        <row r="1690">
          <cell r="A1690" t="str">
            <v>RUSREG92008</v>
          </cell>
          <cell r="B1690" t="str">
            <v>RUS</v>
          </cell>
          <cell r="C1690" t="str">
            <v>Russian Federation</v>
          </cell>
          <cell r="D1690" t="str">
            <v>Item 9</v>
          </cell>
          <cell r="E1690" t="str">
            <v>REG9</v>
          </cell>
          <cell r="F1690" t="str">
            <v>Maximum time for claim</v>
          </cell>
          <cell r="G1690">
            <v>2008</v>
          </cell>
          <cell r="H1690">
            <v>2008</v>
          </cell>
          <cell r="I1690" t="str">
            <v xml:space="preserve">An employee must submit an appeal to court within 1 month of the dismissal. If the deadline has been missed for good reasons, the court can prolong the period (Art.392 Labour Code). </v>
          </cell>
          <cell r="J1690">
            <v>1</v>
          </cell>
          <cell r="M1690">
            <v>1</v>
          </cell>
        </row>
        <row r="1691">
          <cell r="A1691" t="str">
            <v>RUSFTC12008</v>
          </cell>
          <cell r="B1691" t="str">
            <v>RUS</v>
          </cell>
          <cell r="C1691" t="str">
            <v>Russian Federation</v>
          </cell>
          <cell r="D1691" t="str">
            <v>Item 10</v>
          </cell>
          <cell r="E1691" t="str">
            <v>FTC1</v>
          </cell>
          <cell r="F1691" t="str">
            <v>Valid cases for use of fixed-term contracts, other than  “objective”  or “material” situation</v>
          </cell>
          <cell r="G1691">
            <v>2008</v>
          </cell>
          <cell r="H1691">
            <v>2008</v>
          </cell>
          <cell r="I1691"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1691">
            <v>2</v>
          </cell>
          <cell r="M1691">
            <v>2</v>
          </cell>
        </row>
        <row r="1692">
          <cell r="A1692" t="str">
            <v>RUSFTC22008</v>
          </cell>
          <cell r="B1692" t="str">
            <v>RUS</v>
          </cell>
          <cell r="C1692" t="str">
            <v>Russian Federation</v>
          </cell>
          <cell r="D1692" t="str">
            <v>Item 11</v>
          </cell>
          <cell r="E1692" t="str">
            <v>FTC2</v>
          </cell>
          <cell r="F1692" t="str">
            <v>Maximum number of successive fixed-term contracts</v>
          </cell>
          <cell r="G1692">
            <v>2008</v>
          </cell>
          <cell r="H1692">
            <v>2008</v>
          </cell>
          <cell r="I1692"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1692">
            <v>5</v>
          </cell>
          <cell r="M1692">
            <v>1</v>
          </cell>
        </row>
        <row r="1693">
          <cell r="A1693" t="str">
            <v>RUSFTC32008</v>
          </cell>
          <cell r="B1693" t="str">
            <v>RUS</v>
          </cell>
          <cell r="C1693" t="str">
            <v>Russian Federation</v>
          </cell>
          <cell r="D1693" t="str">
            <v>Item 12</v>
          </cell>
          <cell r="E1693" t="str">
            <v>FTC3</v>
          </cell>
          <cell r="F1693" t="str">
            <v>Maximum cumulated duration of successive fixed-term contracts</v>
          </cell>
          <cell r="G1693">
            <v>2008</v>
          </cell>
          <cell r="H1693">
            <v>2008</v>
          </cell>
          <cell r="I1693"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1693">
            <v>36</v>
          </cell>
          <cell r="M1693">
            <v>1</v>
          </cell>
        </row>
        <row r="1694">
          <cell r="A1694" t="str">
            <v>RUSTWA12008</v>
          </cell>
          <cell r="B1694" t="str">
            <v>RUS</v>
          </cell>
          <cell r="C1694" t="str">
            <v>Russian Federation</v>
          </cell>
          <cell r="D1694" t="str">
            <v>Item 13</v>
          </cell>
          <cell r="E1694" t="str">
            <v>TWA1</v>
          </cell>
          <cell r="F1694" t="str">
            <v>Types of work for which TWA employment is legal</v>
          </cell>
          <cell r="G1694">
            <v>2008</v>
          </cell>
          <cell r="H1694">
            <v>2008</v>
          </cell>
          <cell r="I1694" t="str">
            <v xml:space="preserve">The law does not provide any arrangements regulating the activities of TWAs.
In general, employee leasing is intended to be of a long-term or continuing, rather than temporary or seasonal
</v>
          </cell>
          <cell r="J1694">
            <v>4</v>
          </cell>
          <cell r="M1694">
            <v>0</v>
          </cell>
        </row>
        <row r="1695">
          <cell r="A1695" t="str">
            <v>RUSTWA22008</v>
          </cell>
          <cell r="B1695" t="str">
            <v>RUS</v>
          </cell>
          <cell r="C1695" t="str">
            <v>Russian Federation</v>
          </cell>
          <cell r="D1695" t="str">
            <v>Item 14</v>
          </cell>
          <cell r="E1695" t="str">
            <v>TWA2A, TWA2B</v>
          </cell>
          <cell r="F1695" t="str">
            <v>Are there any restrictions on the number of renewals of a TWA contract?</v>
          </cell>
          <cell r="G1695">
            <v>2008</v>
          </cell>
          <cell r="H1695">
            <v>2008</v>
          </cell>
          <cell r="I1695"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1695" t="str">
            <v>Yes/No</v>
          </cell>
          <cell r="K1695" t="str">
            <v>Yes</v>
          </cell>
          <cell r="M1695">
            <v>3</v>
          </cell>
          <cell r="N1695">
            <v>4</v>
          </cell>
        </row>
        <row r="1696">
          <cell r="A1696" t="str">
            <v>RUSTWA32008</v>
          </cell>
          <cell r="B1696" t="str">
            <v>RUS</v>
          </cell>
          <cell r="C1696" t="str">
            <v>Russian Federation</v>
          </cell>
          <cell r="D1696" t="str">
            <v>Item 15</v>
          </cell>
          <cell r="E1696" t="str">
            <v>TWA3A, TWA3B</v>
          </cell>
          <cell r="F1696" t="str">
            <v>Maximum cumulated duration of temporary work contracts</v>
          </cell>
          <cell r="G1696">
            <v>2008</v>
          </cell>
          <cell r="H1696">
            <v>2008</v>
          </cell>
          <cell r="I1696" t="str">
            <v>No limit for assignments. No limit for open-ended TWA contracts between the agency and the worker. 5 years for fixed-term TWA contracts between the agency and the worker.</v>
          </cell>
          <cell r="J1696">
            <v>100</v>
          </cell>
          <cell r="K1696">
            <v>100</v>
          </cell>
          <cell r="M1696">
            <v>0</v>
          </cell>
          <cell r="N1696">
            <v>0</v>
          </cell>
        </row>
        <row r="1697">
          <cell r="A1697" t="str">
            <v>RUSTWA42008</v>
          </cell>
          <cell r="B1697" t="str">
            <v>RUS</v>
          </cell>
          <cell r="C1697" t="str">
            <v>Russian Federation</v>
          </cell>
          <cell r="D1697" t="str">
            <v>Item 16</v>
          </cell>
          <cell r="E1697" t="str">
            <v>TWA4</v>
          </cell>
          <cell r="F1697" t="str">
            <v>Authorisation or reporting requirements</v>
          </cell>
          <cell r="G1697">
            <v>2008</v>
          </cell>
          <cell r="H1697">
            <v>2008</v>
          </cell>
          <cell r="I1697" t="str">
            <v>No requirement for authorisation or reporting obligations.</v>
          </cell>
          <cell r="J1697">
            <v>0</v>
          </cell>
          <cell r="M1697">
            <v>0</v>
          </cell>
        </row>
        <row r="1698">
          <cell r="A1698" t="str">
            <v>RUSTWA52008</v>
          </cell>
          <cell r="B1698" t="str">
            <v>RUS</v>
          </cell>
          <cell r="C1698" t="str">
            <v>Russian Federation</v>
          </cell>
          <cell r="D1698" t="str">
            <v>Item 17</v>
          </cell>
          <cell r="E1698" t="str">
            <v>TWA5</v>
          </cell>
          <cell r="F1698" t="str">
            <v>Equal treatment for TWA workers</v>
          </cell>
          <cell r="G1698">
            <v>2008</v>
          </cell>
          <cell r="H1698">
            <v>2008</v>
          </cell>
          <cell r="I1698" t="str">
            <v>Article 22 of the labour code could be invoked, although its interpretation depends on whom courts consider being the employer.</v>
          </cell>
          <cell r="J1698">
            <v>1</v>
          </cell>
          <cell r="M1698">
            <v>3</v>
          </cell>
        </row>
        <row r="1699">
          <cell r="A1699" t="str">
            <v>RUSCD12008</v>
          </cell>
          <cell r="B1699" t="str">
            <v>RUS</v>
          </cell>
          <cell r="C1699" t="str">
            <v>Russian Federation</v>
          </cell>
          <cell r="D1699" t="str">
            <v>Item 18</v>
          </cell>
          <cell r="E1699" t="str">
            <v>CD1</v>
          </cell>
          <cell r="F1699" t="str">
            <v>Definition of collective dismissal</v>
          </cell>
          <cell r="G1699">
            <v>2008</v>
          </cell>
          <cell r="H1699">
            <v>2008</v>
          </cell>
          <cell r="I1699" t="str">
            <v xml:space="preserve">Criteria of mass dismissal are defined in industrial and (or) territorial agreements. Additional regulations typically apply from 50 dismissals upwards (Council of Ministers’ Decree of 1993 No. 99).
A minority of collective agreements define smaller thresholds. For example, 5% of a firm’s workers fired over a period of 30 days. For a hypothetical firm with 200 workers this means 10 dismissed workers over 30 days. Moreover, in Russian labour law, the term “mass dismissals” also includes liquidation of firms with 15 or more workers.
Calculation: average of standard statutory requirements, collective agreements and liquidation.
</v>
          </cell>
          <cell r="J1699">
            <v>2</v>
          </cell>
          <cell r="M1699">
            <v>3</v>
          </cell>
        </row>
        <row r="1700">
          <cell r="A1700" t="str">
            <v>RUSCD22008</v>
          </cell>
          <cell r="B1700" t="str">
            <v>RUS</v>
          </cell>
          <cell r="C1700" t="str">
            <v>Russian Federation</v>
          </cell>
          <cell r="D1700" t="str">
            <v>Item 19</v>
          </cell>
          <cell r="E1700" t="str">
            <v>CD2</v>
          </cell>
          <cell r="F1700" t="str">
            <v>Additional notification requirements in case of collective dismissals</v>
          </cell>
          <cell r="G1700">
            <v>2008</v>
          </cell>
          <cell r="H1700">
            <v>2008</v>
          </cell>
          <cell r="I1700" t="str">
            <v>In case of redundancy, the employer has to inform the trade union about any expected staff reductions 3 months in advance for mass dismissals.</v>
          </cell>
          <cell r="J1700">
            <v>0</v>
          </cell>
          <cell r="M1700">
            <v>0</v>
          </cell>
        </row>
        <row r="1701">
          <cell r="A1701" t="str">
            <v>RUSCD32008</v>
          </cell>
          <cell r="B1701" t="str">
            <v>RUS</v>
          </cell>
          <cell r="C1701" t="str">
            <v>Russian Federation</v>
          </cell>
          <cell r="D1701" t="str">
            <v>Item 20</v>
          </cell>
          <cell r="E1701" t="str">
            <v>CD3</v>
          </cell>
          <cell r="F1701" t="str">
            <v>Additional delays involved in case of collective dismissals</v>
          </cell>
          <cell r="G1701">
            <v>2008</v>
          </cell>
          <cell r="H1701">
            <v>2008</v>
          </cell>
          <cell r="I1701"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1701">
            <v>30</v>
          </cell>
          <cell r="M1701">
            <v>3</v>
          </cell>
        </row>
        <row r="1702">
          <cell r="A1702" t="str">
            <v>RUSCD42008</v>
          </cell>
          <cell r="B1702" t="str">
            <v>RUS</v>
          </cell>
          <cell r="C1702" t="str">
            <v>Russian Federation</v>
          </cell>
          <cell r="D1702" t="str">
            <v>Item 21</v>
          </cell>
          <cell r="E1702" t="str">
            <v>CD4</v>
          </cell>
          <cell r="F1702" t="str">
            <v>Other special costs to employers in case of collective dismissals</v>
          </cell>
          <cell r="G1702">
            <v>2008</v>
          </cell>
          <cell r="H1702">
            <v>2008</v>
          </cell>
          <cell r="I1702" t="str">
            <v>No additional requirements, although they may be specified in collective agreements.</v>
          </cell>
          <cell r="J1702">
            <v>0</v>
          </cell>
          <cell r="M1702">
            <v>0</v>
          </cell>
        </row>
        <row r="1703">
          <cell r="A1703" t="str">
            <v>SVNREG12008</v>
          </cell>
          <cell r="B1703" t="str">
            <v>SVN</v>
          </cell>
          <cell r="C1703" t="str">
            <v>Slovenia</v>
          </cell>
          <cell r="D1703" t="str">
            <v>Item 1</v>
          </cell>
          <cell r="E1703" t="str">
            <v>REG1</v>
          </cell>
          <cell r="F1703" t="str">
            <v>Notification procedures</v>
          </cell>
          <cell r="G1703">
            <v>2008</v>
          </cell>
          <cell r="H1703">
            <v>2008</v>
          </cell>
          <cell r="I170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1703">
            <v>2.25</v>
          </cell>
          <cell r="M1703">
            <v>4.5</v>
          </cell>
        </row>
        <row r="1704">
          <cell r="A1704" t="str">
            <v>SVNREG22008</v>
          </cell>
          <cell r="B1704" t="str">
            <v>SVN</v>
          </cell>
          <cell r="C1704" t="str">
            <v>Slovenia</v>
          </cell>
          <cell r="D1704" t="str">
            <v>Item 2</v>
          </cell>
          <cell r="E1704" t="str">
            <v>REG2</v>
          </cell>
          <cell r="F1704" t="str">
            <v>Delay before notice can start</v>
          </cell>
          <cell r="G1704">
            <v>2008</v>
          </cell>
          <cell r="H1704">
            <v>2008</v>
          </cell>
          <cell r="I170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1704">
            <v>3</v>
          </cell>
          <cell r="M1704">
            <v>1</v>
          </cell>
        </row>
        <row r="1705">
          <cell r="A1705" t="str">
            <v>SVNREG32008</v>
          </cell>
          <cell r="B1705" t="str">
            <v>SVN</v>
          </cell>
          <cell r="C1705" t="str">
            <v>Slovenia</v>
          </cell>
          <cell r="D1705" t="str">
            <v>Item 3</v>
          </cell>
          <cell r="E1705" t="str">
            <v>REG3A, REG3B, REG3C</v>
          </cell>
          <cell r="F1705" t="str">
            <v>Notice / tenure</v>
          </cell>
          <cell r="G1705">
            <v>2008</v>
          </cell>
          <cell r="H1705">
            <v>2008</v>
          </cell>
          <cell r="I1705" t="str">
            <v xml:space="preserve">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
Shorter notice periods are allowed for small employers (10 employees or less) by collective agreement.
</v>
          </cell>
          <cell r="J1705">
            <v>1</v>
          </cell>
          <cell r="K1705">
            <v>1.5</v>
          </cell>
          <cell r="L1705">
            <v>2.25</v>
          </cell>
          <cell r="M1705">
            <v>3</v>
          </cell>
          <cell r="N1705">
            <v>3</v>
          </cell>
          <cell r="O1705">
            <v>1</v>
          </cell>
        </row>
        <row r="1706">
          <cell r="A1706" t="str">
            <v>SVNREG42008</v>
          </cell>
          <cell r="B1706" t="str">
            <v>SVN</v>
          </cell>
          <cell r="C1706" t="str">
            <v>Slovenia</v>
          </cell>
          <cell r="D1706" t="str">
            <v>Item 4</v>
          </cell>
          <cell r="E1706" t="str">
            <v>REG4A, REG4B, REG4C</v>
          </cell>
          <cell r="F1706" t="str">
            <v>Severance pay / tenure</v>
          </cell>
          <cell r="G1706">
            <v>2008</v>
          </cell>
          <cell r="H1706">
            <v>2008</v>
          </cell>
          <cell r="I170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1706">
            <v>0</v>
          </cell>
          <cell r="K1706">
            <v>0.8</v>
          </cell>
          <cell r="L1706">
            <v>6.7</v>
          </cell>
          <cell r="M1706">
            <v>0</v>
          </cell>
          <cell r="N1706">
            <v>2</v>
          </cell>
          <cell r="O1706">
            <v>3</v>
          </cell>
        </row>
        <row r="1707">
          <cell r="A1707" t="str">
            <v>SVNREG52008</v>
          </cell>
          <cell r="B1707" t="str">
            <v>SVN</v>
          </cell>
          <cell r="C1707" t="str">
            <v>Slovenia</v>
          </cell>
          <cell r="D1707" t="str">
            <v>Item 5</v>
          </cell>
          <cell r="E1707" t="str">
            <v>REG5</v>
          </cell>
          <cell r="F1707" t="str">
            <v>Definition of justified or unfair dismissal</v>
          </cell>
          <cell r="G1707">
            <v>2008</v>
          </cell>
          <cell r="H1707">
            <v>2008</v>
          </cell>
          <cell r="I170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1707">
            <v>2</v>
          </cell>
          <cell r="M1707">
            <v>4</v>
          </cell>
        </row>
        <row r="1708">
          <cell r="A1708" t="str">
            <v>SVNREG62008</v>
          </cell>
          <cell r="B1708" t="str">
            <v>SVN</v>
          </cell>
          <cell r="C1708" t="str">
            <v>Slovenia</v>
          </cell>
          <cell r="D1708" t="str">
            <v>Item 6</v>
          </cell>
          <cell r="E1708" t="str">
            <v>REG6</v>
          </cell>
          <cell r="F1708" t="str">
            <v>Trial period</v>
          </cell>
          <cell r="G1708">
            <v>2008</v>
          </cell>
          <cell r="H1708">
            <v>2008</v>
          </cell>
          <cell r="I1708" t="str">
            <v>Probation can last a maximum of six months. It can be extended in the event of temporary absence from work. Unsuccessful completion of probation is a reason for extraordinary cancellation (without notice period).</v>
          </cell>
          <cell r="J1708">
            <v>6</v>
          </cell>
          <cell r="M1708">
            <v>3</v>
          </cell>
        </row>
        <row r="1709">
          <cell r="A1709" t="str">
            <v>SVNREG72008</v>
          </cell>
          <cell r="B1709" t="str">
            <v>SVN</v>
          </cell>
          <cell r="C1709" t="str">
            <v>Slovenia</v>
          </cell>
          <cell r="D1709" t="str">
            <v>Item 7</v>
          </cell>
          <cell r="E1709" t="str">
            <v>REG7</v>
          </cell>
          <cell r="F1709" t="str">
            <v xml:space="preserve">Compensation following unfair dismissal </v>
          </cell>
          <cell r="G1709">
            <v>2008</v>
          </cell>
          <cell r="H1709">
            <v>2008</v>
          </cell>
          <cell r="I170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1709">
            <v>11.3</v>
          </cell>
          <cell r="M1709">
            <v>2</v>
          </cell>
          <cell r="P1709" t="str">
            <v>changed</v>
          </cell>
        </row>
        <row r="1710">
          <cell r="A1710" t="str">
            <v>SVNREG82008</v>
          </cell>
          <cell r="B1710" t="str">
            <v>SVN</v>
          </cell>
          <cell r="C1710" t="str">
            <v>Slovenia</v>
          </cell>
          <cell r="D1710" t="str">
            <v>Item 8</v>
          </cell>
          <cell r="E1710" t="str">
            <v>REG8</v>
          </cell>
          <cell r="F1710" t="str">
            <v>Possibility of reinstatement following unfair dismissal</v>
          </cell>
          <cell r="G1710">
            <v>2008</v>
          </cell>
          <cell r="H1710">
            <v>2008</v>
          </cell>
          <cell r="I171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1710">
            <v>2</v>
          </cell>
          <cell r="M1710">
            <v>4</v>
          </cell>
        </row>
        <row r="1711">
          <cell r="A1711" t="str">
            <v>SVNREG92008</v>
          </cell>
          <cell r="B1711" t="str">
            <v>SVN</v>
          </cell>
          <cell r="C1711" t="str">
            <v>Slovenia</v>
          </cell>
          <cell r="D1711" t="str">
            <v>Item 9</v>
          </cell>
          <cell r="E1711" t="str">
            <v>REG9</v>
          </cell>
          <cell r="F1711" t="str">
            <v>Maximum time for claim</v>
          </cell>
          <cell r="G1711">
            <v>2008</v>
          </cell>
          <cell r="H1711">
            <v>2008</v>
          </cell>
          <cell r="I171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1711">
            <v>0</v>
          </cell>
          <cell r="M1711">
            <v>0</v>
          </cell>
        </row>
        <row r="1712">
          <cell r="A1712" t="str">
            <v>SVNFTC12008</v>
          </cell>
          <cell r="B1712" t="str">
            <v>SVN</v>
          </cell>
          <cell r="C1712" t="str">
            <v>Slovenia</v>
          </cell>
          <cell r="D1712" t="str">
            <v>Item 10</v>
          </cell>
          <cell r="E1712" t="str">
            <v>FTC1</v>
          </cell>
          <cell r="F1712" t="str">
            <v>Valid cases for use of fixed-term contracts, other than  “objective”  or “material” situation</v>
          </cell>
          <cell r="G1712">
            <v>2008</v>
          </cell>
          <cell r="H1712">
            <v>2008</v>
          </cell>
          <cell r="I171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1712">
            <v>2</v>
          </cell>
          <cell r="M1712">
            <v>2</v>
          </cell>
        </row>
        <row r="1713">
          <cell r="A1713" t="str">
            <v>SVNFTC22008</v>
          </cell>
          <cell r="B1713" t="str">
            <v>SVN</v>
          </cell>
          <cell r="C1713" t="str">
            <v>Slovenia</v>
          </cell>
          <cell r="D1713" t="str">
            <v>Item 11</v>
          </cell>
          <cell r="E1713" t="str">
            <v>FTC2</v>
          </cell>
          <cell r="F1713" t="str">
            <v>Maximum number of successive fixed-term contracts</v>
          </cell>
          <cell r="G1713">
            <v>2008</v>
          </cell>
          <cell r="H1713">
            <v>2008</v>
          </cell>
          <cell r="I1713" t="str">
            <v>No limit, within 2-year time limit for fixed term contracts.</v>
          </cell>
          <cell r="J1713">
            <v>100</v>
          </cell>
          <cell r="M1713">
            <v>0</v>
          </cell>
        </row>
        <row r="1714">
          <cell r="A1714" t="str">
            <v>SVNFTC32008</v>
          </cell>
          <cell r="B1714" t="str">
            <v>SVN</v>
          </cell>
          <cell r="C1714" t="str">
            <v>Slovenia</v>
          </cell>
          <cell r="D1714" t="str">
            <v>Item 12</v>
          </cell>
          <cell r="E1714" t="str">
            <v>FTC3</v>
          </cell>
          <cell r="F1714" t="str">
            <v>Maximum cumulated duration of successive fixed-term contracts</v>
          </cell>
          <cell r="G1714">
            <v>2008</v>
          </cell>
          <cell r="H1714">
            <v>2008</v>
          </cell>
          <cell r="I171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1714">
            <v>24</v>
          </cell>
          <cell r="M1714">
            <v>3</v>
          </cell>
        </row>
        <row r="1715">
          <cell r="A1715" t="str">
            <v>SVNTWA12008</v>
          </cell>
          <cell r="B1715" t="str">
            <v>SVN</v>
          </cell>
          <cell r="C1715" t="str">
            <v>Slovenia</v>
          </cell>
          <cell r="D1715" t="str">
            <v>Item 13</v>
          </cell>
          <cell r="E1715" t="str">
            <v>TWA1</v>
          </cell>
          <cell r="F1715" t="str">
            <v>Types of work for which TWA employment is legal</v>
          </cell>
          <cell r="G1715">
            <v>2008</v>
          </cell>
          <cell r="H1715">
            <v>2008</v>
          </cell>
          <cell r="I171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1715">
            <v>3.5</v>
          </cell>
          <cell r="M1715">
            <v>0.75</v>
          </cell>
        </row>
        <row r="1716">
          <cell r="A1716" t="str">
            <v>SVNTWA22008</v>
          </cell>
          <cell r="B1716" t="str">
            <v>SVN</v>
          </cell>
          <cell r="C1716" t="str">
            <v>Slovenia</v>
          </cell>
          <cell r="D1716" t="str">
            <v>Item 14</v>
          </cell>
          <cell r="E1716" t="str">
            <v>TWA2A, TWA2B</v>
          </cell>
          <cell r="F1716" t="str">
            <v>Are there any restrictions on the number of renewals of a TWA contract?</v>
          </cell>
          <cell r="G1716">
            <v>2008</v>
          </cell>
          <cell r="H1716">
            <v>2008</v>
          </cell>
          <cell r="I1716" t="str">
            <v>No restrictions.</v>
          </cell>
          <cell r="J1716" t="str">
            <v>No</v>
          </cell>
          <cell r="K1716" t="str">
            <v>No</v>
          </cell>
          <cell r="M1716">
            <v>2</v>
          </cell>
          <cell r="N1716">
            <v>2</v>
          </cell>
        </row>
        <row r="1717">
          <cell r="A1717" t="str">
            <v>SVNTWA32008</v>
          </cell>
          <cell r="B1717" t="str">
            <v>SVN</v>
          </cell>
          <cell r="C1717" t="str">
            <v>Slovenia</v>
          </cell>
          <cell r="D1717" t="str">
            <v>Item 15</v>
          </cell>
          <cell r="E1717" t="str">
            <v>TWA3A, TWA3B</v>
          </cell>
          <cell r="F1717" t="str">
            <v>Maximum cumulated duration of temporary work contracts</v>
          </cell>
          <cell r="G1717">
            <v>2008</v>
          </cell>
          <cell r="H1717">
            <v>2008</v>
          </cell>
          <cell r="I171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1717">
            <v>12</v>
          </cell>
          <cell r="K1717">
            <v>100</v>
          </cell>
          <cell r="M1717">
            <v>4</v>
          </cell>
          <cell r="N1717">
            <v>0</v>
          </cell>
        </row>
        <row r="1718">
          <cell r="A1718" t="str">
            <v>SVNTWA42008</v>
          </cell>
          <cell r="B1718" t="str">
            <v>SVN</v>
          </cell>
          <cell r="C1718" t="str">
            <v>Slovenia</v>
          </cell>
          <cell r="D1718" t="str">
            <v>Item 16</v>
          </cell>
          <cell r="E1718" t="str">
            <v>TWA4</v>
          </cell>
          <cell r="F1718" t="str">
            <v>Authorisation or reporting requirements</v>
          </cell>
          <cell r="G1718">
            <v>2008</v>
          </cell>
          <cell r="H1718">
            <v>2008</v>
          </cell>
          <cell r="I1718" t="str">
            <v>Agencies must be entered into the register of agencies and issue annual reports. Agencies must also provide a report upon request from the Ministry.</v>
          </cell>
          <cell r="J1718">
            <v>3</v>
          </cell>
          <cell r="M1718">
            <v>6</v>
          </cell>
        </row>
        <row r="1719">
          <cell r="A1719" t="str">
            <v>SVNTWA52008</v>
          </cell>
          <cell r="B1719" t="str">
            <v>SVN</v>
          </cell>
          <cell r="C1719" t="str">
            <v>Slovenia</v>
          </cell>
          <cell r="D1719" t="str">
            <v>Item 17</v>
          </cell>
          <cell r="E1719" t="str">
            <v>TWA5</v>
          </cell>
          <cell r="F1719" t="str">
            <v>Equal treatment for TWA workers</v>
          </cell>
          <cell r="G1719">
            <v>2008</v>
          </cell>
          <cell r="H1719">
            <v>2008</v>
          </cell>
          <cell r="I171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1719">
            <v>2</v>
          </cell>
          <cell r="M1719">
            <v>6</v>
          </cell>
        </row>
        <row r="1720">
          <cell r="A1720" t="str">
            <v>SVNCD12008</v>
          </cell>
          <cell r="B1720" t="str">
            <v>SVN</v>
          </cell>
          <cell r="C1720" t="str">
            <v>Slovenia</v>
          </cell>
          <cell r="D1720" t="str">
            <v>Item 18</v>
          </cell>
          <cell r="E1720" t="str">
            <v>CD1</v>
          </cell>
          <cell r="F1720" t="str">
            <v>Definition of collective dismissal</v>
          </cell>
          <cell r="G1720">
            <v>2008</v>
          </cell>
          <cell r="H1720">
            <v>2008</v>
          </cell>
          <cell r="I172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1720">
            <v>3</v>
          </cell>
          <cell r="M1720">
            <v>4.5</v>
          </cell>
        </row>
        <row r="1721">
          <cell r="A1721" t="str">
            <v>SVNCD22008</v>
          </cell>
          <cell r="B1721" t="str">
            <v>SVN</v>
          </cell>
          <cell r="C1721" t="str">
            <v>Slovenia</v>
          </cell>
          <cell r="D1721" t="str">
            <v>Item 19</v>
          </cell>
          <cell r="E1721" t="str">
            <v>CD2</v>
          </cell>
          <cell r="F1721" t="str">
            <v>Additional notification requirements in case of collective dismissals</v>
          </cell>
          <cell r="G1721">
            <v>2008</v>
          </cell>
          <cell r="H1721">
            <v>2008</v>
          </cell>
          <cell r="I1721" t="str">
            <v>The obligation to inform and consult with the union and the obligation to notify the Employment Service</v>
          </cell>
          <cell r="J1721">
            <v>1</v>
          </cell>
          <cell r="M1721">
            <v>3</v>
          </cell>
        </row>
        <row r="1722">
          <cell r="A1722" t="str">
            <v>SVNCD32008</v>
          </cell>
          <cell r="B1722" t="str">
            <v>SVN</v>
          </cell>
          <cell r="C1722" t="str">
            <v>Slovenia</v>
          </cell>
          <cell r="D1722" t="str">
            <v>Item 20</v>
          </cell>
          <cell r="E1722" t="str">
            <v>CD3</v>
          </cell>
          <cell r="F1722" t="str">
            <v>Additional delays involved in case of collective dismissals</v>
          </cell>
          <cell r="G1722">
            <v>2008</v>
          </cell>
          <cell r="H1722">
            <v>2008</v>
          </cell>
          <cell r="I172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1722">
            <v>30</v>
          </cell>
          <cell r="M1722">
            <v>3</v>
          </cell>
        </row>
        <row r="1723">
          <cell r="A1723" t="str">
            <v>SVNCD42008</v>
          </cell>
          <cell r="B1723" t="str">
            <v>SVN</v>
          </cell>
          <cell r="C1723" t="str">
            <v>Slovenia</v>
          </cell>
          <cell r="D1723" t="str">
            <v>Item 21</v>
          </cell>
          <cell r="E1723" t="str">
            <v>CD4</v>
          </cell>
          <cell r="F1723" t="str">
            <v>Other special costs to employers in case of collective dismissals</v>
          </cell>
          <cell r="G1723">
            <v>2008</v>
          </cell>
          <cell r="H1723">
            <v>2008</v>
          </cell>
          <cell r="I172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1723">
            <v>1</v>
          </cell>
          <cell r="M1723">
            <v>3</v>
          </cell>
        </row>
        <row r="1724">
          <cell r="A1724" t="str">
            <v>ZAFREG12008</v>
          </cell>
          <cell r="B1724" t="str">
            <v>ZAF</v>
          </cell>
          <cell r="C1724" t="str">
            <v>South Africa</v>
          </cell>
          <cell r="D1724" t="str">
            <v>Item 1</v>
          </cell>
          <cell r="E1724" t="str">
            <v>REG1</v>
          </cell>
          <cell r="F1724" t="str">
            <v>Notification procedures</v>
          </cell>
          <cell r="G1724">
            <v>2008</v>
          </cell>
          <cell r="H1724">
            <v>2008</v>
          </cell>
          <cell r="I1724"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24">
            <v>1.5</v>
          </cell>
          <cell r="M1724">
            <v>3</v>
          </cell>
        </row>
        <row r="1725">
          <cell r="A1725" t="str">
            <v>ZAFREG22008</v>
          </cell>
          <cell r="B1725" t="str">
            <v>ZAF</v>
          </cell>
          <cell r="C1725" t="str">
            <v>South Africa</v>
          </cell>
          <cell r="D1725" t="str">
            <v>Item 2</v>
          </cell>
          <cell r="E1725" t="str">
            <v>REG2</v>
          </cell>
          <cell r="F1725" t="str">
            <v>Delay before notice can start</v>
          </cell>
          <cell r="G1725">
            <v>2008</v>
          </cell>
          <cell r="H1725">
            <v>2008</v>
          </cell>
          <cell r="I1725"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25">
            <v>13</v>
          </cell>
          <cell r="M1725">
            <v>2</v>
          </cell>
        </row>
        <row r="1726">
          <cell r="A1726" t="str">
            <v>ZAFREG32008</v>
          </cell>
          <cell r="B1726" t="str">
            <v>ZAF</v>
          </cell>
          <cell r="C1726" t="str">
            <v>South Africa</v>
          </cell>
          <cell r="D1726" t="str">
            <v>Item 3</v>
          </cell>
          <cell r="E1726" t="str">
            <v>REG3A, REG3B, REG3C</v>
          </cell>
          <cell r="F1726" t="str">
            <v>Notice / tenure</v>
          </cell>
          <cell r="G1726">
            <v>2008</v>
          </cell>
          <cell r="H1726">
            <v>2008</v>
          </cell>
          <cell r="I1726"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26">
            <v>0.5</v>
          </cell>
          <cell r="K1726">
            <v>1</v>
          </cell>
          <cell r="L1726">
            <v>1</v>
          </cell>
          <cell r="M1726">
            <v>2</v>
          </cell>
          <cell r="N1726">
            <v>2</v>
          </cell>
          <cell r="O1726">
            <v>1</v>
          </cell>
        </row>
        <row r="1727">
          <cell r="A1727" t="str">
            <v>ZAFREG42008</v>
          </cell>
          <cell r="B1727" t="str">
            <v>ZAF</v>
          </cell>
          <cell r="C1727" t="str">
            <v>South Africa</v>
          </cell>
          <cell r="D1727" t="str">
            <v>Item 4</v>
          </cell>
          <cell r="E1727" t="str">
            <v>REG4A, REG4B, REG4C</v>
          </cell>
          <cell r="F1727" t="str">
            <v>Severance pay / tenure</v>
          </cell>
          <cell r="G1727">
            <v>2008</v>
          </cell>
          <cell r="H1727">
            <v>2008</v>
          </cell>
          <cell r="I1727"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27">
            <v>0</v>
          </cell>
          <cell r="K1727">
            <v>1</v>
          </cell>
          <cell r="L1727">
            <v>5</v>
          </cell>
          <cell r="M1727">
            <v>0</v>
          </cell>
          <cell r="N1727">
            <v>2</v>
          </cell>
          <cell r="O1727">
            <v>2</v>
          </cell>
        </row>
        <row r="1728">
          <cell r="A1728" t="str">
            <v>ZAFREG52008</v>
          </cell>
          <cell r="B1728" t="str">
            <v>ZAF</v>
          </cell>
          <cell r="C1728" t="str">
            <v>South Africa</v>
          </cell>
          <cell r="D1728" t="str">
            <v>Item 5</v>
          </cell>
          <cell r="E1728" t="str">
            <v>REG5</v>
          </cell>
          <cell r="F1728" t="str">
            <v>Definition of justified or unfair dismissal</v>
          </cell>
          <cell r="G1728">
            <v>2008</v>
          </cell>
          <cell r="H1728">
            <v>2008</v>
          </cell>
          <cell r="I1728"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28">
            <v>0.5</v>
          </cell>
          <cell r="M1728">
            <v>1</v>
          </cell>
        </row>
        <row r="1729">
          <cell r="A1729" t="str">
            <v>ZAFREG62008</v>
          </cell>
          <cell r="B1729" t="str">
            <v>ZAF</v>
          </cell>
          <cell r="C1729" t="str">
            <v>South Africa</v>
          </cell>
          <cell r="D1729" t="str">
            <v>Item 6</v>
          </cell>
          <cell r="E1729" t="str">
            <v>REG6</v>
          </cell>
          <cell r="F1729" t="str">
            <v>Trial period</v>
          </cell>
          <cell r="G1729">
            <v>2008</v>
          </cell>
          <cell r="H1729">
            <v>2008</v>
          </cell>
          <cell r="I1729"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29">
            <v>6</v>
          </cell>
          <cell r="M1729">
            <v>3</v>
          </cell>
        </row>
        <row r="1730">
          <cell r="A1730" t="str">
            <v>ZAFREG72008</v>
          </cell>
          <cell r="B1730" t="str">
            <v>ZAF</v>
          </cell>
          <cell r="C1730" t="str">
            <v>South Africa</v>
          </cell>
          <cell r="D1730" t="str">
            <v>Item 7</v>
          </cell>
          <cell r="E1730" t="str">
            <v>REG7</v>
          </cell>
          <cell r="F1730" t="str">
            <v xml:space="preserve">Compensation following unfair dismissal </v>
          </cell>
          <cell r="G1730">
            <v>2008</v>
          </cell>
          <cell r="H1730">
            <v>2008</v>
          </cell>
          <cell r="I1730"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30">
            <v>12</v>
          </cell>
          <cell r="M1730">
            <v>2</v>
          </cell>
        </row>
        <row r="1731">
          <cell r="A1731" t="str">
            <v>ZAFREG82008</v>
          </cell>
          <cell r="B1731" t="str">
            <v>ZAF</v>
          </cell>
          <cell r="C1731" t="str">
            <v>South Africa</v>
          </cell>
          <cell r="D1731" t="str">
            <v>Item 8</v>
          </cell>
          <cell r="E1731" t="str">
            <v>REG8</v>
          </cell>
          <cell r="F1731" t="str">
            <v>Possibility of reinstatement following unfair dismissal</v>
          </cell>
          <cell r="G1731">
            <v>2008</v>
          </cell>
          <cell r="H1731">
            <v>2008</v>
          </cell>
          <cell r="I1731"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31">
            <v>2</v>
          </cell>
          <cell r="M1731">
            <v>4</v>
          </cell>
        </row>
        <row r="1732">
          <cell r="A1732" t="str">
            <v>ZAFREG92008</v>
          </cell>
          <cell r="B1732" t="str">
            <v>ZAF</v>
          </cell>
          <cell r="C1732" t="str">
            <v>South Africa</v>
          </cell>
          <cell r="D1732" t="str">
            <v>Item 9</v>
          </cell>
          <cell r="E1732" t="str">
            <v>REG9</v>
          </cell>
          <cell r="F1732" t="str">
            <v>Maximum time for claim</v>
          </cell>
          <cell r="G1732">
            <v>2008</v>
          </cell>
          <cell r="H1732">
            <v>2008</v>
          </cell>
          <cell r="I1732" t="str">
            <v>Within 30 days from the date of dismissal.</v>
          </cell>
          <cell r="J1732">
            <v>1</v>
          </cell>
          <cell r="M1732">
            <v>1</v>
          </cell>
        </row>
        <row r="1733">
          <cell r="A1733" t="str">
            <v>ZAFFTC12008</v>
          </cell>
          <cell r="B1733" t="str">
            <v>ZAF</v>
          </cell>
          <cell r="C1733" t="str">
            <v>South Africa</v>
          </cell>
          <cell r="D1733" t="str">
            <v>Item 10</v>
          </cell>
          <cell r="E1733" t="str">
            <v>FTC1</v>
          </cell>
          <cell r="F1733" t="str">
            <v>Valid cases for use of fixed-term contracts, other than  “objective”  or “material” situation</v>
          </cell>
          <cell r="G1733">
            <v>2008</v>
          </cell>
          <cell r="H1733">
            <v>2008</v>
          </cell>
          <cell r="I1733" t="str">
            <v>Fixed-term contracts are widely used and possible for all types of employment. No objective reason is required.</v>
          </cell>
          <cell r="J1733">
            <v>3</v>
          </cell>
          <cell r="M1733">
            <v>0</v>
          </cell>
        </row>
        <row r="1734">
          <cell r="A1734" t="str">
            <v>ZAFFTC22008</v>
          </cell>
          <cell r="B1734" t="str">
            <v>ZAF</v>
          </cell>
          <cell r="C1734" t="str">
            <v>South Africa</v>
          </cell>
          <cell r="D1734" t="str">
            <v>Item 11</v>
          </cell>
          <cell r="E1734" t="str">
            <v>FTC2</v>
          </cell>
          <cell r="F1734" t="str">
            <v>Maximum number of successive fixed-term contracts</v>
          </cell>
          <cell r="G1734">
            <v>2008</v>
          </cell>
          <cell r="H1734">
            <v>2008</v>
          </cell>
          <cell r="I1734"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34">
            <v>4</v>
          </cell>
          <cell r="M1734">
            <v>2</v>
          </cell>
        </row>
        <row r="1735">
          <cell r="A1735" t="str">
            <v>ZAFFTC32008</v>
          </cell>
          <cell r="B1735" t="str">
            <v>ZAF</v>
          </cell>
          <cell r="C1735" t="str">
            <v>South Africa</v>
          </cell>
          <cell r="D1735" t="str">
            <v>Item 12</v>
          </cell>
          <cell r="E1735" t="str">
            <v>FTC3</v>
          </cell>
          <cell r="F1735" t="str">
            <v>Maximum cumulated duration of successive fixed-term contracts</v>
          </cell>
          <cell r="G1735">
            <v>2008</v>
          </cell>
          <cell r="H1735">
            <v>2008</v>
          </cell>
          <cell r="I1735" t="str">
            <v>No limit</v>
          </cell>
          <cell r="J1735">
            <v>200</v>
          </cell>
          <cell r="M1735">
            <v>0</v>
          </cell>
        </row>
        <row r="1736">
          <cell r="A1736" t="str">
            <v>ZAFTWA12008</v>
          </cell>
          <cell r="B1736" t="str">
            <v>ZAF</v>
          </cell>
          <cell r="C1736" t="str">
            <v>South Africa</v>
          </cell>
          <cell r="D1736" t="str">
            <v>Item 13</v>
          </cell>
          <cell r="E1736" t="str">
            <v>TWA1</v>
          </cell>
          <cell r="F1736" t="str">
            <v>Types of work for which TWA employment is legal</v>
          </cell>
          <cell r="G1736">
            <v>2008</v>
          </cell>
          <cell r="H1736">
            <v>2008</v>
          </cell>
          <cell r="I1736" t="str">
            <v>All work</v>
          </cell>
          <cell r="J1736">
            <v>4</v>
          </cell>
          <cell r="M1736">
            <v>0</v>
          </cell>
        </row>
        <row r="1737">
          <cell r="A1737" t="str">
            <v>ZAFTWA22008</v>
          </cell>
          <cell r="B1737" t="str">
            <v>ZAF</v>
          </cell>
          <cell r="C1737" t="str">
            <v>South Africa</v>
          </cell>
          <cell r="D1737" t="str">
            <v>Item 14</v>
          </cell>
          <cell r="E1737" t="str">
            <v>TWA2A, TWA2B</v>
          </cell>
          <cell r="F1737" t="str">
            <v>Are there any restrictions on the number of renewals of a TWA contract?</v>
          </cell>
          <cell r="G1737">
            <v>2008</v>
          </cell>
          <cell r="H1737">
            <v>2008</v>
          </cell>
          <cell r="I1737" t="str">
            <v>No for both contracts and assignments</v>
          </cell>
          <cell r="J1737" t="str">
            <v>No</v>
          </cell>
          <cell r="K1737" t="str">
            <v>No</v>
          </cell>
          <cell r="M1737">
            <v>2</v>
          </cell>
          <cell r="N1737">
            <v>2</v>
          </cell>
        </row>
        <row r="1738">
          <cell r="A1738" t="str">
            <v>ZAFTWA32008</v>
          </cell>
          <cell r="B1738" t="str">
            <v>ZAF</v>
          </cell>
          <cell r="C1738" t="str">
            <v>South Africa</v>
          </cell>
          <cell r="D1738" t="str">
            <v>Item 15</v>
          </cell>
          <cell r="E1738" t="str">
            <v>TWA3A, TWA3B</v>
          </cell>
          <cell r="F1738" t="str">
            <v>Maximum cumulated duration of temporary work contracts</v>
          </cell>
          <cell r="G1738">
            <v>2008</v>
          </cell>
          <cell r="H1738">
            <v>2008</v>
          </cell>
          <cell r="I1738" t="str">
            <v>No limit for both contracts and assignments</v>
          </cell>
          <cell r="J1738">
            <v>100</v>
          </cell>
          <cell r="K1738">
            <v>100</v>
          </cell>
          <cell r="M1738">
            <v>0</v>
          </cell>
          <cell r="N1738">
            <v>0</v>
          </cell>
        </row>
        <row r="1739">
          <cell r="A1739" t="str">
            <v>ZAFTWA42008</v>
          </cell>
          <cell r="B1739" t="str">
            <v>ZAF</v>
          </cell>
          <cell r="C1739" t="str">
            <v>South Africa</v>
          </cell>
          <cell r="D1739" t="str">
            <v>Item 16</v>
          </cell>
          <cell r="E1739" t="str">
            <v>TWA4</v>
          </cell>
          <cell r="F1739" t="str">
            <v>Authorisation or reporting requirements</v>
          </cell>
          <cell r="G1739">
            <v>2008</v>
          </cell>
          <cell r="H1739">
            <v>2008</v>
          </cell>
          <cell r="I1739" t="str">
            <v>A temporary employment service is required to register with the Department of Labour.</v>
          </cell>
          <cell r="J1739">
            <v>1</v>
          </cell>
          <cell r="M1739">
            <v>2</v>
          </cell>
        </row>
        <row r="1740">
          <cell r="A1740" t="str">
            <v>ZAFTWA52008</v>
          </cell>
          <cell r="B1740" t="str">
            <v>ZAF</v>
          </cell>
          <cell r="C1740" t="str">
            <v>South Africa</v>
          </cell>
          <cell r="D1740" t="str">
            <v>Item 17</v>
          </cell>
          <cell r="E1740" t="str">
            <v>TWA5</v>
          </cell>
          <cell r="F1740" t="str">
            <v>Equal treatment for TWA workers</v>
          </cell>
          <cell r="G1740">
            <v>2008</v>
          </cell>
          <cell r="H1740">
            <v>2008</v>
          </cell>
          <cell r="I1740" t="str">
            <v>TWA workers are the employees of the agency and are bound by any collective agreement, sectoral determination or legislation that binds the agency.</v>
          </cell>
          <cell r="J1740">
            <v>0</v>
          </cell>
          <cell r="M1740">
            <v>0</v>
          </cell>
        </row>
        <row r="1741">
          <cell r="A1741" t="str">
            <v>ZAFCD12008</v>
          </cell>
          <cell r="B1741" t="str">
            <v>ZAF</v>
          </cell>
          <cell r="C1741" t="str">
            <v>South Africa</v>
          </cell>
          <cell r="D1741" t="str">
            <v>Item 18</v>
          </cell>
          <cell r="E1741" t="str">
            <v>CD1</v>
          </cell>
          <cell r="F1741" t="str">
            <v>Definition of collective dismissal</v>
          </cell>
          <cell r="G1741">
            <v>2008</v>
          </cell>
          <cell r="H1741">
            <v>2008</v>
          </cell>
          <cell r="I1741"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41">
            <v>3</v>
          </cell>
          <cell r="M1741">
            <v>4.5</v>
          </cell>
        </row>
        <row r="1742">
          <cell r="A1742" t="str">
            <v>ZAFCD22008</v>
          </cell>
          <cell r="B1742" t="str">
            <v>ZAF</v>
          </cell>
          <cell r="C1742" t="str">
            <v>South Africa</v>
          </cell>
          <cell r="D1742" t="str">
            <v>Item 19</v>
          </cell>
          <cell r="E1742" t="str">
            <v>CD2</v>
          </cell>
          <cell r="F1742" t="str">
            <v>Additional notification requirements in case of collective dismissals</v>
          </cell>
          <cell r="G1742">
            <v>2008</v>
          </cell>
          <cell r="H1742">
            <v>2008</v>
          </cell>
          <cell r="I1742" t="str">
            <v>None.</v>
          </cell>
          <cell r="J1742">
            <v>0</v>
          </cell>
          <cell r="M1742">
            <v>0</v>
          </cell>
        </row>
        <row r="1743">
          <cell r="A1743" t="str">
            <v>ZAFCD32008</v>
          </cell>
          <cell r="B1743" t="str">
            <v>ZAF</v>
          </cell>
          <cell r="C1743" t="str">
            <v>South Africa</v>
          </cell>
          <cell r="D1743" t="str">
            <v>Item 20</v>
          </cell>
          <cell r="E1743" t="str">
            <v>CD3</v>
          </cell>
          <cell r="F1743" t="str">
            <v>Additional delays involved in case of collective dismissals</v>
          </cell>
          <cell r="G1743">
            <v>2008</v>
          </cell>
          <cell r="H1743">
            <v>2008</v>
          </cell>
          <cell r="I1743"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43">
            <v>47.5</v>
          </cell>
          <cell r="M1743">
            <v>3</v>
          </cell>
        </row>
        <row r="1744">
          <cell r="A1744" t="str">
            <v>ZAFCD42008</v>
          </cell>
          <cell r="B1744" t="str">
            <v>ZAF</v>
          </cell>
          <cell r="C1744" t="str">
            <v>South Africa</v>
          </cell>
          <cell r="D1744" t="str">
            <v>Item 21</v>
          </cell>
          <cell r="E1744" t="str">
            <v>CD4</v>
          </cell>
          <cell r="F1744" t="str">
            <v>Other special costs to employers in case of collective dismissals</v>
          </cell>
          <cell r="G1744">
            <v>2008</v>
          </cell>
          <cell r="H1744">
            <v>2008</v>
          </cell>
          <cell r="I1744" t="str">
            <v>None, although the negotiation of social plans is common in the public service or state enterprises.</v>
          </cell>
          <cell r="J1744">
            <v>0</v>
          </cell>
          <cell r="M1744">
            <v>0</v>
          </cell>
        </row>
        <row r="1745">
          <cell r="A1745" t="str">
            <v>IDNREG12012</v>
          </cell>
          <cell r="B1745" t="str">
            <v>IDN</v>
          </cell>
          <cell r="C1745" t="str">
            <v>Indonesia</v>
          </cell>
          <cell r="D1745" t="str">
            <v>Item 1</v>
          </cell>
          <cell r="E1745" t="str">
            <v>REG1</v>
          </cell>
          <cell r="F1745" t="str">
            <v>Notification procedures</v>
          </cell>
          <cell r="G1745">
            <v>2012</v>
          </cell>
          <cell r="H1745">
            <v>2012</v>
          </cell>
          <cell r="I1745"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745">
            <v>2.5</v>
          </cell>
          <cell r="M1745">
            <v>5</v>
          </cell>
        </row>
        <row r="1746">
          <cell r="A1746" t="str">
            <v>IDNREG22012</v>
          </cell>
          <cell r="B1746" t="str">
            <v>IDN</v>
          </cell>
          <cell r="C1746" t="str">
            <v>Indonesia</v>
          </cell>
          <cell r="D1746" t="str">
            <v>Item 2</v>
          </cell>
          <cell r="E1746" t="str">
            <v>REG2</v>
          </cell>
          <cell r="F1746" t="str">
            <v>Delay before notice can start</v>
          </cell>
          <cell r="G1746">
            <v>2012</v>
          </cell>
          <cell r="H1746">
            <v>2012</v>
          </cell>
          <cell r="I1746"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746">
            <v>110</v>
          </cell>
          <cell r="M1746">
            <v>6</v>
          </cell>
        </row>
        <row r="1747">
          <cell r="A1747" t="str">
            <v>IDNREG32012</v>
          </cell>
          <cell r="B1747" t="str">
            <v>IDN</v>
          </cell>
          <cell r="C1747" t="str">
            <v>Indonesia</v>
          </cell>
          <cell r="D1747" t="str">
            <v>Item 3</v>
          </cell>
          <cell r="E1747" t="str">
            <v>REG3A, REG3B, REG3C</v>
          </cell>
          <cell r="F1747" t="str">
            <v>Notice / tenure</v>
          </cell>
          <cell r="G1747">
            <v>2012</v>
          </cell>
          <cell r="H1747">
            <v>2012</v>
          </cell>
          <cell r="I1747" t="str">
            <v>There is no notice period as dismissal must be approved by the institution for the settlement of industrial relations disputes.</v>
          </cell>
          <cell r="J1747">
            <v>0</v>
          </cell>
          <cell r="K1747">
            <v>0</v>
          </cell>
          <cell r="L1747">
            <v>0</v>
          </cell>
          <cell r="M1747">
            <v>0</v>
          </cell>
          <cell r="N1747">
            <v>0</v>
          </cell>
          <cell r="O1747">
            <v>0</v>
          </cell>
        </row>
        <row r="1748">
          <cell r="A1748" t="str">
            <v>IDNREG42012</v>
          </cell>
          <cell r="B1748" t="str">
            <v>IDN</v>
          </cell>
          <cell r="C1748" t="str">
            <v>Indonesia</v>
          </cell>
          <cell r="D1748" t="str">
            <v>Item 4</v>
          </cell>
          <cell r="E1748" t="str">
            <v>REG4A, REG4B, REG4C</v>
          </cell>
          <cell r="F1748" t="str">
            <v>Severance pay / tenure</v>
          </cell>
          <cell r="G1748">
            <v>2012</v>
          </cell>
          <cell r="H1748">
            <v>2012</v>
          </cell>
          <cell r="I1748"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748">
            <v>1</v>
          </cell>
          <cell r="K1748">
            <v>7</v>
          </cell>
          <cell r="L1748">
            <v>16</v>
          </cell>
          <cell r="M1748">
            <v>2</v>
          </cell>
          <cell r="N1748">
            <v>6</v>
          </cell>
          <cell r="O1748">
            <v>5</v>
          </cell>
        </row>
        <row r="1749">
          <cell r="A1749" t="str">
            <v>IDNREG52012</v>
          </cell>
          <cell r="B1749" t="str">
            <v>IDN</v>
          </cell>
          <cell r="C1749" t="str">
            <v>Indonesia</v>
          </cell>
          <cell r="D1749" t="str">
            <v>Item 5</v>
          </cell>
          <cell r="E1749" t="str">
            <v>REG5</v>
          </cell>
          <cell r="F1749" t="str">
            <v>Definition of justified or unfair dismissal</v>
          </cell>
          <cell r="G1749">
            <v>2012</v>
          </cell>
          <cell r="H1749">
            <v>2012</v>
          </cell>
          <cell r="I1749"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749">
            <v>3</v>
          </cell>
          <cell r="M1749">
            <v>6</v>
          </cell>
        </row>
        <row r="1750">
          <cell r="A1750" t="str">
            <v>IDNREG62012</v>
          </cell>
          <cell r="B1750" t="str">
            <v>IDN</v>
          </cell>
          <cell r="C1750" t="str">
            <v>Indonesia</v>
          </cell>
          <cell r="D1750" t="str">
            <v>Item 6</v>
          </cell>
          <cell r="E1750" t="str">
            <v>REG6</v>
          </cell>
          <cell r="F1750" t="str">
            <v>Trial period</v>
          </cell>
          <cell r="G1750">
            <v>2012</v>
          </cell>
          <cell r="H1750">
            <v>2012</v>
          </cell>
          <cell r="I1750" t="str">
            <v>Maximum of three months. There is no trial period allowed for fixed-term contracts.</v>
          </cell>
          <cell r="J1750">
            <v>3</v>
          </cell>
          <cell r="M1750">
            <v>4</v>
          </cell>
        </row>
        <row r="1751">
          <cell r="A1751" t="str">
            <v>IDNREG72012</v>
          </cell>
          <cell r="B1751" t="str">
            <v>IDN</v>
          </cell>
          <cell r="C1751" t="str">
            <v>Indonesia</v>
          </cell>
          <cell r="D1751" t="str">
            <v>Item 7</v>
          </cell>
          <cell r="E1751" t="str">
            <v>REG7</v>
          </cell>
          <cell r="F1751" t="str">
            <v xml:space="preserve">Compensation following unfair dismissal </v>
          </cell>
          <cell r="G1751">
            <v>2012</v>
          </cell>
          <cell r="H1751">
            <v>2012</v>
          </cell>
          <cell r="I1751" t="str">
            <v>The employer is obliged to pay all the wages and entitlements which the affected worker should have received.</v>
          </cell>
          <cell r="J1751">
            <v>6</v>
          </cell>
          <cell r="M1751">
            <v>1</v>
          </cell>
        </row>
        <row r="1752">
          <cell r="A1752" t="str">
            <v>IDNREG82012</v>
          </cell>
          <cell r="B1752" t="str">
            <v>IDN</v>
          </cell>
          <cell r="C1752" t="str">
            <v>Indonesia</v>
          </cell>
          <cell r="D1752" t="str">
            <v>Item 8</v>
          </cell>
          <cell r="E1752" t="str">
            <v>REG8</v>
          </cell>
          <cell r="F1752" t="str">
            <v>Possibility of reinstatement following unfair dismissal</v>
          </cell>
          <cell r="G1752">
            <v>2012</v>
          </cell>
          <cell r="H1752">
            <v>2012</v>
          </cell>
          <cell r="I1752" t="str">
            <v>If the termination of employment takes place for reasons other than those allowed, it will be declared null and void and the employer shall be obliged to re-employ the affected worker.</v>
          </cell>
          <cell r="J1752">
            <v>3</v>
          </cell>
          <cell r="M1752">
            <v>6</v>
          </cell>
        </row>
        <row r="1753">
          <cell r="A1753" t="str">
            <v>IDNREG92012</v>
          </cell>
          <cell r="B1753" t="str">
            <v>IDN</v>
          </cell>
          <cell r="C1753" t="str">
            <v>Indonesia</v>
          </cell>
          <cell r="D1753" t="str">
            <v>Item 9</v>
          </cell>
          <cell r="E1753" t="str">
            <v>REG9</v>
          </cell>
          <cell r="F1753" t="str">
            <v>Maximum time for claim</v>
          </cell>
          <cell r="G1753">
            <v>2012</v>
          </cell>
          <cell r="H1753">
            <v>2012</v>
          </cell>
          <cell r="I1753"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753">
            <v>12</v>
          </cell>
          <cell r="M1753">
            <v>5</v>
          </cell>
        </row>
        <row r="1754">
          <cell r="A1754" t="str">
            <v>IDNFTC12012</v>
          </cell>
          <cell r="B1754" t="str">
            <v>IDN</v>
          </cell>
          <cell r="C1754" t="str">
            <v>Indonesia</v>
          </cell>
          <cell r="D1754" t="str">
            <v>Item 10</v>
          </cell>
          <cell r="E1754" t="str">
            <v>FTC1</v>
          </cell>
          <cell r="F1754" t="str">
            <v>Valid cases for use of fixed-term contracts, other than  “objective”  or “material” situation</v>
          </cell>
          <cell r="G1754">
            <v>2012</v>
          </cell>
          <cell r="H1754">
            <v>2012</v>
          </cell>
          <cell r="I1754"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754">
            <v>0</v>
          </cell>
          <cell r="M1754">
            <v>6</v>
          </cell>
        </row>
        <row r="1755">
          <cell r="A1755" t="str">
            <v>IDNFTC22012</v>
          </cell>
          <cell r="B1755" t="str">
            <v>IDN</v>
          </cell>
          <cell r="C1755" t="str">
            <v>Indonesia</v>
          </cell>
          <cell r="D1755" t="str">
            <v>Item 11</v>
          </cell>
          <cell r="E1755" t="str">
            <v>FTC2</v>
          </cell>
          <cell r="F1755" t="str">
            <v>Maximum number of successive fixed-term contracts</v>
          </cell>
          <cell r="G1755">
            <v>2012</v>
          </cell>
          <cell r="H1755">
            <v>2012</v>
          </cell>
          <cell r="I1755" t="str">
            <v>One extension possible.</v>
          </cell>
          <cell r="J1755">
            <v>2</v>
          </cell>
          <cell r="M1755">
            <v>4</v>
          </cell>
        </row>
        <row r="1756">
          <cell r="A1756" t="str">
            <v>IDNFTC32012</v>
          </cell>
          <cell r="B1756" t="str">
            <v>IDN</v>
          </cell>
          <cell r="C1756" t="str">
            <v>Indonesia</v>
          </cell>
          <cell r="D1756" t="str">
            <v>Item 12</v>
          </cell>
          <cell r="E1756" t="str">
            <v>FTC3</v>
          </cell>
          <cell r="F1756" t="str">
            <v>Maximum cumulated duration of successive fixed-term contracts</v>
          </cell>
          <cell r="G1756">
            <v>2012</v>
          </cell>
          <cell r="H1756">
            <v>2012</v>
          </cell>
          <cell r="I1756" t="str">
            <v>A work agreement for a specified period of time may be made for a period of no longer than two years and may only be extended one time for another period that is not longer than 1 year.</v>
          </cell>
          <cell r="J1756">
            <v>36</v>
          </cell>
          <cell r="M1756">
            <v>1</v>
          </cell>
        </row>
        <row r="1757">
          <cell r="A1757" t="str">
            <v>IDNTWA12012</v>
          </cell>
          <cell r="B1757" t="str">
            <v>IDN</v>
          </cell>
          <cell r="C1757" t="str">
            <v>Indonesia</v>
          </cell>
          <cell r="D1757" t="str">
            <v>Item 13</v>
          </cell>
          <cell r="E1757" t="str">
            <v>TWA1</v>
          </cell>
          <cell r="F1757" t="str">
            <v>Types of work for which TWA employment is legal</v>
          </cell>
          <cell r="G1757">
            <v>2012</v>
          </cell>
          <cell r="H1757">
            <v>2012</v>
          </cell>
          <cell r="I1757"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757">
            <v>3</v>
          </cell>
          <cell r="M1757">
            <v>1.5</v>
          </cell>
        </row>
        <row r="1758">
          <cell r="A1758" t="str">
            <v>IDNTWA22012</v>
          </cell>
          <cell r="B1758" t="str">
            <v>IDN</v>
          </cell>
          <cell r="C1758" t="str">
            <v>Indonesia</v>
          </cell>
          <cell r="D1758" t="str">
            <v>Item 14</v>
          </cell>
          <cell r="E1758" t="str">
            <v>TWA2A, TWA2B</v>
          </cell>
          <cell r="F1758" t="str">
            <v>Are there any restrictions on the number of renewals of a TWA contract?</v>
          </cell>
          <cell r="G1758">
            <v>2012</v>
          </cell>
          <cell r="H1758">
            <v>2012</v>
          </cell>
          <cell r="I1758" t="str">
            <v xml:space="preserve">Temporary work agency workers are employed either on contracts of unlimited duration or fixed-term contracts.
No limit for renewal of assignments
</v>
          </cell>
          <cell r="J1758" t="str">
            <v>No</v>
          </cell>
          <cell r="K1758" t="str">
            <v>No</v>
          </cell>
          <cell r="M1758">
            <v>2</v>
          </cell>
          <cell r="N1758">
            <v>2</v>
          </cell>
        </row>
        <row r="1759">
          <cell r="A1759" t="str">
            <v>IDNTWA32012</v>
          </cell>
          <cell r="B1759" t="str">
            <v>IDN</v>
          </cell>
          <cell r="C1759" t="str">
            <v>Indonesia</v>
          </cell>
          <cell r="D1759" t="str">
            <v>Item 15</v>
          </cell>
          <cell r="E1759" t="str">
            <v>TWA3A, TWA3B</v>
          </cell>
          <cell r="F1759" t="str">
            <v>Maximum cumulated duration of temporary work contracts</v>
          </cell>
          <cell r="G1759">
            <v>2012</v>
          </cell>
          <cell r="H1759">
            <v>2012</v>
          </cell>
          <cell r="I1759" t="str">
            <v xml:space="preserve">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759">
            <v>100</v>
          </cell>
          <cell r="K1759">
            <v>100</v>
          </cell>
          <cell r="M1759">
            <v>0</v>
          </cell>
          <cell r="N1759">
            <v>0</v>
          </cell>
        </row>
        <row r="1760">
          <cell r="A1760" t="str">
            <v>IDNTWA42012</v>
          </cell>
          <cell r="B1760" t="str">
            <v>IDN</v>
          </cell>
          <cell r="C1760" t="str">
            <v>Indonesia</v>
          </cell>
          <cell r="D1760" t="str">
            <v>Item 16</v>
          </cell>
          <cell r="E1760" t="str">
            <v>TWA4</v>
          </cell>
          <cell r="F1760" t="str">
            <v>Authorisation or reporting requirements</v>
          </cell>
          <cell r="G1760">
            <v>2012</v>
          </cell>
          <cell r="H1760">
            <v>2012</v>
          </cell>
          <cell r="I1760" t="str">
            <v>Temporary work agencies shall take the form of a legal entity business with license from a government agency responsible for labour/ manpower affairs.</v>
          </cell>
          <cell r="J1760">
            <v>1</v>
          </cell>
          <cell r="M1760">
            <v>2</v>
          </cell>
        </row>
        <row r="1761">
          <cell r="A1761" t="str">
            <v>IDNTWA52012</v>
          </cell>
          <cell r="B1761" t="str">
            <v>IDN</v>
          </cell>
          <cell r="C1761" t="str">
            <v>Indonesia</v>
          </cell>
          <cell r="D1761" t="str">
            <v>Item 17</v>
          </cell>
          <cell r="E1761" t="str">
            <v>TWA5</v>
          </cell>
          <cell r="F1761" t="str">
            <v>Equal treatment for TWA workers</v>
          </cell>
          <cell r="G1761">
            <v>2012</v>
          </cell>
          <cell r="H1761">
            <v>2012</v>
          </cell>
          <cell r="I1761" t="str">
            <v xml:space="preserve">In principle yes but in practice this is rarely the case.
Calculation: average of Yes and No.
</v>
          </cell>
          <cell r="J1761">
            <v>1</v>
          </cell>
          <cell r="M1761">
            <v>3</v>
          </cell>
        </row>
        <row r="1762">
          <cell r="A1762" t="str">
            <v>IDNCD12012</v>
          </cell>
          <cell r="B1762" t="str">
            <v>IDN</v>
          </cell>
          <cell r="C1762" t="str">
            <v>Indonesia</v>
          </cell>
          <cell r="D1762" t="str">
            <v>Item 18</v>
          </cell>
          <cell r="E1762" t="str">
            <v>CD1</v>
          </cell>
          <cell r="F1762" t="str">
            <v>Definition of collective dismissal</v>
          </cell>
          <cell r="G1762">
            <v>2012</v>
          </cell>
          <cell r="H1762">
            <v>2012</v>
          </cell>
          <cell r="I1762" t="str">
            <v>There are no special regulations or additional costs for collective dismissals.</v>
          </cell>
          <cell r="J1762">
            <v>0</v>
          </cell>
          <cell r="M1762">
            <v>0</v>
          </cell>
        </row>
        <row r="1763">
          <cell r="A1763" t="str">
            <v>IDNCD22012</v>
          </cell>
          <cell r="B1763" t="str">
            <v>IDN</v>
          </cell>
          <cell r="C1763" t="str">
            <v>Indonesia</v>
          </cell>
          <cell r="D1763" t="str">
            <v>Item 19</v>
          </cell>
          <cell r="E1763" t="str">
            <v>CD2</v>
          </cell>
          <cell r="F1763" t="str">
            <v>Additional notification requirements in case of collective dismissals</v>
          </cell>
          <cell r="G1763">
            <v>2012</v>
          </cell>
          <cell r="H1763">
            <v>2012</v>
          </cell>
          <cell r="I1763" t="str">
            <v>There are no special regulations or additional costs for collective dismissals.</v>
          </cell>
          <cell r="J1763">
            <v>0</v>
          </cell>
          <cell r="M1763">
            <v>0</v>
          </cell>
        </row>
        <row r="1764">
          <cell r="A1764" t="str">
            <v>IDNCD32012</v>
          </cell>
          <cell r="B1764" t="str">
            <v>IDN</v>
          </cell>
          <cell r="C1764" t="str">
            <v>Indonesia</v>
          </cell>
          <cell r="D1764" t="str">
            <v>Item 20</v>
          </cell>
          <cell r="E1764" t="str">
            <v>CD3</v>
          </cell>
          <cell r="F1764" t="str">
            <v>Additional delays involved in case of collective dismissals</v>
          </cell>
          <cell r="G1764">
            <v>2012</v>
          </cell>
          <cell r="H1764">
            <v>2012</v>
          </cell>
          <cell r="I1764" t="str">
            <v>There are no special regulations or additional costs for collective dismissals.</v>
          </cell>
          <cell r="J1764">
            <v>0</v>
          </cell>
          <cell r="M1764">
            <v>0</v>
          </cell>
        </row>
        <row r="1765">
          <cell r="A1765" t="str">
            <v>IDNCD42012</v>
          </cell>
          <cell r="B1765" t="str">
            <v>IDN</v>
          </cell>
          <cell r="C1765" t="str">
            <v>Indonesia</v>
          </cell>
          <cell r="D1765" t="str">
            <v>Item 21</v>
          </cell>
          <cell r="E1765" t="str">
            <v>CD4</v>
          </cell>
          <cell r="F1765" t="str">
            <v>Other special costs to employers in case of collective dismissals</v>
          </cell>
          <cell r="G1765">
            <v>2012</v>
          </cell>
          <cell r="H1765">
            <v>2012</v>
          </cell>
          <cell r="I1765" t="str">
            <v>There are no special regulations or additional costs for collective dismissals.</v>
          </cell>
          <cell r="J1765">
            <v>0</v>
          </cell>
          <cell r="M1765">
            <v>0</v>
          </cell>
        </row>
        <row r="1766">
          <cell r="A1766" t="str">
            <v>ZAFREG12012</v>
          </cell>
          <cell r="B1766" t="str">
            <v>ZAF</v>
          </cell>
          <cell r="C1766" t="str">
            <v>South Africa</v>
          </cell>
          <cell r="D1766" t="str">
            <v>Item 1</v>
          </cell>
          <cell r="E1766" t="str">
            <v>REG1</v>
          </cell>
          <cell r="F1766" t="str">
            <v>Notification procedures</v>
          </cell>
          <cell r="G1766">
            <v>2012</v>
          </cell>
          <cell r="H1766">
            <v>2012</v>
          </cell>
          <cell r="I1766"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66">
            <v>1.5</v>
          </cell>
          <cell r="M1766">
            <v>3</v>
          </cell>
        </row>
        <row r="1767">
          <cell r="A1767" t="str">
            <v>ZAFREG22012</v>
          </cell>
          <cell r="B1767" t="str">
            <v>ZAF</v>
          </cell>
          <cell r="C1767" t="str">
            <v>South Africa</v>
          </cell>
          <cell r="D1767" t="str">
            <v>Item 2</v>
          </cell>
          <cell r="E1767" t="str">
            <v>REG2</v>
          </cell>
          <cell r="F1767" t="str">
            <v>Delay before notice can start</v>
          </cell>
          <cell r="G1767">
            <v>2012</v>
          </cell>
          <cell r="H1767">
            <v>2012</v>
          </cell>
          <cell r="I1767"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67">
            <v>13</v>
          </cell>
          <cell r="M1767">
            <v>2</v>
          </cell>
        </row>
        <row r="1768">
          <cell r="A1768" t="str">
            <v>ZAFREG32012</v>
          </cell>
          <cell r="B1768" t="str">
            <v>ZAF</v>
          </cell>
          <cell r="C1768" t="str">
            <v>South Africa</v>
          </cell>
          <cell r="D1768" t="str">
            <v>Item 3</v>
          </cell>
          <cell r="E1768" t="str">
            <v>REG3A, REG3B, REG3C</v>
          </cell>
          <cell r="F1768" t="str">
            <v>Notice / tenure</v>
          </cell>
          <cell r="G1768">
            <v>2012</v>
          </cell>
          <cell r="H1768">
            <v>2012</v>
          </cell>
          <cell r="I1768"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68">
            <v>0.5</v>
          </cell>
          <cell r="K1768">
            <v>1</v>
          </cell>
          <cell r="L1768">
            <v>1</v>
          </cell>
          <cell r="M1768">
            <v>2</v>
          </cell>
          <cell r="N1768">
            <v>2</v>
          </cell>
          <cell r="O1768">
            <v>1</v>
          </cell>
        </row>
        <row r="1769">
          <cell r="A1769" t="str">
            <v>ZAFREG42012</v>
          </cell>
          <cell r="B1769" t="str">
            <v>ZAF</v>
          </cell>
          <cell r="C1769" t="str">
            <v>South Africa</v>
          </cell>
          <cell r="D1769" t="str">
            <v>Item 4</v>
          </cell>
          <cell r="E1769" t="str">
            <v>REG4A, REG4B, REG4C</v>
          </cell>
          <cell r="F1769" t="str">
            <v>Severance pay / tenure</v>
          </cell>
          <cell r="G1769">
            <v>2012</v>
          </cell>
          <cell r="H1769">
            <v>2012</v>
          </cell>
          <cell r="I1769"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69">
            <v>0</v>
          </cell>
          <cell r="K1769">
            <v>1</v>
          </cell>
          <cell r="L1769">
            <v>5</v>
          </cell>
          <cell r="M1769">
            <v>0</v>
          </cell>
          <cell r="N1769">
            <v>2</v>
          </cell>
          <cell r="O1769">
            <v>2</v>
          </cell>
        </row>
        <row r="1770">
          <cell r="A1770" t="str">
            <v>ZAFREG52012</v>
          </cell>
          <cell r="B1770" t="str">
            <v>ZAF</v>
          </cell>
          <cell r="C1770" t="str">
            <v>South Africa</v>
          </cell>
          <cell r="D1770" t="str">
            <v>Item 5</v>
          </cell>
          <cell r="E1770" t="str">
            <v>REG5</v>
          </cell>
          <cell r="F1770" t="str">
            <v>Definition of justified or unfair dismissal</v>
          </cell>
          <cell r="G1770">
            <v>2012</v>
          </cell>
          <cell r="H1770">
            <v>2012</v>
          </cell>
          <cell r="I1770"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70">
            <v>0.5</v>
          </cell>
          <cell r="M1770">
            <v>1</v>
          </cell>
        </row>
        <row r="1771">
          <cell r="A1771" t="str">
            <v>ZAFREG62012</v>
          </cell>
          <cell r="B1771" t="str">
            <v>ZAF</v>
          </cell>
          <cell r="C1771" t="str">
            <v>South Africa</v>
          </cell>
          <cell r="D1771" t="str">
            <v>Item 6</v>
          </cell>
          <cell r="E1771" t="str">
            <v>REG6</v>
          </cell>
          <cell r="F1771" t="str">
            <v>Trial period</v>
          </cell>
          <cell r="G1771">
            <v>2012</v>
          </cell>
          <cell r="H1771">
            <v>2012</v>
          </cell>
          <cell r="I1771"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71">
            <v>6</v>
          </cell>
          <cell r="M1771">
            <v>3</v>
          </cell>
        </row>
        <row r="1772">
          <cell r="A1772" t="str">
            <v>ZAFREG72012</v>
          </cell>
          <cell r="B1772" t="str">
            <v>ZAF</v>
          </cell>
          <cell r="C1772" t="str">
            <v>South Africa</v>
          </cell>
          <cell r="D1772" t="str">
            <v>Item 7</v>
          </cell>
          <cell r="E1772" t="str">
            <v>REG7</v>
          </cell>
          <cell r="F1772" t="str">
            <v xml:space="preserve">Compensation following unfair dismissal </v>
          </cell>
          <cell r="G1772">
            <v>2012</v>
          </cell>
          <cell r="H1772">
            <v>2012</v>
          </cell>
          <cell r="I1772"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72">
            <v>12</v>
          </cell>
          <cell r="M1772">
            <v>2</v>
          </cell>
        </row>
        <row r="1773">
          <cell r="A1773" t="str">
            <v>ZAFREG82012</v>
          </cell>
          <cell r="B1773" t="str">
            <v>ZAF</v>
          </cell>
          <cell r="C1773" t="str">
            <v>South Africa</v>
          </cell>
          <cell r="D1773" t="str">
            <v>Item 8</v>
          </cell>
          <cell r="E1773" t="str">
            <v>REG8</v>
          </cell>
          <cell r="F1773" t="str">
            <v>Possibility of reinstatement following unfair dismissal</v>
          </cell>
          <cell r="G1773">
            <v>2012</v>
          </cell>
          <cell r="H1773">
            <v>2012</v>
          </cell>
          <cell r="I1773"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73">
            <v>2</v>
          </cell>
          <cell r="M1773">
            <v>4</v>
          </cell>
        </row>
        <row r="1774">
          <cell r="A1774" t="str">
            <v>ZAFREG92012</v>
          </cell>
          <cell r="B1774" t="str">
            <v>ZAF</v>
          </cell>
          <cell r="C1774" t="str">
            <v>South Africa</v>
          </cell>
          <cell r="D1774" t="str">
            <v>Item 9</v>
          </cell>
          <cell r="E1774" t="str">
            <v>REG9</v>
          </cell>
          <cell r="F1774" t="str">
            <v>Maximum time for claim</v>
          </cell>
          <cell r="G1774">
            <v>2012</v>
          </cell>
          <cell r="H1774">
            <v>2012</v>
          </cell>
          <cell r="I1774" t="str">
            <v>Within 30 days from the date of dismissal.</v>
          </cell>
          <cell r="J1774">
            <v>1</v>
          </cell>
          <cell r="M1774">
            <v>1</v>
          </cell>
        </row>
        <row r="1775">
          <cell r="A1775" t="str">
            <v>ZAFFTC12012</v>
          </cell>
          <cell r="B1775" t="str">
            <v>ZAF</v>
          </cell>
          <cell r="C1775" t="str">
            <v>South Africa</v>
          </cell>
          <cell r="D1775" t="str">
            <v>Item 10</v>
          </cell>
          <cell r="E1775" t="str">
            <v>FTC1</v>
          </cell>
          <cell r="F1775" t="str">
            <v>Valid cases for use of fixed-term contracts, other than  “objective”  or “material” situation</v>
          </cell>
          <cell r="G1775">
            <v>2012</v>
          </cell>
          <cell r="H1775">
            <v>2012</v>
          </cell>
          <cell r="I1775" t="str">
            <v>Fixed-term contracts are widely used and possible for all types of employment. No objective reason is required.</v>
          </cell>
          <cell r="J1775">
            <v>3</v>
          </cell>
          <cell r="M1775">
            <v>0</v>
          </cell>
        </row>
        <row r="1776">
          <cell r="A1776" t="str">
            <v>ZAFFTC22012</v>
          </cell>
          <cell r="B1776" t="str">
            <v>ZAF</v>
          </cell>
          <cell r="C1776" t="str">
            <v>South Africa</v>
          </cell>
          <cell r="D1776" t="str">
            <v>Item 11</v>
          </cell>
          <cell r="E1776" t="str">
            <v>FTC2</v>
          </cell>
          <cell r="F1776" t="str">
            <v>Maximum number of successive fixed-term contracts</v>
          </cell>
          <cell r="G1776">
            <v>2012</v>
          </cell>
          <cell r="H1776">
            <v>2012</v>
          </cell>
          <cell r="I1776"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76">
            <v>4</v>
          </cell>
          <cell r="M1776">
            <v>2</v>
          </cell>
        </row>
        <row r="1777">
          <cell r="A1777" t="str">
            <v>ZAFFTC32012</v>
          </cell>
          <cell r="B1777" t="str">
            <v>ZAF</v>
          </cell>
          <cell r="C1777" t="str">
            <v>South Africa</v>
          </cell>
          <cell r="D1777" t="str">
            <v>Item 12</v>
          </cell>
          <cell r="E1777" t="str">
            <v>FTC3</v>
          </cell>
          <cell r="F1777" t="str">
            <v>Maximum cumulated duration of successive fixed-term contracts</v>
          </cell>
          <cell r="G1777">
            <v>2012</v>
          </cell>
          <cell r="H1777">
            <v>2012</v>
          </cell>
          <cell r="I1777" t="str">
            <v>No limit</v>
          </cell>
          <cell r="J1777">
            <v>200</v>
          </cell>
          <cell r="M1777">
            <v>0</v>
          </cell>
        </row>
        <row r="1778">
          <cell r="A1778" t="str">
            <v>ZAFTWA12012</v>
          </cell>
          <cell r="B1778" t="str">
            <v>ZAF</v>
          </cell>
          <cell r="C1778" t="str">
            <v>South Africa</v>
          </cell>
          <cell r="D1778" t="str">
            <v>Item 13</v>
          </cell>
          <cell r="E1778" t="str">
            <v>TWA1</v>
          </cell>
          <cell r="F1778" t="str">
            <v>Types of work for which TWA employment is legal</v>
          </cell>
          <cell r="G1778">
            <v>2012</v>
          </cell>
          <cell r="H1778">
            <v>2012</v>
          </cell>
          <cell r="I1778" t="str">
            <v>All work</v>
          </cell>
          <cell r="J1778">
            <v>4</v>
          </cell>
          <cell r="M1778">
            <v>0</v>
          </cell>
        </row>
        <row r="1779">
          <cell r="A1779" t="str">
            <v>ZAFTWA22012</v>
          </cell>
          <cell r="B1779" t="str">
            <v>ZAF</v>
          </cell>
          <cell r="C1779" t="str">
            <v>South Africa</v>
          </cell>
          <cell r="D1779" t="str">
            <v>Item 14</v>
          </cell>
          <cell r="E1779" t="str">
            <v>TWA2A, TWA2B</v>
          </cell>
          <cell r="F1779" t="str">
            <v>Are there any restrictions on the number of renewals of a TWA contract?</v>
          </cell>
          <cell r="G1779">
            <v>2012</v>
          </cell>
          <cell r="H1779">
            <v>2012</v>
          </cell>
          <cell r="I1779" t="str">
            <v>No for both contracts and assignments</v>
          </cell>
          <cell r="J1779" t="str">
            <v>No</v>
          </cell>
          <cell r="K1779" t="str">
            <v>No</v>
          </cell>
          <cell r="M1779">
            <v>2</v>
          </cell>
          <cell r="N1779">
            <v>2</v>
          </cell>
        </row>
        <row r="1780">
          <cell r="A1780" t="str">
            <v>ZAFTWA32012</v>
          </cell>
          <cell r="B1780" t="str">
            <v>ZAF</v>
          </cell>
          <cell r="C1780" t="str">
            <v>South Africa</v>
          </cell>
          <cell r="D1780" t="str">
            <v>Item 15</v>
          </cell>
          <cell r="E1780" t="str">
            <v>TWA3A, TWA3B</v>
          </cell>
          <cell r="F1780" t="str">
            <v>Maximum cumulated duration of temporary work contracts</v>
          </cell>
          <cell r="G1780">
            <v>2012</v>
          </cell>
          <cell r="H1780">
            <v>2012</v>
          </cell>
          <cell r="I1780" t="str">
            <v>No limit for both contracts and assignments</v>
          </cell>
          <cell r="J1780">
            <v>100</v>
          </cell>
          <cell r="K1780">
            <v>100</v>
          </cell>
          <cell r="M1780">
            <v>0</v>
          </cell>
          <cell r="N1780">
            <v>0</v>
          </cell>
        </row>
        <row r="1781">
          <cell r="A1781" t="str">
            <v>ZAFTWA42012</v>
          </cell>
          <cell r="B1781" t="str">
            <v>ZAF</v>
          </cell>
          <cell r="C1781" t="str">
            <v>South Africa</v>
          </cell>
          <cell r="D1781" t="str">
            <v>Item 16</v>
          </cell>
          <cell r="E1781" t="str">
            <v>TWA4</v>
          </cell>
          <cell r="F1781" t="str">
            <v>Authorisation or reporting requirements</v>
          </cell>
          <cell r="G1781">
            <v>2012</v>
          </cell>
          <cell r="H1781">
            <v>2012</v>
          </cell>
          <cell r="I1781" t="str">
            <v>A temporary employment service is required to register with the Department of Labour.</v>
          </cell>
          <cell r="J1781">
            <v>1</v>
          </cell>
          <cell r="M1781">
            <v>2</v>
          </cell>
        </row>
        <row r="1782">
          <cell r="A1782" t="str">
            <v>ZAFTWA52012</v>
          </cell>
          <cell r="B1782" t="str">
            <v>ZAF</v>
          </cell>
          <cell r="C1782" t="str">
            <v>South Africa</v>
          </cell>
          <cell r="D1782" t="str">
            <v>Item 17</v>
          </cell>
          <cell r="E1782" t="str">
            <v>TWA5</v>
          </cell>
          <cell r="F1782" t="str">
            <v>Equal treatment for TWA workers</v>
          </cell>
          <cell r="G1782">
            <v>2012</v>
          </cell>
          <cell r="H1782">
            <v>2012</v>
          </cell>
          <cell r="I1782" t="str">
            <v>TWA workers are the employees of the agency and are bound by any collective agreement, sectoral determination or legislation that binds the agency.</v>
          </cell>
          <cell r="J1782">
            <v>0</v>
          </cell>
          <cell r="M1782">
            <v>0</v>
          </cell>
        </row>
        <row r="1783">
          <cell r="A1783" t="str">
            <v>ZAFCD12012</v>
          </cell>
          <cell r="B1783" t="str">
            <v>ZAF</v>
          </cell>
          <cell r="C1783" t="str">
            <v>South Africa</v>
          </cell>
          <cell r="D1783" t="str">
            <v>Item 18</v>
          </cell>
          <cell r="E1783" t="str">
            <v>CD1</v>
          </cell>
          <cell r="F1783" t="str">
            <v>Definition of collective dismissal</v>
          </cell>
          <cell r="G1783">
            <v>2012</v>
          </cell>
          <cell r="H1783">
            <v>2012</v>
          </cell>
          <cell r="I1783"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83">
            <v>3</v>
          </cell>
          <cell r="M1783">
            <v>4.5</v>
          </cell>
        </row>
        <row r="1784">
          <cell r="A1784" t="str">
            <v>ZAFCD22012</v>
          </cell>
          <cell r="B1784" t="str">
            <v>ZAF</v>
          </cell>
          <cell r="C1784" t="str">
            <v>South Africa</v>
          </cell>
          <cell r="D1784" t="str">
            <v>Item 19</v>
          </cell>
          <cell r="E1784" t="str">
            <v>CD2</v>
          </cell>
          <cell r="F1784" t="str">
            <v>Additional notification requirements in case of collective dismissals</v>
          </cell>
          <cell r="G1784">
            <v>2012</v>
          </cell>
          <cell r="H1784">
            <v>2012</v>
          </cell>
          <cell r="I1784" t="str">
            <v>None.</v>
          </cell>
          <cell r="J1784">
            <v>0</v>
          </cell>
          <cell r="M1784">
            <v>0</v>
          </cell>
        </row>
        <row r="1785">
          <cell r="A1785" t="str">
            <v>ZAFCD32012</v>
          </cell>
          <cell r="B1785" t="str">
            <v>ZAF</v>
          </cell>
          <cell r="C1785" t="str">
            <v>South Africa</v>
          </cell>
          <cell r="D1785" t="str">
            <v>Item 20</v>
          </cell>
          <cell r="E1785" t="str">
            <v>CD3</v>
          </cell>
          <cell r="F1785" t="str">
            <v>Additional delays involved in case of collective dismissals</v>
          </cell>
          <cell r="G1785">
            <v>2012</v>
          </cell>
          <cell r="H1785">
            <v>2012</v>
          </cell>
          <cell r="I1785"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85">
            <v>47.5</v>
          </cell>
          <cell r="M1785">
            <v>3</v>
          </cell>
        </row>
        <row r="1786">
          <cell r="A1786" t="str">
            <v>ZAFCD42012</v>
          </cell>
          <cell r="B1786" t="str">
            <v>ZAF</v>
          </cell>
          <cell r="C1786" t="str">
            <v>South Africa</v>
          </cell>
          <cell r="D1786" t="str">
            <v>Item 21</v>
          </cell>
          <cell r="E1786" t="str">
            <v>CD4</v>
          </cell>
          <cell r="F1786" t="str">
            <v>Other special costs to employers in case of collective dismissals</v>
          </cell>
          <cell r="G1786">
            <v>2012</v>
          </cell>
          <cell r="H1786">
            <v>2012</v>
          </cell>
          <cell r="I1786" t="str">
            <v>None, although the negotiation of social plans is common in the public service or state enterprises</v>
          </cell>
          <cell r="J1786">
            <v>0</v>
          </cell>
          <cell r="M1786">
            <v>0</v>
          </cell>
        </row>
        <row r="1787">
          <cell r="A1787" t="str">
            <v>CHNREG12012</v>
          </cell>
          <cell r="B1787" t="str">
            <v>CHN</v>
          </cell>
          <cell r="C1787" t="str">
            <v>China</v>
          </cell>
          <cell r="D1787" t="str">
            <v>Item 1</v>
          </cell>
          <cell r="E1787" t="str">
            <v>REG1</v>
          </cell>
          <cell r="F1787" t="str">
            <v>Notification procedures</v>
          </cell>
          <cell r="G1787">
            <v>2012</v>
          </cell>
          <cell r="H1787">
            <v>2012</v>
          </cell>
          <cell r="I1787"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787">
            <v>2</v>
          </cell>
          <cell r="M1787">
            <v>4</v>
          </cell>
        </row>
        <row r="1788">
          <cell r="A1788" t="str">
            <v>CHNREG22012</v>
          </cell>
          <cell r="B1788" t="str">
            <v>CHN</v>
          </cell>
          <cell r="C1788" t="str">
            <v>China</v>
          </cell>
          <cell r="D1788" t="str">
            <v>Item 2</v>
          </cell>
          <cell r="E1788" t="str">
            <v>REG2</v>
          </cell>
          <cell r="F1788" t="str">
            <v>Delay before notice can start</v>
          </cell>
          <cell r="G1788">
            <v>2012</v>
          </cell>
          <cell r="H1788">
            <v>2012</v>
          </cell>
          <cell r="I1788" t="str">
            <v>The employer may terminate the employment contract by giving the worker 30 days' prior written notice. Calculation: 1 day for notice handed directly to the employee</v>
          </cell>
          <cell r="J1788">
            <v>1</v>
          </cell>
          <cell r="M1788">
            <v>0</v>
          </cell>
        </row>
        <row r="1789">
          <cell r="A1789" t="str">
            <v>CHNREG32012</v>
          </cell>
          <cell r="B1789" t="str">
            <v>CHN</v>
          </cell>
          <cell r="C1789" t="str">
            <v>China</v>
          </cell>
          <cell r="D1789" t="str">
            <v>Item 3</v>
          </cell>
          <cell r="E1789" t="str">
            <v>REG3A, REG3B, REG3C</v>
          </cell>
          <cell r="F1789" t="str">
            <v>Notice / tenure</v>
          </cell>
          <cell r="G1789">
            <v>2012</v>
          </cell>
          <cell r="H1789">
            <v>2012</v>
          </cell>
          <cell r="I1789" t="str">
            <v>30 days written notice, regardless of tenure. 9 months: 1 month; 4 years: 1 month; 20 years: 1 month</v>
          </cell>
          <cell r="J1789">
            <v>1</v>
          </cell>
          <cell r="K1789">
            <v>1</v>
          </cell>
          <cell r="L1789">
            <v>1</v>
          </cell>
          <cell r="M1789">
            <v>3</v>
          </cell>
          <cell r="N1789">
            <v>2</v>
          </cell>
          <cell r="O1789">
            <v>1</v>
          </cell>
        </row>
        <row r="1790">
          <cell r="A1790" t="str">
            <v>CHNREG42012</v>
          </cell>
          <cell r="B1790" t="str">
            <v>CHN</v>
          </cell>
          <cell r="C1790" t="str">
            <v>China</v>
          </cell>
          <cell r="D1790" t="str">
            <v>Item 4</v>
          </cell>
          <cell r="E1790" t="str">
            <v>REG4A, REG4B, REG4C</v>
          </cell>
          <cell r="F1790" t="str">
            <v>Severance pay / tenure</v>
          </cell>
          <cell r="G1790">
            <v>2012</v>
          </cell>
          <cell r="H1790">
            <v>2012</v>
          </cell>
          <cell r="I1790" t="str">
            <v xml:space="preserve">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
</v>
          </cell>
          <cell r="J1790">
            <v>1</v>
          </cell>
          <cell r="K1790">
            <v>4</v>
          </cell>
          <cell r="L1790">
            <v>20</v>
          </cell>
          <cell r="M1790">
            <v>2</v>
          </cell>
          <cell r="N1790">
            <v>6</v>
          </cell>
          <cell r="O1790">
            <v>6</v>
          </cell>
        </row>
        <row r="1791">
          <cell r="A1791" t="str">
            <v>CHNREG52012</v>
          </cell>
          <cell r="B1791" t="str">
            <v>CHN</v>
          </cell>
          <cell r="C1791" t="str">
            <v>China</v>
          </cell>
          <cell r="D1791" t="str">
            <v>Item 5</v>
          </cell>
          <cell r="E1791" t="str">
            <v>REG5</v>
          </cell>
          <cell r="F1791" t="str">
            <v>Definition of justified or unfair dismissal</v>
          </cell>
          <cell r="G1791">
            <v>2012</v>
          </cell>
          <cell r="H1791">
            <v>2012</v>
          </cell>
          <cell r="I1791"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791">
            <v>2</v>
          </cell>
          <cell r="M1791">
            <v>4</v>
          </cell>
        </row>
        <row r="1792">
          <cell r="A1792" t="str">
            <v>CHNREG62012</v>
          </cell>
          <cell r="B1792" t="str">
            <v>CHN</v>
          </cell>
          <cell r="C1792" t="str">
            <v>China</v>
          </cell>
          <cell r="D1792" t="str">
            <v>Item 6</v>
          </cell>
          <cell r="E1792" t="str">
            <v>REG6</v>
          </cell>
          <cell r="F1792" t="str">
            <v>Trial period</v>
          </cell>
          <cell r="G1792">
            <v>2012</v>
          </cell>
          <cell r="H1792">
            <v>2012</v>
          </cell>
          <cell r="I1792"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792">
            <v>6</v>
          </cell>
          <cell r="M1792">
            <v>3</v>
          </cell>
        </row>
        <row r="1793">
          <cell r="A1793" t="str">
            <v>CHNREG72012</v>
          </cell>
          <cell r="B1793" t="str">
            <v>CHN</v>
          </cell>
          <cell r="C1793" t="str">
            <v>China</v>
          </cell>
          <cell r="D1793" t="str">
            <v>Item 7</v>
          </cell>
          <cell r="E1793" t="str">
            <v>REG7</v>
          </cell>
          <cell r="F1793" t="str">
            <v xml:space="preserve">Compensation following unfair dismissal </v>
          </cell>
          <cell r="G1793">
            <v>2012</v>
          </cell>
          <cell r="H1793">
            <v>2012</v>
          </cell>
          <cell r="I1793" t="str">
            <v xml:space="preserve">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
</v>
          </cell>
          <cell r="J1793">
            <v>20</v>
          </cell>
          <cell r="M1793">
            <v>4</v>
          </cell>
        </row>
        <row r="1794">
          <cell r="A1794" t="str">
            <v>CHNREG82012</v>
          </cell>
          <cell r="B1794" t="str">
            <v>CHN</v>
          </cell>
          <cell r="C1794" t="str">
            <v>China</v>
          </cell>
          <cell r="D1794" t="str">
            <v>Item 8</v>
          </cell>
          <cell r="E1794" t="str">
            <v>REG8</v>
          </cell>
          <cell r="F1794" t="str">
            <v>Possibility of reinstatement following unfair dismissal</v>
          </cell>
          <cell r="G1794">
            <v>2012</v>
          </cell>
          <cell r="H1794">
            <v>2012</v>
          </cell>
          <cell r="I1794" t="str">
            <v>If an employer terminates or ends an employment contract in violation of the law, the worker can request reinstatement.</v>
          </cell>
          <cell r="J1794">
            <v>3</v>
          </cell>
          <cell r="M1794">
            <v>6</v>
          </cell>
        </row>
        <row r="1795">
          <cell r="A1795" t="str">
            <v>CHNREG92012</v>
          </cell>
          <cell r="B1795" t="str">
            <v>CHN</v>
          </cell>
          <cell r="C1795" t="str">
            <v>China</v>
          </cell>
          <cell r="D1795" t="str">
            <v>Item 9</v>
          </cell>
          <cell r="E1795" t="str">
            <v>REG9</v>
          </cell>
          <cell r="F1795" t="str">
            <v>Maximum time for claim</v>
          </cell>
          <cell r="G1795">
            <v>2012</v>
          </cell>
          <cell r="H1795">
            <v>2012</v>
          </cell>
          <cell r="I1795" t="str">
            <v>One year under the Arbitration and Mediation Act.</v>
          </cell>
          <cell r="J1795">
            <v>12</v>
          </cell>
          <cell r="M1795">
            <v>5</v>
          </cell>
          <cell r="P1795" t="str">
            <v>May-1-2008</v>
          </cell>
        </row>
        <row r="1796">
          <cell r="A1796" t="str">
            <v>CHNFTC12012</v>
          </cell>
          <cell r="B1796" t="str">
            <v>CHN</v>
          </cell>
          <cell r="C1796" t="str">
            <v>China</v>
          </cell>
          <cell r="D1796" t="str">
            <v>Item 10</v>
          </cell>
          <cell r="E1796" t="str">
            <v>FTC1</v>
          </cell>
          <cell r="F1796" t="str">
            <v>Valid cases for use of fixed-term contracts, other than  “objective”  or “material” situation</v>
          </cell>
          <cell r="G1796">
            <v>2012</v>
          </cell>
          <cell r="H1796">
            <v>2012</v>
          </cell>
          <cell r="I1796" t="str">
            <v>Once an employer and a worker have reached a consensus through consultations, they may establish a fixed-term employment contract. There are no restrictions on the types of work for which fixed-term contract may be used.</v>
          </cell>
          <cell r="J1796">
            <v>3</v>
          </cell>
          <cell r="M1796">
            <v>0</v>
          </cell>
        </row>
        <row r="1797">
          <cell r="A1797" t="str">
            <v>CHNFTC22012</v>
          </cell>
          <cell r="B1797" t="str">
            <v>CHN</v>
          </cell>
          <cell r="C1797" t="str">
            <v>China</v>
          </cell>
          <cell r="D1797" t="str">
            <v>Item 11</v>
          </cell>
          <cell r="E1797" t="str">
            <v>FTC2</v>
          </cell>
          <cell r="F1797" t="str">
            <v>Maximum number of successive fixed-term contracts</v>
          </cell>
          <cell r="G1797">
            <v>2012</v>
          </cell>
          <cell r="H1797">
            <v>2012</v>
          </cell>
          <cell r="I1797"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797">
            <v>1</v>
          </cell>
          <cell r="M1797">
            <v>6</v>
          </cell>
        </row>
        <row r="1798">
          <cell r="A1798" t="str">
            <v>CHNFTC32012</v>
          </cell>
          <cell r="B1798" t="str">
            <v>CHN</v>
          </cell>
          <cell r="C1798" t="str">
            <v>China</v>
          </cell>
          <cell r="D1798" t="str">
            <v>Item 12</v>
          </cell>
          <cell r="E1798" t="str">
            <v>FTC3</v>
          </cell>
          <cell r="F1798" t="str">
            <v>Maximum cumulated duration of successive fixed-term contracts</v>
          </cell>
          <cell r="G1798">
            <v>2012</v>
          </cell>
          <cell r="H1798">
            <v>2012</v>
          </cell>
          <cell r="I1798" t="str">
            <v>If the worker has worked for the employer for at least 10 years in succession, the contract will be taken to be an open-ended contract, except if the worker proposes to conclude another fixed-term contract.</v>
          </cell>
          <cell r="J1798">
            <v>120</v>
          </cell>
          <cell r="M1798">
            <v>1</v>
          </cell>
        </row>
        <row r="1799">
          <cell r="A1799" t="str">
            <v>CHNTWA12012</v>
          </cell>
          <cell r="B1799" t="str">
            <v>CHN</v>
          </cell>
          <cell r="C1799" t="str">
            <v>China</v>
          </cell>
          <cell r="D1799" t="str">
            <v>Item 13</v>
          </cell>
          <cell r="E1799" t="str">
            <v>TWA1</v>
          </cell>
          <cell r="F1799" t="str">
            <v>Types of work for which TWA employment is legal</v>
          </cell>
          <cell r="G1799">
            <v>2012</v>
          </cell>
          <cell r="H1799">
            <v>2012</v>
          </cell>
          <cell r="I1799" t="str">
            <v xml:space="preserve">In general, placement of temporary workers shall apply to temporary, ancillary or substitute positions.
In practice, however, temporary agency workers are widely used in many different situations.
</v>
          </cell>
          <cell r="J1799">
            <v>3</v>
          </cell>
          <cell r="M1799">
            <v>1.5</v>
          </cell>
        </row>
        <row r="1800">
          <cell r="A1800" t="str">
            <v>CHNTWA22012</v>
          </cell>
          <cell r="B1800" t="str">
            <v>CHN</v>
          </cell>
          <cell r="C1800" t="str">
            <v>China</v>
          </cell>
          <cell r="D1800" t="str">
            <v>Item 14</v>
          </cell>
          <cell r="E1800" t="str">
            <v>TWA2A, TWA2B</v>
          </cell>
          <cell r="F1800" t="str">
            <v>Are there any restrictions on the number of renewals of a TWA contract?</v>
          </cell>
          <cell r="G1800">
            <v>2012</v>
          </cell>
          <cell r="H1800">
            <v>2012</v>
          </cell>
          <cell r="I1800"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0" t="str">
            <v>Yes</v>
          </cell>
          <cell r="K1800" t="str">
            <v>Yes</v>
          </cell>
          <cell r="M1800">
            <v>4</v>
          </cell>
          <cell r="N1800">
            <v>4</v>
          </cell>
        </row>
        <row r="1801">
          <cell r="A1801" t="str">
            <v>CHNTWA32012</v>
          </cell>
          <cell r="B1801" t="str">
            <v>CHN</v>
          </cell>
          <cell r="C1801" t="str">
            <v>China</v>
          </cell>
          <cell r="D1801" t="str">
            <v>Item 15</v>
          </cell>
          <cell r="E1801" t="str">
            <v>TWA3A, TWA3B</v>
          </cell>
          <cell r="F1801" t="str">
            <v>Maximum cumulated duration of temporary work contracts</v>
          </cell>
          <cell r="G1801">
            <v>2012</v>
          </cell>
          <cell r="H1801">
            <v>2012</v>
          </cell>
          <cell r="I1801"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1">
            <v>100</v>
          </cell>
          <cell r="K1801">
            <v>100</v>
          </cell>
          <cell r="M1801">
            <v>0</v>
          </cell>
          <cell r="N1801">
            <v>0</v>
          </cell>
        </row>
        <row r="1802">
          <cell r="A1802" t="str">
            <v>CHNTWA42012</v>
          </cell>
          <cell r="B1802" t="str">
            <v>CHN</v>
          </cell>
          <cell r="C1802" t="str">
            <v>China</v>
          </cell>
          <cell r="D1802" t="str">
            <v>Item 16</v>
          </cell>
          <cell r="E1802" t="str">
            <v>TWA4</v>
          </cell>
          <cell r="F1802" t="str">
            <v>Authorisation or reporting requirements</v>
          </cell>
          <cell r="G1802">
            <v>2012</v>
          </cell>
          <cell r="H1802">
            <v>2012</v>
          </cell>
          <cell r="I1802" t="str">
            <v>Temp agencies shall be established in accordance with relevant provisions of the Company Law and have registered capital of not less than Rmb500 000. There is no obligation in the Employment Contract Law for ongoing reporting to authorities.</v>
          </cell>
          <cell r="J1802">
            <v>1</v>
          </cell>
          <cell r="M1802">
            <v>2</v>
          </cell>
        </row>
        <row r="1803">
          <cell r="A1803" t="str">
            <v>CHNTWA52012</v>
          </cell>
          <cell r="B1803" t="str">
            <v>CHN</v>
          </cell>
          <cell r="C1803" t="str">
            <v>China</v>
          </cell>
          <cell r="D1803" t="str">
            <v>Item 17</v>
          </cell>
          <cell r="E1803" t="str">
            <v>TWA5</v>
          </cell>
          <cell r="F1803" t="str">
            <v>Equal treatment for TWA workers</v>
          </cell>
          <cell r="G1803">
            <v>2012</v>
          </cell>
          <cell r="H1803">
            <v>2012</v>
          </cell>
          <cell r="I1803"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803">
            <v>1</v>
          </cell>
          <cell r="M1803">
            <v>3</v>
          </cell>
        </row>
        <row r="1804">
          <cell r="A1804" t="str">
            <v>CHNCD12012</v>
          </cell>
          <cell r="B1804" t="str">
            <v>CHN</v>
          </cell>
          <cell r="C1804" t="str">
            <v>China</v>
          </cell>
          <cell r="D1804" t="str">
            <v>Item 18</v>
          </cell>
          <cell r="E1804" t="str">
            <v>CD1</v>
          </cell>
          <cell r="F1804" t="str">
            <v>Definition of collective dismissal</v>
          </cell>
          <cell r="G1804">
            <v>2012</v>
          </cell>
          <cell r="H1804">
            <v>2012</v>
          </cell>
          <cell r="I1804"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804">
            <v>4</v>
          </cell>
          <cell r="M1804">
            <v>6</v>
          </cell>
        </row>
        <row r="1805">
          <cell r="A1805" t="str">
            <v>CHNCD22012</v>
          </cell>
          <cell r="B1805" t="str">
            <v>CHN</v>
          </cell>
          <cell r="C1805" t="str">
            <v>China</v>
          </cell>
          <cell r="D1805" t="str">
            <v>Item 19</v>
          </cell>
          <cell r="E1805" t="str">
            <v>CD2</v>
          </cell>
          <cell r="F1805" t="str">
            <v>Additional notification requirements in case of collective dismissals</v>
          </cell>
          <cell r="G1805">
            <v>2012</v>
          </cell>
          <cell r="H1805">
            <v>2012</v>
          </cell>
          <cell r="I1805"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805">
            <v>1</v>
          </cell>
          <cell r="M1805">
            <v>3</v>
          </cell>
        </row>
        <row r="1806">
          <cell r="A1806" t="str">
            <v>CHNCD32012</v>
          </cell>
          <cell r="B1806" t="str">
            <v>CHN</v>
          </cell>
          <cell r="C1806" t="str">
            <v>China</v>
          </cell>
          <cell r="D1806" t="str">
            <v>Item 20</v>
          </cell>
          <cell r="E1806" t="str">
            <v>CD3</v>
          </cell>
          <cell r="F1806" t="str">
            <v>Additional delays involved in case of collective dismissals</v>
          </cell>
          <cell r="G1806">
            <v>2012</v>
          </cell>
          <cell r="H1806">
            <v>2012</v>
          </cell>
          <cell r="I1806" t="str">
            <v>No additional delays.</v>
          </cell>
          <cell r="J1806">
            <v>0</v>
          </cell>
          <cell r="M1806">
            <v>0</v>
          </cell>
        </row>
        <row r="1807">
          <cell r="A1807" t="str">
            <v>CHNCD42012</v>
          </cell>
          <cell r="B1807" t="str">
            <v>CHN</v>
          </cell>
          <cell r="C1807" t="str">
            <v>China</v>
          </cell>
          <cell r="D1807" t="str">
            <v>Item 21</v>
          </cell>
          <cell r="E1807" t="str">
            <v>CD4</v>
          </cell>
          <cell r="F1807" t="str">
            <v>Other special costs to employers in case of collective dismissals</v>
          </cell>
          <cell r="G1807">
            <v>2012</v>
          </cell>
          <cell r="H1807">
            <v>2012</v>
          </cell>
          <cell r="I1807" t="str">
            <v xml:space="preserve">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
</v>
          </cell>
          <cell r="J1807">
            <v>1</v>
          </cell>
          <cell r="M1807">
            <v>3</v>
          </cell>
        </row>
        <row r="1808">
          <cell r="A1808" t="str">
            <v>ISRREG12012</v>
          </cell>
          <cell r="B1808" t="str">
            <v>ISR</v>
          </cell>
          <cell r="C1808" t="str">
            <v>Israel</v>
          </cell>
          <cell r="D1808" t="str">
            <v>Item 1</v>
          </cell>
          <cell r="E1808" t="str">
            <v>REG1</v>
          </cell>
          <cell r="F1808" t="str">
            <v>Notification procedures</v>
          </cell>
          <cell r="G1808">
            <v>2012</v>
          </cell>
          <cell r="H1808">
            <v>2012</v>
          </cell>
          <cell r="I1808"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1808">
            <v>2</v>
          </cell>
          <cell r="M1808">
            <v>4</v>
          </cell>
        </row>
        <row r="1809">
          <cell r="A1809" t="str">
            <v>ISRREG22012</v>
          </cell>
          <cell r="B1809" t="str">
            <v>ISR</v>
          </cell>
          <cell r="C1809" t="str">
            <v>Israel</v>
          </cell>
          <cell r="D1809" t="str">
            <v>Item 2</v>
          </cell>
          <cell r="E1809" t="str">
            <v>REG2</v>
          </cell>
          <cell r="F1809" t="str">
            <v>Delay before notice can start</v>
          </cell>
          <cell r="G1809">
            <v>2012</v>
          </cell>
          <cell r="H1809">
            <v>2012</v>
          </cell>
          <cell r="I1809"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809">
            <v>1</v>
          </cell>
          <cell r="M1809">
            <v>0</v>
          </cell>
        </row>
        <row r="1810">
          <cell r="A1810" t="str">
            <v>ISRREG32012</v>
          </cell>
          <cell r="B1810" t="str">
            <v>ISR</v>
          </cell>
          <cell r="C1810" t="str">
            <v>Israel</v>
          </cell>
          <cell r="D1810" t="str">
            <v>Item 3</v>
          </cell>
          <cell r="E1810" t="str">
            <v>REG3A, REG3B, REG3C</v>
          </cell>
          <cell r="F1810" t="str">
            <v>Notice / tenure</v>
          </cell>
          <cell r="G1810">
            <v>2012</v>
          </cell>
          <cell r="H1810">
            <v>2012</v>
          </cell>
          <cell r="I1810"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810">
            <v>0.4</v>
          </cell>
          <cell r="K1810">
            <v>1</v>
          </cell>
          <cell r="L1810">
            <v>1</v>
          </cell>
          <cell r="M1810">
            <v>1</v>
          </cell>
          <cell r="N1810">
            <v>2</v>
          </cell>
          <cell r="O1810">
            <v>1</v>
          </cell>
        </row>
        <row r="1811">
          <cell r="A1811" t="str">
            <v>ISRREG42012</v>
          </cell>
          <cell r="B1811" t="str">
            <v>ISR</v>
          </cell>
          <cell r="C1811" t="str">
            <v>Israel</v>
          </cell>
          <cell r="D1811" t="str">
            <v>Item 4</v>
          </cell>
          <cell r="E1811" t="str">
            <v>REG4A, REG4B, REG4C</v>
          </cell>
          <cell r="F1811" t="str">
            <v>Severance pay / tenure</v>
          </cell>
          <cell r="G1811">
            <v>2012</v>
          </cell>
          <cell r="H1811">
            <v>2012</v>
          </cell>
          <cell r="I1811"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811">
            <v>0</v>
          </cell>
          <cell r="K1811">
            <v>4</v>
          </cell>
          <cell r="L1811">
            <v>20</v>
          </cell>
          <cell r="M1811">
            <v>0</v>
          </cell>
          <cell r="N1811">
            <v>6</v>
          </cell>
          <cell r="O1811">
            <v>6</v>
          </cell>
        </row>
        <row r="1812">
          <cell r="A1812" t="str">
            <v>ISRREG52012</v>
          </cell>
          <cell r="B1812" t="str">
            <v>ISR</v>
          </cell>
          <cell r="C1812" t="str">
            <v>Israel</v>
          </cell>
          <cell r="D1812" t="str">
            <v>Item 5</v>
          </cell>
          <cell r="E1812" t="str">
            <v>REG5</v>
          </cell>
          <cell r="F1812" t="str">
            <v>Definition of justified or unfair dismissal</v>
          </cell>
          <cell r="G1812">
            <v>2012</v>
          </cell>
          <cell r="H1812">
            <v>2012</v>
          </cell>
          <cell r="I1812"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812">
            <v>0</v>
          </cell>
          <cell r="M1812">
            <v>0</v>
          </cell>
        </row>
        <row r="1813">
          <cell r="A1813" t="str">
            <v>ISRREG62012</v>
          </cell>
          <cell r="B1813" t="str">
            <v>ISR</v>
          </cell>
          <cell r="C1813" t="str">
            <v>Israel</v>
          </cell>
          <cell r="D1813" t="str">
            <v>Item 6</v>
          </cell>
          <cell r="E1813" t="str">
            <v>REG6</v>
          </cell>
          <cell r="F1813" t="str">
            <v>Trial period</v>
          </cell>
          <cell r="G1813">
            <v>2012</v>
          </cell>
          <cell r="H1813">
            <v>2012</v>
          </cell>
          <cell r="I1813"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1813">
            <v>12</v>
          </cell>
          <cell r="M1813">
            <v>2</v>
          </cell>
        </row>
        <row r="1814">
          <cell r="A1814" t="str">
            <v>ISRREG72012</v>
          </cell>
          <cell r="B1814" t="str">
            <v>ISR</v>
          </cell>
          <cell r="C1814" t="str">
            <v>Israel</v>
          </cell>
          <cell r="D1814" t="str">
            <v>Item 7</v>
          </cell>
          <cell r="E1814" t="str">
            <v>REG7</v>
          </cell>
          <cell r="F1814" t="str">
            <v xml:space="preserve">Compensation following unfair dismissal </v>
          </cell>
          <cell r="G1814">
            <v>2012</v>
          </cell>
          <cell r="H1814">
            <v>2012</v>
          </cell>
          <cell r="I1814"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814">
            <v>7.5</v>
          </cell>
          <cell r="M1814">
            <v>1</v>
          </cell>
        </row>
        <row r="1815">
          <cell r="A1815" t="str">
            <v>ISRREG82012</v>
          </cell>
          <cell r="B1815" t="str">
            <v>ISR</v>
          </cell>
          <cell r="C1815" t="str">
            <v>Israel</v>
          </cell>
          <cell r="D1815" t="str">
            <v>Item 8</v>
          </cell>
          <cell r="E1815" t="str">
            <v>REG8</v>
          </cell>
          <cell r="F1815" t="str">
            <v>Possibility of reinstatement following unfair dismissal</v>
          </cell>
          <cell r="G1815">
            <v>2012</v>
          </cell>
          <cell r="H1815">
            <v>2012</v>
          </cell>
          <cell r="I1815"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815">
            <v>1</v>
          </cell>
          <cell r="M1815">
            <v>2</v>
          </cell>
        </row>
        <row r="1816">
          <cell r="A1816" t="str">
            <v>ISRREG92012</v>
          </cell>
          <cell r="B1816" t="str">
            <v>ISR</v>
          </cell>
          <cell r="C1816" t="str">
            <v>Israel</v>
          </cell>
          <cell r="D1816" t="str">
            <v>Item 9</v>
          </cell>
          <cell r="E1816" t="str">
            <v>REG9</v>
          </cell>
          <cell r="F1816" t="str">
            <v>Maximum time for claim</v>
          </cell>
          <cell r="G1816">
            <v>2012</v>
          </cell>
          <cell r="H1816">
            <v>2012</v>
          </cell>
          <cell r="I1816"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816">
            <v>84</v>
          </cell>
          <cell r="M1816">
            <v>6</v>
          </cell>
        </row>
        <row r="1817">
          <cell r="A1817" t="str">
            <v>ISRFTC12012</v>
          </cell>
          <cell r="B1817" t="str">
            <v>ISR</v>
          </cell>
          <cell r="C1817" t="str">
            <v>Israel</v>
          </cell>
          <cell r="D1817" t="str">
            <v>Item 10</v>
          </cell>
          <cell r="E1817" t="str">
            <v>FTC1</v>
          </cell>
          <cell r="F1817" t="str">
            <v>Valid cases for use of fixed-term contracts, other than  “objective”  or “material” situation</v>
          </cell>
          <cell r="G1817">
            <v>2012</v>
          </cell>
          <cell r="H1817">
            <v>2012</v>
          </cell>
          <cell r="I1817" t="str">
            <v>No restrictions on the use of fixed-term contracts.</v>
          </cell>
          <cell r="J1817">
            <v>3</v>
          </cell>
          <cell r="M1817">
            <v>0</v>
          </cell>
        </row>
        <row r="1818">
          <cell r="A1818" t="str">
            <v>ISRFTC22012</v>
          </cell>
          <cell r="B1818" t="str">
            <v>ISR</v>
          </cell>
          <cell r="C1818" t="str">
            <v>Israel</v>
          </cell>
          <cell r="D1818" t="str">
            <v>Item 11</v>
          </cell>
          <cell r="E1818" t="str">
            <v>FTC2</v>
          </cell>
          <cell r="F1818" t="str">
            <v>Maximum number of successive fixed-term contracts</v>
          </cell>
          <cell r="G1818">
            <v>2012</v>
          </cell>
          <cell r="H1818">
            <v>2012</v>
          </cell>
          <cell r="I1818" t="str">
            <v>No limit</v>
          </cell>
          <cell r="J1818">
            <v>100</v>
          </cell>
          <cell r="M1818">
            <v>0</v>
          </cell>
        </row>
        <row r="1819">
          <cell r="A1819" t="str">
            <v>ISRFTC32012</v>
          </cell>
          <cell r="B1819" t="str">
            <v>ISR</v>
          </cell>
          <cell r="C1819" t="str">
            <v>Israel</v>
          </cell>
          <cell r="D1819" t="str">
            <v>Item 12</v>
          </cell>
          <cell r="E1819" t="str">
            <v>FTC3</v>
          </cell>
          <cell r="F1819" t="str">
            <v>Maximum cumulated duration of successive fixed-term contracts</v>
          </cell>
          <cell r="G1819">
            <v>2012</v>
          </cell>
          <cell r="H1819">
            <v>2012</v>
          </cell>
          <cell r="I1819" t="str">
            <v>No limit</v>
          </cell>
          <cell r="J1819">
            <v>200</v>
          </cell>
          <cell r="M1819">
            <v>0</v>
          </cell>
        </row>
        <row r="1820">
          <cell r="A1820" t="str">
            <v>ISRTWA12012</v>
          </cell>
          <cell r="B1820" t="str">
            <v>ISR</v>
          </cell>
          <cell r="C1820" t="str">
            <v>Israel</v>
          </cell>
          <cell r="D1820" t="str">
            <v>Item 13</v>
          </cell>
          <cell r="E1820" t="str">
            <v>TWA1</v>
          </cell>
          <cell r="F1820" t="str">
            <v>Types of work for which TWA employment is legal</v>
          </cell>
          <cell r="G1820">
            <v>2012</v>
          </cell>
          <cell r="H1820">
            <v>2012</v>
          </cell>
          <cell r="I1820" t="str">
            <v>No restrictions</v>
          </cell>
          <cell r="J1820">
            <v>4</v>
          </cell>
          <cell r="M1820">
            <v>0</v>
          </cell>
        </row>
        <row r="1821">
          <cell r="A1821" t="str">
            <v>ISRTWA22012</v>
          </cell>
          <cell r="B1821" t="str">
            <v>ISR</v>
          </cell>
          <cell r="C1821" t="str">
            <v>Israel</v>
          </cell>
          <cell r="D1821" t="str">
            <v>Item 14</v>
          </cell>
          <cell r="E1821" t="str">
            <v>TWA2A, TWA2B</v>
          </cell>
          <cell r="F1821" t="str">
            <v>Are there any restrictions on the number of renewals of a TWA contract?</v>
          </cell>
          <cell r="G1821">
            <v>2012</v>
          </cell>
          <cell r="H1821">
            <v>2012</v>
          </cell>
          <cell r="I1821" t="str">
            <v>No, within maximum time for assignments.
No for the contracts between the agency and the worker.</v>
          </cell>
          <cell r="J1821" t="str">
            <v>No</v>
          </cell>
          <cell r="K1821" t="str">
            <v>No</v>
          </cell>
          <cell r="M1821">
            <v>2</v>
          </cell>
          <cell r="N1821">
            <v>2</v>
          </cell>
        </row>
        <row r="1822">
          <cell r="A1822" t="str">
            <v>ISRTWA32012</v>
          </cell>
          <cell r="B1822" t="str">
            <v>ISR</v>
          </cell>
          <cell r="C1822" t="str">
            <v>Israel</v>
          </cell>
          <cell r="D1822" t="str">
            <v>Item 15</v>
          </cell>
          <cell r="E1822" t="str">
            <v>TWA3A, TWA3B</v>
          </cell>
          <cell r="F1822" t="str">
            <v>Maximum cumulated duration of temporary work contracts</v>
          </cell>
          <cell r="G1822">
            <v>2012</v>
          </cell>
          <cell r="H1822">
            <v>2012</v>
          </cell>
          <cell r="I1822"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822">
            <v>9</v>
          </cell>
          <cell r="K1822">
            <v>100</v>
          </cell>
          <cell r="M1822">
            <v>5</v>
          </cell>
          <cell r="N1822">
            <v>0</v>
          </cell>
        </row>
        <row r="1823">
          <cell r="A1823" t="str">
            <v>ISRTWA42012</v>
          </cell>
          <cell r="B1823" t="str">
            <v>ISR</v>
          </cell>
          <cell r="C1823" t="str">
            <v>Israel</v>
          </cell>
          <cell r="D1823" t="str">
            <v>Item 16</v>
          </cell>
          <cell r="E1823" t="str">
            <v>TWA4</v>
          </cell>
          <cell r="F1823" t="str">
            <v>Authorisation or reporting requirements</v>
          </cell>
          <cell r="G1823">
            <v>2012</v>
          </cell>
          <cell r="H1823">
            <v>2012</v>
          </cell>
          <cell r="I1823"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823">
            <v>3</v>
          </cell>
          <cell r="M1823">
            <v>6</v>
          </cell>
        </row>
        <row r="1824">
          <cell r="A1824" t="str">
            <v>ISRTWA52012</v>
          </cell>
          <cell r="B1824" t="str">
            <v>ISR</v>
          </cell>
          <cell r="C1824" t="str">
            <v>Israel</v>
          </cell>
          <cell r="D1824" t="str">
            <v>Item 17</v>
          </cell>
          <cell r="E1824" t="str">
            <v>TWA5</v>
          </cell>
          <cell r="F1824" t="str">
            <v>Equal treatment for TWA workers</v>
          </cell>
          <cell r="G1824">
            <v>2012</v>
          </cell>
          <cell r="H1824">
            <v>2012</v>
          </cell>
          <cell r="I1824"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824">
            <v>2</v>
          </cell>
          <cell r="M1824">
            <v>6</v>
          </cell>
        </row>
        <row r="1825">
          <cell r="A1825" t="str">
            <v>ISRCD12012</v>
          </cell>
          <cell r="B1825" t="str">
            <v>ISR</v>
          </cell>
          <cell r="C1825" t="str">
            <v>Israel</v>
          </cell>
          <cell r="D1825" t="str">
            <v>Item 18</v>
          </cell>
          <cell r="E1825" t="str">
            <v>CD1</v>
          </cell>
          <cell r="F1825" t="str">
            <v>Definition of collective dismissal</v>
          </cell>
          <cell r="G1825">
            <v>2012</v>
          </cell>
          <cell r="H1825">
            <v>2012</v>
          </cell>
          <cell r="I1825" t="str">
            <v>Ten or more workers in a period of one month. Collective agreements may contain different definitions of collective dismissal.</v>
          </cell>
          <cell r="J1825">
            <v>3</v>
          </cell>
          <cell r="M1825">
            <v>4.5</v>
          </cell>
        </row>
        <row r="1826">
          <cell r="A1826" t="str">
            <v>ISRCD22012</v>
          </cell>
          <cell r="B1826" t="str">
            <v>ISR</v>
          </cell>
          <cell r="C1826" t="str">
            <v>Israel</v>
          </cell>
          <cell r="D1826" t="str">
            <v>Item 19</v>
          </cell>
          <cell r="E1826" t="str">
            <v>CD2</v>
          </cell>
          <cell r="F1826" t="str">
            <v>Additional notification requirements in case of collective dismissals</v>
          </cell>
          <cell r="G1826">
            <v>2012</v>
          </cell>
          <cell r="H1826">
            <v>2012</v>
          </cell>
          <cell r="I1826" t="str">
            <v>The employer must give prior notice of dismissal to the Employment Service Bureau.</v>
          </cell>
          <cell r="J1826">
            <v>1</v>
          </cell>
          <cell r="M1826">
            <v>3</v>
          </cell>
        </row>
        <row r="1827">
          <cell r="A1827" t="str">
            <v>ISRCD32012</v>
          </cell>
          <cell r="B1827" t="str">
            <v>ISR</v>
          </cell>
          <cell r="C1827" t="str">
            <v>Israel</v>
          </cell>
          <cell r="D1827" t="str">
            <v>Item 20</v>
          </cell>
          <cell r="E1827" t="str">
            <v>CD3</v>
          </cell>
          <cell r="F1827" t="str">
            <v>Additional delays involved in case of collective dismissals</v>
          </cell>
          <cell r="G1827">
            <v>2012</v>
          </cell>
          <cell r="H1827">
            <v>2012</v>
          </cell>
          <cell r="I1827" t="str">
            <v>No additional delays</v>
          </cell>
          <cell r="J1827">
            <v>0</v>
          </cell>
          <cell r="M1827">
            <v>0</v>
          </cell>
        </row>
        <row r="1828">
          <cell r="A1828" t="str">
            <v>ISRCD42012</v>
          </cell>
          <cell r="B1828" t="str">
            <v>ISR</v>
          </cell>
          <cell r="C1828" t="str">
            <v>Israel</v>
          </cell>
          <cell r="D1828" t="str">
            <v>Item 21</v>
          </cell>
          <cell r="E1828" t="str">
            <v>CD4</v>
          </cell>
          <cell r="F1828" t="str">
            <v>Other special costs to employers in case of collective dismissals</v>
          </cell>
          <cell r="G1828">
            <v>2012</v>
          </cell>
          <cell r="H1828">
            <v>2012</v>
          </cell>
          <cell r="I1828" t="str">
            <v>No additional costs.</v>
          </cell>
          <cell r="J1828">
            <v>0</v>
          </cell>
          <cell r="M1828">
            <v>0</v>
          </cell>
        </row>
        <row r="1829">
          <cell r="A1829" t="str">
            <v>GBRREG12012</v>
          </cell>
          <cell r="B1829" t="str">
            <v>GBR</v>
          </cell>
          <cell r="C1829" t="str">
            <v>United Kingdom</v>
          </cell>
          <cell r="D1829" t="str">
            <v>Item 1</v>
          </cell>
          <cell r="E1829" t="str">
            <v>REG1</v>
          </cell>
          <cell r="F1829" t="str">
            <v>Notification procedures</v>
          </cell>
          <cell r="G1829">
            <v>2012</v>
          </cell>
          <cell r="H1829">
            <v>2012</v>
          </cell>
          <cell r="I1829"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829">
            <v>1.25</v>
          </cell>
          <cell r="M1829">
            <v>2.5</v>
          </cell>
        </row>
        <row r="1830">
          <cell r="A1830" t="str">
            <v>GBRREG22012</v>
          </cell>
          <cell r="B1830" t="str">
            <v>GBR</v>
          </cell>
          <cell r="C1830" t="str">
            <v>United Kingdom</v>
          </cell>
          <cell r="D1830" t="str">
            <v>Item 2</v>
          </cell>
          <cell r="E1830" t="str">
            <v>REG2</v>
          </cell>
          <cell r="F1830" t="str">
            <v>Delay before notice can start</v>
          </cell>
          <cell r="G1830">
            <v>2012</v>
          </cell>
          <cell r="H1830">
            <v>2012</v>
          </cell>
          <cell r="I1830" t="str">
            <v xml:space="preserve">Individual termination: Written or oral notification.
</v>
          </cell>
          <cell r="J1830">
            <v>1</v>
          </cell>
          <cell r="M1830">
            <v>0</v>
          </cell>
        </row>
        <row r="1831">
          <cell r="A1831" t="str">
            <v>GBRREG32012</v>
          </cell>
          <cell r="B1831" t="str">
            <v>GBR</v>
          </cell>
          <cell r="C1831" t="str">
            <v>United Kingdom</v>
          </cell>
          <cell r="D1831" t="str">
            <v>Item 3</v>
          </cell>
          <cell r="E1831" t="str">
            <v>REG3A, REG3B, REG3C</v>
          </cell>
          <cell r="F1831" t="str">
            <v>Notice / tenure</v>
          </cell>
          <cell r="G1831">
            <v>2012</v>
          </cell>
          <cell r="H1831">
            <v>2012</v>
          </cell>
          <cell r="I1831" t="str">
            <v>All workers: 0&lt;1m, 1w&lt;2y, plus one additional week of notice per year of service up to a maximum of 12 weeks.
9 months tenure: 1 week, 4 years tenure: 4 weeks, 20 years tenure: 12 weeks.</v>
          </cell>
          <cell r="J1831">
            <v>0.25</v>
          </cell>
          <cell r="K1831">
            <v>1</v>
          </cell>
          <cell r="L1831">
            <v>3</v>
          </cell>
          <cell r="M1831">
            <v>1</v>
          </cell>
          <cell r="N1831">
            <v>2</v>
          </cell>
          <cell r="O1831">
            <v>2</v>
          </cell>
        </row>
        <row r="1832">
          <cell r="A1832" t="str">
            <v>GBRREG42012</v>
          </cell>
          <cell r="B1832" t="str">
            <v>GBR</v>
          </cell>
          <cell r="C1832" t="str">
            <v>United Kingdom</v>
          </cell>
          <cell r="D1832" t="str">
            <v>Item 4</v>
          </cell>
          <cell r="E1832" t="str">
            <v>REG4A, REG4B, REG4C</v>
          </cell>
          <cell r="F1832" t="str">
            <v>Severance pay / tenure</v>
          </cell>
          <cell r="G1832">
            <v>2012</v>
          </cell>
          <cell r="H1832">
            <v>2012</v>
          </cell>
          <cell r="I1832"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32">
            <v>0</v>
          </cell>
          <cell r="K1832">
            <v>0.5</v>
          </cell>
          <cell r="L1832">
            <v>2.5</v>
          </cell>
          <cell r="M1832">
            <v>0</v>
          </cell>
          <cell r="N1832">
            <v>1</v>
          </cell>
          <cell r="O1832">
            <v>1</v>
          </cell>
        </row>
        <row r="1833">
          <cell r="A1833" t="str">
            <v>GBRREG52012</v>
          </cell>
          <cell r="B1833" t="str">
            <v>GBR</v>
          </cell>
          <cell r="C1833" t="str">
            <v>United Kingdom</v>
          </cell>
          <cell r="D1833" t="str">
            <v>Item 5</v>
          </cell>
          <cell r="E1833" t="str">
            <v>REG5</v>
          </cell>
          <cell r="F1833" t="str">
            <v>Definition of justified or unfair dismissal</v>
          </cell>
          <cell r="G1833">
            <v>2012</v>
          </cell>
          <cell r="H1833">
            <v>2012</v>
          </cell>
          <cell r="I1833"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33">
            <v>0</v>
          </cell>
          <cell r="M1833">
            <v>0</v>
          </cell>
        </row>
        <row r="1834">
          <cell r="A1834" t="str">
            <v>GBRREG62012</v>
          </cell>
          <cell r="B1834" t="str">
            <v>GBR</v>
          </cell>
          <cell r="C1834" t="str">
            <v>United Kingdom</v>
          </cell>
          <cell r="D1834" t="str">
            <v>Item 6</v>
          </cell>
          <cell r="E1834" t="str">
            <v>REG6</v>
          </cell>
          <cell r="F1834" t="str">
            <v>Trial period</v>
          </cell>
          <cell r="G1834">
            <v>2012</v>
          </cell>
          <cell r="H1834">
            <v>2012</v>
          </cell>
          <cell r="I1834" t="str">
            <v>Trial periods are for agreement between employer and employee, but do not affect the employee’s statutory employment rights. Claims under unfair dismissal legislation are not normally possible until 1 year’s service has been completed.</v>
          </cell>
          <cell r="J1834">
            <v>12</v>
          </cell>
          <cell r="M1834">
            <v>2</v>
          </cell>
        </row>
        <row r="1835">
          <cell r="A1835" t="str">
            <v>GBRREG72012</v>
          </cell>
          <cell r="B1835" t="str">
            <v>GBR</v>
          </cell>
          <cell r="C1835" t="str">
            <v>United Kingdom</v>
          </cell>
          <cell r="D1835" t="str">
            <v>Item 7</v>
          </cell>
          <cell r="E1835" t="str">
            <v>REG7</v>
          </cell>
          <cell r="F1835" t="str">
            <v xml:space="preserve">Compensation following unfair dismissal </v>
          </cell>
          <cell r="G1835">
            <v>2012</v>
          </cell>
          <cell r="H1835">
            <v>2012</v>
          </cell>
          <cell r="I1835"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35">
            <v>5.5</v>
          </cell>
          <cell r="M1835">
            <v>1</v>
          </cell>
        </row>
        <row r="1836">
          <cell r="A1836" t="str">
            <v>GBRREG82012</v>
          </cell>
          <cell r="B1836" t="str">
            <v>GBR</v>
          </cell>
          <cell r="C1836" t="str">
            <v>United Kingdom</v>
          </cell>
          <cell r="D1836" t="str">
            <v>Item 8</v>
          </cell>
          <cell r="E1836" t="str">
            <v>REG8</v>
          </cell>
          <cell r="F1836" t="str">
            <v>Possibility of reinstatement following unfair dismissal</v>
          </cell>
          <cell r="G1836">
            <v>2012</v>
          </cell>
          <cell r="H1836">
            <v>2012</v>
          </cell>
          <cell r="I1836" t="str">
            <v> Employers are not obliged to reinstate but if a tribunal orders reinstatement or re-engagement in a comparable job and the employer refuses to comply, the tribunal may make an additional award on top of the basic and compensatory awards.</v>
          </cell>
          <cell r="J1836">
            <v>1</v>
          </cell>
          <cell r="M1836">
            <v>2</v>
          </cell>
        </row>
        <row r="1837">
          <cell r="A1837" t="str">
            <v>GBRREG92012</v>
          </cell>
          <cell r="B1837" t="str">
            <v>GBR</v>
          </cell>
          <cell r="C1837" t="str">
            <v>United Kingdom</v>
          </cell>
          <cell r="D1837" t="str">
            <v>Item 9</v>
          </cell>
          <cell r="E1837" t="str">
            <v>REG9</v>
          </cell>
          <cell r="F1837" t="str">
            <v>Maximum time for claim</v>
          </cell>
          <cell r="G1837">
            <v>2012</v>
          </cell>
          <cell r="H1837">
            <v>2012</v>
          </cell>
          <cell r="I1837"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37">
            <v>3</v>
          </cell>
          <cell r="M1837">
            <v>2</v>
          </cell>
        </row>
        <row r="1838">
          <cell r="A1838" t="str">
            <v>GBRFTC12012</v>
          </cell>
          <cell r="B1838" t="str">
            <v>GBR</v>
          </cell>
          <cell r="C1838" t="str">
            <v>United Kingdom</v>
          </cell>
          <cell r="D1838" t="str">
            <v>Item 10</v>
          </cell>
          <cell r="E1838" t="str">
            <v>FTC1</v>
          </cell>
          <cell r="F1838" t="str">
            <v>Valid cases for use of fixed-term contracts, other than  “objective”  or “material” situation</v>
          </cell>
          <cell r="G1838">
            <v>2012</v>
          </cell>
          <cell r="H1838">
            <v>2012</v>
          </cell>
          <cell r="I1838" t="str">
            <v> No restrictions.</v>
          </cell>
          <cell r="J1838">
            <v>3</v>
          </cell>
          <cell r="M1838">
            <v>0</v>
          </cell>
        </row>
        <row r="1839">
          <cell r="A1839" t="str">
            <v>GBRFTC22012</v>
          </cell>
          <cell r="B1839" t="str">
            <v>GBR</v>
          </cell>
          <cell r="C1839" t="str">
            <v>United Kingdom</v>
          </cell>
          <cell r="D1839" t="str">
            <v>Item 11</v>
          </cell>
          <cell r="E1839" t="str">
            <v>FTC2</v>
          </cell>
          <cell r="F1839" t="str">
            <v>Maximum number of successive fixed-term contracts</v>
          </cell>
          <cell r="G1839">
            <v>2012</v>
          </cell>
          <cell r="H1839">
            <v>2012</v>
          </cell>
          <cell r="I1839" t="str">
            <v> No limit</v>
          </cell>
          <cell r="J1839">
            <v>100</v>
          </cell>
          <cell r="M1839">
            <v>0</v>
          </cell>
        </row>
        <row r="1840">
          <cell r="A1840" t="str">
            <v>GBRFTC32012</v>
          </cell>
          <cell r="B1840" t="str">
            <v>GBR</v>
          </cell>
          <cell r="C1840" t="str">
            <v>United Kingdom</v>
          </cell>
          <cell r="D1840" t="str">
            <v>Item 12</v>
          </cell>
          <cell r="E1840" t="str">
            <v>FTC3</v>
          </cell>
          <cell r="F1840" t="str">
            <v>Maximum cumulated duration of successive fixed-term contracts</v>
          </cell>
          <cell r="G1840">
            <v>2012</v>
          </cell>
          <cell r="H1840">
            <v>2012</v>
          </cell>
          <cell r="I1840" t="str">
            <v> 4 years, after which will be treated as a permanent employee.</v>
          </cell>
          <cell r="J1840">
            <v>48</v>
          </cell>
          <cell r="M1840">
            <v>1</v>
          </cell>
        </row>
        <row r="1841">
          <cell r="A1841" t="str">
            <v>GBRTWA12012</v>
          </cell>
          <cell r="B1841" t="str">
            <v>GBR</v>
          </cell>
          <cell r="C1841" t="str">
            <v>United Kingdom</v>
          </cell>
          <cell r="D1841" t="str">
            <v>Item 13</v>
          </cell>
          <cell r="E1841" t="str">
            <v>TWA1</v>
          </cell>
          <cell r="F1841" t="str">
            <v>Types of work for which TWA employment is legal</v>
          </cell>
          <cell r="G1841">
            <v>2012</v>
          </cell>
          <cell r="H1841">
            <v>2012</v>
          </cell>
          <cell r="I1841" t="str">
            <v> General</v>
          </cell>
          <cell r="J1841">
            <v>4</v>
          </cell>
          <cell r="M1841">
            <v>0</v>
          </cell>
        </row>
        <row r="1842">
          <cell r="A1842" t="str">
            <v>GBRTWA22012</v>
          </cell>
          <cell r="B1842" t="str">
            <v>GBR</v>
          </cell>
          <cell r="C1842" t="str">
            <v>United Kingdom</v>
          </cell>
          <cell r="D1842" t="str">
            <v>Item 14</v>
          </cell>
          <cell r="E1842" t="str">
            <v>TWA2A, TWA2B</v>
          </cell>
          <cell r="F1842" t="str">
            <v>Are there any restrictions on the number of renewals of a TWA contract?</v>
          </cell>
          <cell r="G1842">
            <v>2012</v>
          </cell>
          <cell r="H1842">
            <v>2012</v>
          </cell>
          <cell r="I1842" t="str">
            <v> No</v>
          </cell>
          <cell r="J1842" t="str">
            <v>No</v>
          </cell>
          <cell r="K1842" t="str">
            <v>No</v>
          </cell>
          <cell r="M1842">
            <v>2</v>
          </cell>
          <cell r="N1842">
            <v>2</v>
          </cell>
        </row>
        <row r="1843">
          <cell r="A1843" t="str">
            <v>GBRTWA32012</v>
          </cell>
          <cell r="B1843" t="str">
            <v>GBR</v>
          </cell>
          <cell r="C1843" t="str">
            <v>United Kingdom</v>
          </cell>
          <cell r="D1843" t="str">
            <v>Item 15</v>
          </cell>
          <cell r="E1843" t="str">
            <v>TWA3A, TWA3B</v>
          </cell>
          <cell r="F1843" t="str">
            <v>Maximum cumulated duration of temporary work contracts</v>
          </cell>
          <cell r="G1843">
            <v>2012</v>
          </cell>
          <cell r="H1843">
            <v>2012</v>
          </cell>
          <cell r="I1843" t="str">
            <v>No limit</v>
          </cell>
          <cell r="J1843">
            <v>100</v>
          </cell>
          <cell r="K1843">
            <v>100</v>
          </cell>
          <cell r="M1843">
            <v>0</v>
          </cell>
          <cell r="N1843">
            <v>0</v>
          </cell>
        </row>
        <row r="1844">
          <cell r="A1844" t="str">
            <v>GBRTWA42012</v>
          </cell>
          <cell r="B1844" t="str">
            <v>GBR</v>
          </cell>
          <cell r="C1844" t="str">
            <v>United Kingdom</v>
          </cell>
          <cell r="D1844" t="str">
            <v>Item 16</v>
          </cell>
          <cell r="E1844" t="str">
            <v>TWA4</v>
          </cell>
          <cell r="F1844" t="str">
            <v>Authorisation and reporting obligations</v>
          </cell>
          <cell r="G1844">
            <v>2012</v>
          </cell>
          <cell r="H1844">
            <v>2012</v>
          </cell>
          <cell r="I1844" t="str">
            <v>No authorisation or reporting requirements.</v>
          </cell>
          <cell r="J1844">
            <v>0</v>
          </cell>
          <cell r="M1844">
            <v>0</v>
          </cell>
        </row>
        <row r="1845">
          <cell r="A1845" t="str">
            <v>GBRTWA52012</v>
          </cell>
          <cell r="B1845" t="str">
            <v>GBR</v>
          </cell>
          <cell r="C1845" t="str">
            <v>United Kingdom</v>
          </cell>
          <cell r="D1845" t="str">
            <v>Item 17</v>
          </cell>
          <cell r="E1845" t="str">
            <v>TWA5</v>
          </cell>
          <cell r="F1845" t="str">
            <v>Equal treatment for TWA workers</v>
          </cell>
          <cell r="G1845">
            <v>2012</v>
          </cell>
          <cell r="H1845">
            <v>2012</v>
          </cell>
          <cell r="I1845"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45">
            <v>1</v>
          </cell>
          <cell r="M1845">
            <v>3</v>
          </cell>
          <cell r="P1845">
            <v>40817</v>
          </cell>
        </row>
        <row r="1846">
          <cell r="A1846" t="str">
            <v>GBRCD12012</v>
          </cell>
          <cell r="B1846" t="str">
            <v>GBR</v>
          </cell>
          <cell r="C1846" t="str">
            <v>United Kingdom</v>
          </cell>
          <cell r="D1846" t="str">
            <v>Item 18</v>
          </cell>
          <cell r="E1846" t="str">
            <v>CD1</v>
          </cell>
          <cell r="F1846" t="str">
            <v>Definition of collective dismissal</v>
          </cell>
          <cell r="G1846">
            <v>2012</v>
          </cell>
          <cell r="H1846">
            <v>2012</v>
          </cell>
          <cell r="I1846" t="str">
            <v xml:space="preserve"> For collective redundancies (defined as “dismissal for a reason not related to the individual concerned” by section 195 of the Trade Union and Labour Relations Act, TULRA), regulations apply for dismissal of 20+ employees within 90 days.</v>
          </cell>
          <cell r="J1846">
            <v>2</v>
          </cell>
          <cell r="M1846">
            <v>3</v>
          </cell>
        </row>
        <row r="1847">
          <cell r="A1847" t="str">
            <v>GBRCD22012</v>
          </cell>
          <cell r="B1847" t="str">
            <v>GBR</v>
          </cell>
          <cell r="C1847" t="str">
            <v>United Kingdom</v>
          </cell>
          <cell r="D1847" t="str">
            <v>Item 19</v>
          </cell>
          <cell r="E1847" t="str">
            <v>CD2</v>
          </cell>
          <cell r="F1847" t="str">
            <v>Additional notification requirements in case of collective dismissals</v>
          </cell>
          <cell r="G1847">
            <v>2012</v>
          </cell>
          <cell r="H1847">
            <v>2012</v>
          </cell>
          <cell r="I1847"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47">
            <v>1.5</v>
          </cell>
          <cell r="M1847">
            <v>4.5</v>
          </cell>
        </row>
        <row r="1848">
          <cell r="A1848" t="str">
            <v>GBRCD32012</v>
          </cell>
          <cell r="B1848" t="str">
            <v>GBR</v>
          </cell>
          <cell r="C1848" t="str">
            <v>United Kingdom</v>
          </cell>
          <cell r="D1848" t="str">
            <v>Item 20</v>
          </cell>
          <cell r="E1848" t="str">
            <v>CD3</v>
          </cell>
          <cell r="F1848" t="str">
            <v>Additional delays involved in case of collective dismissals</v>
          </cell>
          <cell r="G1848">
            <v>2012</v>
          </cell>
          <cell r="H1848">
            <v>2012</v>
          </cell>
          <cell r="I1848" t="str">
            <v xml:space="preserve">Dismissals may not take effect until 30 days after notifying BIS if 20-99 workers are involved, and 90 days when 100+ workers are involved. </v>
          </cell>
          <cell r="J1848">
            <v>60</v>
          </cell>
          <cell r="M1848">
            <v>4</v>
          </cell>
        </row>
        <row r="1849">
          <cell r="A1849" t="str">
            <v>GBRCD42012</v>
          </cell>
          <cell r="B1849" t="str">
            <v>GBR</v>
          </cell>
          <cell r="C1849" t="str">
            <v>United Kingdom</v>
          </cell>
          <cell r="D1849" t="str">
            <v>Item 21</v>
          </cell>
          <cell r="E1849" t="str">
            <v>CD4</v>
          </cell>
          <cell r="F1849" t="str">
            <v>Other special costs to employers in case of collective dismissals</v>
          </cell>
          <cell r="G1849">
            <v>2012</v>
          </cell>
          <cell r="H1849">
            <v>2012</v>
          </cell>
          <cell r="I1849"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49">
            <v>0</v>
          </cell>
          <cell r="M1849">
            <v>0</v>
          </cell>
        </row>
        <row r="1850">
          <cell r="A1850" t="str">
            <v>GBRREG12013</v>
          </cell>
          <cell r="B1850" t="str">
            <v>GBR</v>
          </cell>
          <cell r="C1850" t="str">
            <v>United Kingdom</v>
          </cell>
          <cell r="D1850" t="str">
            <v>Item 1</v>
          </cell>
          <cell r="E1850" t="str">
            <v>REG1</v>
          </cell>
          <cell r="F1850" t="str">
            <v>Notification procedures</v>
          </cell>
          <cell r="G1850">
            <v>2013</v>
          </cell>
          <cell r="H1850">
            <v>2013</v>
          </cell>
          <cell r="I1850"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1850">
            <v>1.25</v>
          </cell>
          <cell r="M1850">
            <v>2.5</v>
          </cell>
        </row>
        <row r="1851">
          <cell r="A1851" t="str">
            <v>GBRREG22013</v>
          </cell>
          <cell r="B1851" t="str">
            <v>GBR</v>
          </cell>
          <cell r="C1851" t="str">
            <v>United Kingdom</v>
          </cell>
          <cell r="D1851" t="str">
            <v>Item 2</v>
          </cell>
          <cell r="E1851" t="str">
            <v>REG2</v>
          </cell>
          <cell r="F1851" t="str">
            <v>Delay before notice can start</v>
          </cell>
          <cell r="G1851">
            <v>2013</v>
          </cell>
          <cell r="H1851">
            <v>2013</v>
          </cell>
          <cell r="I1851" t="str">
            <v xml:space="preserve">Individual termination: Written or oral notification.
</v>
          </cell>
          <cell r="J1851">
            <v>1</v>
          </cell>
          <cell r="M1851">
            <v>0</v>
          </cell>
        </row>
        <row r="1852">
          <cell r="A1852" t="str">
            <v>GBRREG32013</v>
          </cell>
          <cell r="B1852" t="str">
            <v>GBR</v>
          </cell>
          <cell r="C1852" t="str">
            <v>United Kingdom</v>
          </cell>
          <cell r="D1852" t="str">
            <v>Item 3</v>
          </cell>
          <cell r="E1852" t="str">
            <v>REG3A, REG3B, REG3C</v>
          </cell>
          <cell r="F1852" t="str">
            <v>Notice / tenure</v>
          </cell>
          <cell r="G1852">
            <v>2013</v>
          </cell>
          <cell r="H1852">
            <v>2013</v>
          </cell>
          <cell r="I1852" t="str">
            <v>All workers: 0&lt;1m, 1w&lt;2y, plus one additional week of notice per year of service up to a maximum of 12 weeks.
9 months tenure: 1 week, 4 years tenure: 4 weeks, 20 years tenure: 12 weeks.</v>
          </cell>
          <cell r="J1852">
            <v>0.25</v>
          </cell>
          <cell r="K1852">
            <v>1</v>
          </cell>
          <cell r="L1852">
            <v>3</v>
          </cell>
          <cell r="M1852">
            <v>1</v>
          </cell>
          <cell r="N1852">
            <v>2</v>
          </cell>
          <cell r="O1852">
            <v>2</v>
          </cell>
        </row>
        <row r="1853">
          <cell r="A1853" t="str">
            <v>GBRREG42013</v>
          </cell>
          <cell r="B1853" t="str">
            <v>GBR</v>
          </cell>
          <cell r="C1853" t="str">
            <v>United Kingdom</v>
          </cell>
          <cell r="D1853" t="str">
            <v>Item 4</v>
          </cell>
          <cell r="E1853" t="str">
            <v>REG4A, REG4B, REG4C</v>
          </cell>
          <cell r="F1853" t="str">
            <v>Severance pay / tenure</v>
          </cell>
          <cell r="G1853">
            <v>2013</v>
          </cell>
          <cell r="H1853">
            <v>2013</v>
          </cell>
          <cell r="I1853"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53">
            <v>0</v>
          </cell>
          <cell r="K1853">
            <v>0.5</v>
          </cell>
          <cell r="L1853">
            <v>2.5</v>
          </cell>
          <cell r="M1853">
            <v>0</v>
          </cell>
          <cell r="N1853">
            <v>1</v>
          </cell>
          <cell r="O1853">
            <v>1</v>
          </cell>
        </row>
        <row r="1854">
          <cell r="A1854" t="str">
            <v>GBRREG52013</v>
          </cell>
          <cell r="B1854" t="str">
            <v>GBR</v>
          </cell>
          <cell r="C1854" t="str">
            <v>United Kingdom</v>
          </cell>
          <cell r="D1854" t="str">
            <v>Item 5</v>
          </cell>
          <cell r="E1854" t="str">
            <v>REG5</v>
          </cell>
          <cell r="F1854" t="str">
            <v>Definition of justified or unfair dismissal</v>
          </cell>
          <cell r="G1854">
            <v>2013</v>
          </cell>
          <cell r="H1854">
            <v>2013</v>
          </cell>
          <cell r="I1854"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54">
            <v>0</v>
          </cell>
          <cell r="M1854">
            <v>0</v>
          </cell>
        </row>
        <row r="1855">
          <cell r="A1855" t="str">
            <v>GBRREG62013</v>
          </cell>
          <cell r="B1855" t="str">
            <v>GBR</v>
          </cell>
          <cell r="C1855" t="str">
            <v>United Kingdom</v>
          </cell>
          <cell r="D1855" t="str">
            <v>Item 6</v>
          </cell>
          <cell r="E1855" t="str">
            <v>REG6</v>
          </cell>
          <cell r="F1855" t="str">
            <v>Trial period</v>
          </cell>
          <cell r="G1855">
            <v>2013</v>
          </cell>
          <cell r="H1855">
            <v>2013</v>
          </cell>
          <cell r="I1855" t="str">
            <v>Trial periods are for agreement between employer and employee, but do not affect the employee’s statutory employment rights. Claims under unfair dismissal legislation are not normally possible until 2 year’s service has been completed.</v>
          </cell>
          <cell r="J1855">
            <v>24</v>
          </cell>
          <cell r="M1855">
            <v>0</v>
          </cell>
        </row>
        <row r="1856">
          <cell r="A1856" t="str">
            <v>GBRREG72013</v>
          </cell>
          <cell r="B1856" t="str">
            <v>GBR</v>
          </cell>
          <cell r="C1856" t="str">
            <v>United Kingdom</v>
          </cell>
          <cell r="D1856" t="str">
            <v>Item 7</v>
          </cell>
          <cell r="E1856" t="str">
            <v>REG7</v>
          </cell>
          <cell r="F1856" t="str">
            <v xml:space="preserve">Compensation following unfair dismissal </v>
          </cell>
          <cell r="G1856">
            <v>2013</v>
          </cell>
          <cell r="H1856">
            <v>2013</v>
          </cell>
          <cell r="I1856"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56">
            <v>5.5</v>
          </cell>
          <cell r="M1856">
            <v>1</v>
          </cell>
        </row>
        <row r="1857">
          <cell r="A1857" t="str">
            <v>GBRREG82013</v>
          </cell>
          <cell r="B1857" t="str">
            <v>GBR</v>
          </cell>
          <cell r="C1857" t="str">
            <v>United Kingdom</v>
          </cell>
          <cell r="D1857" t="str">
            <v>Item 8</v>
          </cell>
          <cell r="E1857" t="str">
            <v>REG8</v>
          </cell>
          <cell r="F1857" t="str">
            <v>Possibility of reinstatement following unfair dismissal</v>
          </cell>
          <cell r="G1857">
            <v>2013</v>
          </cell>
          <cell r="H1857">
            <v>2013</v>
          </cell>
          <cell r="I1857" t="str">
            <v> Employers are not obliged to reinstate but if a tribunal orders reinstatement or re-engagement in a comparable job and the employer refuses to comply, the tribunal may make an additional award on top of the basic and compensatory awards.</v>
          </cell>
          <cell r="J1857">
            <v>1</v>
          </cell>
          <cell r="M1857">
            <v>2</v>
          </cell>
        </row>
        <row r="1858">
          <cell r="A1858" t="str">
            <v>GBRREG92013</v>
          </cell>
          <cell r="B1858" t="str">
            <v>GBR</v>
          </cell>
          <cell r="C1858" t="str">
            <v>United Kingdom</v>
          </cell>
          <cell r="D1858" t="str">
            <v>Item 9</v>
          </cell>
          <cell r="E1858" t="str">
            <v>REG9</v>
          </cell>
          <cell r="F1858" t="str">
            <v>Maximum time for claim</v>
          </cell>
          <cell r="G1858">
            <v>2013</v>
          </cell>
          <cell r="H1858">
            <v>2013</v>
          </cell>
          <cell r="I1858"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58">
            <v>3</v>
          </cell>
          <cell r="M1858">
            <v>2</v>
          </cell>
        </row>
        <row r="1859">
          <cell r="A1859" t="str">
            <v>GBRFTC12013</v>
          </cell>
          <cell r="B1859" t="str">
            <v>GBR</v>
          </cell>
          <cell r="C1859" t="str">
            <v>United Kingdom</v>
          </cell>
          <cell r="D1859" t="str">
            <v>Item 10</v>
          </cell>
          <cell r="E1859" t="str">
            <v>FTC1</v>
          </cell>
          <cell r="F1859" t="str">
            <v>Valid cases for use of fixed-term contracts, other than  “objective”  or “material” situation</v>
          </cell>
          <cell r="G1859">
            <v>2013</v>
          </cell>
          <cell r="H1859">
            <v>2013</v>
          </cell>
          <cell r="I1859" t="str">
            <v> No restrictions.</v>
          </cell>
          <cell r="J1859">
            <v>3</v>
          </cell>
          <cell r="M1859">
            <v>0</v>
          </cell>
        </row>
        <row r="1860">
          <cell r="A1860" t="str">
            <v>GBRFTC22013</v>
          </cell>
          <cell r="B1860" t="str">
            <v>GBR</v>
          </cell>
          <cell r="C1860" t="str">
            <v>United Kingdom</v>
          </cell>
          <cell r="D1860" t="str">
            <v>Item 11</v>
          </cell>
          <cell r="E1860" t="str">
            <v>FTC2</v>
          </cell>
          <cell r="F1860" t="str">
            <v>Maximum number of successive fixed-term contracts</v>
          </cell>
          <cell r="G1860">
            <v>2013</v>
          </cell>
          <cell r="H1860">
            <v>2013</v>
          </cell>
          <cell r="I1860" t="str">
            <v> No limit</v>
          </cell>
          <cell r="J1860">
            <v>100</v>
          </cell>
          <cell r="M1860">
            <v>0</v>
          </cell>
        </row>
        <row r="1861">
          <cell r="A1861" t="str">
            <v>GBRFTC32013</v>
          </cell>
          <cell r="B1861" t="str">
            <v>GBR</v>
          </cell>
          <cell r="C1861" t="str">
            <v>United Kingdom</v>
          </cell>
          <cell r="D1861" t="str">
            <v>Item 12</v>
          </cell>
          <cell r="E1861" t="str">
            <v>FTC3</v>
          </cell>
          <cell r="F1861" t="str">
            <v>Maximum cumulated duration of successive fixed-term contracts</v>
          </cell>
          <cell r="G1861">
            <v>2013</v>
          </cell>
          <cell r="H1861">
            <v>2013</v>
          </cell>
          <cell r="I1861" t="str">
            <v> 4 years, after which will be treated as a permanent employee.</v>
          </cell>
          <cell r="J1861">
            <v>48</v>
          </cell>
          <cell r="M1861">
            <v>1</v>
          </cell>
        </row>
        <row r="1862">
          <cell r="A1862" t="str">
            <v>GBRTWA12013</v>
          </cell>
          <cell r="B1862" t="str">
            <v>GBR</v>
          </cell>
          <cell r="C1862" t="str">
            <v>United Kingdom</v>
          </cell>
          <cell r="D1862" t="str">
            <v>Item 13</v>
          </cell>
          <cell r="E1862" t="str">
            <v>TWA1</v>
          </cell>
          <cell r="F1862" t="str">
            <v>Types of work for which TWA employment is legal</v>
          </cell>
          <cell r="G1862">
            <v>2013</v>
          </cell>
          <cell r="H1862">
            <v>2013</v>
          </cell>
          <cell r="I1862" t="str">
            <v> General</v>
          </cell>
          <cell r="J1862">
            <v>4</v>
          </cell>
          <cell r="M1862">
            <v>0</v>
          </cell>
        </row>
        <row r="1863">
          <cell r="A1863" t="str">
            <v>GBRTWA22013</v>
          </cell>
          <cell r="B1863" t="str">
            <v>GBR</v>
          </cell>
          <cell r="C1863" t="str">
            <v>United Kingdom</v>
          </cell>
          <cell r="D1863" t="str">
            <v>Item 14</v>
          </cell>
          <cell r="E1863" t="str">
            <v>TWA2A, TWA2B</v>
          </cell>
          <cell r="F1863" t="str">
            <v>Are there any restrictions on the number of renewals of a TWA contract?</v>
          </cell>
          <cell r="G1863">
            <v>2013</v>
          </cell>
          <cell r="H1863">
            <v>2013</v>
          </cell>
          <cell r="I1863" t="str">
            <v> No</v>
          </cell>
          <cell r="J1863" t="str">
            <v>No</v>
          </cell>
          <cell r="K1863" t="str">
            <v>No</v>
          </cell>
          <cell r="M1863">
            <v>2</v>
          </cell>
          <cell r="N1863">
            <v>2</v>
          </cell>
        </row>
        <row r="1864">
          <cell r="A1864" t="str">
            <v>GBRTWA32013</v>
          </cell>
          <cell r="B1864" t="str">
            <v>GBR</v>
          </cell>
          <cell r="C1864" t="str">
            <v>United Kingdom</v>
          </cell>
          <cell r="D1864" t="str">
            <v>Item 15</v>
          </cell>
          <cell r="E1864" t="str">
            <v>TWA3A, TWA3B</v>
          </cell>
          <cell r="F1864" t="str">
            <v>Maximum cumulated duration of temporary work contracts</v>
          </cell>
          <cell r="G1864">
            <v>2013</v>
          </cell>
          <cell r="H1864">
            <v>2013</v>
          </cell>
          <cell r="I1864" t="str">
            <v>No limit</v>
          </cell>
          <cell r="J1864">
            <v>100</v>
          </cell>
          <cell r="K1864">
            <v>100</v>
          </cell>
          <cell r="M1864">
            <v>0</v>
          </cell>
          <cell r="N1864">
            <v>0</v>
          </cell>
        </row>
        <row r="1865">
          <cell r="A1865" t="str">
            <v>GBRTWA42013</v>
          </cell>
          <cell r="B1865" t="str">
            <v>GBR</v>
          </cell>
          <cell r="C1865" t="str">
            <v>United Kingdom</v>
          </cell>
          <cell r="D1865" t="str">
            <v>Item 16</v>
          </cell>
          <cell r="E1865" t="str">
            <v>TWA4</v>
          </cell>
          <cell r="F1865" t="str">
            <v>Authorisation and reporting obligations</v>
          </cell>
          <cell r="G1865">
            <v>2013</v>
          </cell>
          <cell r="H1865">
            <v>2013</v>
          </cell>
          <cell r="I1865" t="str">
            <v>No authorisation or reporting requirements.</v>
          </cell>
          <cell r="J1865">
            <v>0</v>
          </cell>
          <cell r="M1865">
            <v>0</v>
          </cell>
        </row>
        <row r="1866">
          <cell r="A1866" t="str">
            <v>GBRTWA52013</v>
          </cell>
          <cell r="B1866" t="str">
            <v>GBR</v>
          </cell>
          <cell r="C1866" t="str">
            <v>United Kingdom</v>
          </cell>
          <cell r="D1866" t="str">
            <v>Item 17</v>
          </cell>
          <cell r="E1866" t="str">
            <v>TWA5</v>
          </cell>
          <cell r="F1866" t="str">
            <v>Equal treatment for TWA workers</v>
          </cell>
          <cell r="G1866">
            <v>2013</v>
          </cell>
          <cell r="H1866">
            <v>2013</v>
          </cell>
          <cell r="I1866"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66">
            <v>1</v>
          </cell>
          <cell r="M1866">
            <v>3</v>
          </cell>
        </row>
        <row r="1867">
          <cell r="A1867" t="str">
            <v>GBRCD12013</v>
          </cell>
          <cell r="B1867" t="str">
            <v>GBR</v>
          </cell>
          <cell r="C1867" t="str">
            <v>United Kingdom</v>
          </cell>
          <cell r="D1867" t="str">
            <v>Item 18</v>
          </cell>
          <cell r="E1867" t="str">
            <v>CD1</v>
          </cell>
          <cell r="F1867" t="str">
            <v>Definition of collective dismissal</v>
          </cell>
          <cell r="G1867">
            <v>2013</v>
          </cell>
          <cell r="H1867">
            <v>2013</v>
          </cell>
          <cell r="I1867" t="str">
            <v xml:space="preserve"> For collective redundancies (defined as “dismissal for a reason not related to the individual concerned” by section 195 of the Trade Union and Labour Relations Act, TULRA), regulations apply for dismissal of 20+ employees within 90 days.</v>
          </cell>
          <cell r="J1867">
            <v>2</v>
          </cell>
          <cell r="M1867">
            <v>3</v>
          </cell>
        </row>
        <row r="1868">
          <cell r="A1868" t="str">
            <v>GBRCD22013</v>
          </cell>
          <cell r="B1868" t="str">
            <v>GBR</v>
          </cell>
          <cell r="C1868" t="str">
            <v>United Kingdom</v>
          </cell>
          <cell r="D1868" t="str">
            <v>Item 19</v>
          </cell>
          <cell r="E1868" t="str">
            <v>CD2</v>
          </cell>
          <cell r="F1868" t="str">
            <v>Additional notification requirements in case of collective dismissals</v>
          </cell>
          <cell r="G1868">
            <v>2013</v>
          </cell>
          <cell r="H1868">
            <v>2013</v>
          </cell>
          <cell r="I1868"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68">
            <v>1.5</v>
          </cell>
          <cell r="M1868">
            <v>4.5</v>
          </cell>
        </row>
        <row r="1869">
          <cell r="A1869" t="str">
            <v>GBRCD32013</v>
          </cell>
          <cell r="B1869" t="str">
            <v>GBR</v>
          </cell>
          <cell r="C1869" t="str">
            <v>United Kingdom</v>
          </cell>
          <cell r="D1869" t="str">
            <v>Item 20</v>
          </cell>
          <cell r="E1869" t="str">
            <v>CD3</v>
          </cell>
          <cell r="F1869" t="str">
            <v>Additional delays involved in case of collective dismissals</v>
          </cell>
          <cell r="G1869">
            <v>2013</v>
          </cell>
          <cell r="H1869">
            <v>2013</v>
          </cell>
          <cell r="I1869" t="str">
            <v xml:space="preserve">Dismissals may not take effect until 30 days after notifying BIS if 20-99 workers are involved, and 90 days when 100+ workers are involved. </v>
          </cell>
          <cell r="J1869">
            <v>60</v>
          </cell>
          <cell r="M1869">
            <v>4</v>
          </cell>
        </row>
        <row r="1870">
          <cell r="A1870" t="str">
            <v>GBRCD42013</v>
          </cell>
          <cell r="B1870" t="str">
            <v>GBR</v>
          </cell>
          <cell r="C1870" t="str">
            <v>United Kingdom</v>
          </cell>
          <cell r="D1870" t="str">
            <v>Item 21</v>
          </cell>
          <cell r="E1870" t="str">
            <v>CD4</v>
          </cell>
          <cell r="F1870" t="str">
            <v>Other special costs to employers in case of collective dismissals</v>
          </cell>
          <cell r="G1870">
            <v>2013</v>
          </cell>
          <cell r="H1870">
            <v>2013</v>
          </cell>
          <cell r="I1870"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70">
            <v>0</v>
          </cell>
          <cell r="M1870">
            <v>0</v>
          </cell>
        </row>
        <row r="1871">
          <cell r="A1871" t="str">
            <v>CANREG12012</v>
          </cell>
          <cell r="B1871" t="str">
            <v>CAN</v>
          </cell>
          <cell r="C1871" t="str">
            <v>Canada</v>
          </cell>
          <cell r="D1871" t="str">
            <v>Item 1</v>
          </cell>
          <cell r="E1871" t="str">
            <v>REG1</v>
          </cell>
          <cell r="F1871" t="str">
            <v>Notification procedures</v>
          </cell>
          <cell r="G1871">
            <v>2012</v>
          </cell>
          <cell r="H1871">
            <v>2012</v>
          </cell>
          <cell r="I1871" t="str">
            <v>Written or oral notification to the employee or, sometimes, to the employee’s representative (union).</v>
          </cell>
          <cell r="J1871">
            <v>1</v>
          </cell>
          <cell r="M1871">
            <v>2</v>
          </cell>
        </row>
        <row r="1872">
          <cell r="A1872" t="str">
            <v>CANREG22012</v>
          </cell>
          <cell r="B1872" t="str">
            <v>CAN</v>
          </cell>
          <cell r="C1872" t="str">
            <v>Canada</v>
          </cell>
          <cell r="D1872" t="str">
            <v>Item 2</v>
          </cell>
          <cell r="E1872" t="str">
            <v>REG2</v>
          </cell>
          <cell r="F1872" t="str">
            <v>Delay before notice can start</v>
          </cell>
          <cell r="G1872">
            <v>2012</v>
          </cell>
          <cell r="H1872">
            <v>2012</v>
          </cell>
          <cell r="I1872" t="str">
            <v>Written or oral notification.</v>
          </cell>
          <cell r="J1872">
            <v>1</v>
          </cell>
          <cell r="M1872">
            <v>0</v>
          </cell>
        </row>
        <row r="1873">
          <cell r="A1873" t="str">
            <v>CANREG32012</v>
          </cell>
          <cell r="B1873" t="str">
            <v>CAN</v>
          </cell>
          <cell r="C1873" t="str">
            <v>Canada</v>
          </cell>
          <cell r="D1873" t="str">
            <v>Item 3</v>
          </cell>
          <cell r="E1873" t="str">
            <v>REG3A, REG3B, REG3C</v>
          </cell>
          <cell r="F1873" t="str">
            <v>Notice / tenure</v>
          </cell>
          <cell r="G1873">
            <v>2012</v>
          </cell>
          <cell r="H1873">
            <v>2012</v>
          </cell>
          <cell r="I1873"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3">
            <v>0.25</v>
          </cell>
          <cell r="K1873">
            <v>0.82250000000000001</v>
          </cell>
          <cell r="L1873">
            <v>2</v>
          </cell>
          <cell r="M1873">
            <v>1</v>
          </cell>
          <cell r="N1873">
            <v>2</v>
          </cell>
          <cell r="O1873">
            <v>1</v>
          </cell>
        </row>
        <row r="1874">
          <cell r="A1874" t="str">
            <v>CANREG42012</v>
          </cell>
          <cell r="B1874" t="str">
            <v>CAN</v>
          </cell>
          <cell r="C1874" t="str">
            <v>Canada</v>
          </cell>
          <cell r="D1874" t="str">
            <v>Item 4</v>
          </cell>
          <cell r="E1874" t="str">
            <v>REG4A, REG4B, REG4C</v>
          </cell>
          <cell r="F1874" t="str">
            <v>Severance pay / tenure</v>
          </cell>
          <cell r="G1874">
            <v>2012</v>
          </cell>
          <cell r="H1874">
            <v>2012</v>
          </cell>
          <cell r="I1874"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4">
            <v>0</v>
          </cell>
          <cell r="K1874">
            <v>0</v>
          </cell>
          <cell r="L1874">
            <v>2.25</v>
          </cell>
          <cell r="M1874">
            <v>0</v>
          </cell>
          <cell r="N1874">
            <v>0</v>
          </cell>
          <cell r="O1874">
            <v>1</v>
          </cell>
        </row>
        <row r="1875">
          <cell r="A1875" t="str">
            <v>CANREG52012</v>
          </cell>
          <cell r="B1875" t="str">
            <v>CAN</v>
          </cell>
          <cell r="C1875" t="str">
            <v>Canada</v>
          </cell>
          <cell r="D1875" t="str">
            <v>Item 5</v>
          </cell>
          <cell r="E1875" t="str">
            <v>REG5</v>
          </cell>
          <cell r="F1875" t="str">
            <v>Definition of justified or unfair dismissal</v>
          </cell>
          <cell r="G1875">
            <v>2012</v>
          </cell>
          <cell r="H1875">
            <v>2012</v>
          </cell>
          <cell r="I1875"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75">
            <v>0</v>
          </cell>
          <cell r="M1875">
            <v>0</v>
          </cell>
        </row>
        <row r="1876">
          <cell r="A1876" t="str">
            <v>CANREG62012</v>
          </cell>
          <cell r="B1876" t="str">
            <v>CAN</v>
          </cell>
          <cell r="C1876" t="str">
            <v>Canada</v>
          </cell>
          <cell r="D1876" t="str">
            <v>Item 6</v>
          </cell>
          <cell r="E1876" t="str">
            <v>REG6</v>
          </cell>
          <cell r="F1876" t="str">
            <v>Trial period</v>
          </cell>
          <cell r="G1876">
            <v>2012</v>
          </cell>
          <cell r="H1876">
            <v>2012</v>
          </cell>
          <cell r="I1876"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76" t="str">
            <v>..</v>
          </cell>
          <cell r="M1876" t="e">
            <v>#N/A</v>
          </cell>
        </row>
        <row r="1877">
          <cell r="A1877" t="str">
            <v>CANREG72012</v>
          </cell>
          <cell r="B1877" t="str">
            <v>CAN</v>
          </cell>
          <cell r="C1877" t="str">
            <v>Canada</v>
          </cell>
          <cell r="D1877" t="str">
            <v>Item 7</v>
          </cell>
          <cell r="E1877" t="str">
            <v>REG7</v>
          </cell>
          <cell r="F1877" t="str">
            <v xml:space="preserve">Compensation following unfair dismissal </v>
          </cell>
          <cell r="G1877">
            <v>2012</v>
          </cell>
          <cell r="H1877">
            <v>2012</v>
          </cell>
          <cell r="I1877"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77" t="str">
            <v>..</v>
          </cell>
          <cell r="M1877" t="e">
            <v>#N/A</v>
          </cell>
        </row>
        <row r="1878">
          <cell r="A1878" t="str">
            <v>CANREG82012</v>
          </cell>
          <cell r="B1878" t="str">
            <v>CAN</v>
          </cell>
          <cell r="C1878" t="str">
            <v>Canada</v>
          </cell>
          <cell r="D1878" t="str">
            <v>Item 8</v>
          </cell>
          <cell r="E1878" t="str">
            <v>REG8</v>
          </cell>
          <cell r="F1878" t="str">
            <v>Possibility of reinstatement following unfair dismissal</v>
          </cell>
          <cell r="G1878">
            <v>2012</v>
          </cell>
          <cell r="H1878">
            <v>2012</v>
          </cell>
          <cell r="I1878" t="str">
            <v>Depending on the circumstances of a case, an employer may be ordered to reinstate an employee.</v>
          </cell>
          <cell r="J1878">
            <v>1</v>
          </cell>
          <cell r="M1878">
            <v>2</v>
          </cell>
        </row>
        <row r="1879">
          <cell r="A1879" t="str">
            <v>CANREG92012</v>
          </cell>
          <cell r="B1879" t="str">
            <v>CAN</v>
          </cell>
          <cell r="C1879" t="str">
            <v>Canada</v>
          </cell>
          <cell r="D1879" t="str">
            <v>Item 9</v>
          </cell>
          <cell r="E1879" t="str">
            <v>REG9</v>
          </cell>
          <cell r="F1879" t="str">
            <v>Maximum time for claim</v>
          </cell>
          <cell r="G1879">
            <v>2012</v>
          </cell>
          <cell r="H1879">
            <v>2012</v>
          </cell>
          <cell r="I1879"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1879">
            <v>0.42000000000000004</v>
          </cell>
          <cell r="M1879">
            <v>1</v>
          </cell>
        </row>
        <row r="1880">
          <cell r="A1880" t="str">
            <v>CANFTC12012</v>
          </cell>
          <cell r="B1880" t="str">
            <v>CAN</v>
          </cell>
          <cell r="C1880" t="str">
            <v>Canada</v>
          </cell>
          <cell r="D1880" t="str">
            <v>Item 10</v>
          </cell>
          <cell r="E1880" t="str">
            <v>FTC1</v>
          </cell>
          <cell r="F1880" t="str">
            <v>Valid cases for use of fixed-term contracts, other than  “objective”  or “material” situation</v>
          </cell>
          <cell r="G1880">
            <v>2012</v>
          </cell>
          <cell r="H1880">
            <v>2012</v>
          </cell>
          <cell r="I1880" t="str">
            <v>No restrictions</v>
          </cell>
          <cell r="J1880">
            <v>3</v>
          </cell>
          <cell r="M1880">
            <v>0</v>
          </cell>
        </row>
        <row r="1881">
          <cell r="A1881" t="str">
            <v>CANFTC22012</v>
          </cell>
          <cell r="B1881" t="str">
            <v>CAN</v>
          </cell>
          <cell r="C1881" t="str">
            <v>Canada</v>
          </cell>
          <cell r="D1881" t="str">
            <v>Item 11</v>
          </cell>
          <cell r="E1881" t="str">
            <v>FTC2</v>
          </cell>
          <cell r="F1881" t="str">
            <v>Maximum number of successive fixed-term contracts</v>
          </cell>
          <cell r="G1881">
            <v>2012</v>
          </cell>
          <cell r="H1881">
            <v>2012</v>
          </cell>
          <cell r="I1881" t="str">
            <v>No limit</v>
          </cell>
          <cell r="J1881">
            <v>100</v>
          </cell>
          <cell r="M1881">
            <v>0</v>
          </cell>
        </row>
        <row r="1882">
          <cell r="A1882" t="str">
            <v>CANFTC32012</v>
          </cell>
          <cell r="B1882" t="str">
            <v>CAN</v>
          </cell>
          <cell r="C1882" t="str">
            <v>Canada</v>
          </cell>
          <cell r="D1882" t="str">
            <v>Item 12</v>
          </cell>
          <cell r="E1882" t="str">
            <v>FTC3</v>
          </cell>
          <cell r="F1882" t="str">
            <v>Maximum cumulated duration of successive fixed-term contracts</v>
          </cell>
          <cell r="G1882">
            <v>2012</v>
          </cell>
          <cell r="H1882">
            <v>2012</v>
          </cell>
          <cell r="I1882" t="str">
            <v>No limit</v>
          </cell>
          <cell r="J1882">
            <v>200</v>
          </cell>
          <cell r="M1882">
            <v>0</v>
          </cell>
        </row>
        <row r="1883">
          <cell r="A1883" t="str">
            <v>CANTWA12012</v>
          </cell>
          <cell r="B1883" t="str">
            <v>CAN</v>
          </cell>
          <cell r="C1883" t="str">
            <v>Canada</v>
          </cell>
          <cell r="D1883" t="str">
            <v>Item 13</v>
          </cell>
          <cell r="E1883" t="str">
            <v>TWA1</v>
          </cell>
          <cell r="F1883" t="str">
            <v>Types of work for which TWA employment is legal</v>
          </cell>
          <cell r="G1883">
            <v>2012</v>
          </cell>
          <cell r="H1883">
            <v>2012</v>
          </cell>
          <cell r="I1883" t="str">
            <v>General</v>
          </cell>
          <cell r="J1883">
            <v>4</v>
          </cell>
          <cell r="M1883">
            <v>0</v>
          </cell>
        </row>
        <row r="1884">
          <cell r="A1884" t="str">
            <v>CANTWA22012</v>
          </cell>
          <cell r="B1884" t="str">
            <v>CAN</v>
          </cell>
          <cell r="C1884" t="str">
            <v>Canada</v>
          </cell>
          <cell r="D1884" t="str">
            <v>Item 14</v>
          </cell>
          <cell r="E1884" t="str">
            <v>TWA2A, TWA2B</v>
          </cell>
          <cell r="F1884" t="str">
            <v>Are there any restrictions on the number of renewals of a TWA contract?</v>
          </cell>
          <cell r="G1884">
            <v>2012</v>
          </cell>
          <cell r="H1884">
            <v>2012</v>
          </cell>
          <cell r="I1884" t="str">
            <v>No</v>
          </cell>
          <cell r="J1884" t="str">
            <v>No</v>
          </cell>
          <cell r="K1884" t="str">
            <v>No</v>
          </cell>
          <cell r="M1884">
            <v>2</v>
          </cell>
          <cell r="N1884">
            <v>2</v>
          </cell>
        </row>
        <row r="1885">
          <cell r="A1885" t="str">
            <v>CANTWA32012</v>
          </cell>
          <cell r="B1885" t="str">
            <v>CAN</v>
          </cell>
          <cell r="C1885" t="str">
            <v>Canada</v>
          </cell>
          <cell r="D1885" t="str">
            <v>Item 15</v>
          </cell>
          <cell r="E1885" t="str">
            <v>TWA3A, TWA3B</v>
          </cell>
          <cell r="F1885" t="str">
            <v>Maximum cumulated duration of temporary work contracts</v>
          </cell>
          <cell r="G1885">
            <v>2012</v>
          </cell>
          <cell r="H1885">
            <v>2012</v>
          </cell>
          <cell r="I1885" t="str">
            <v>No limit</v>
          </cell>
          <cell r="J1885">
            <v>100</v>
          </cell>
          <cell r="K1885">
            <v>100</v>
          </cell>
          <cell r="M1885">
            <v>0</v>
          </cell>
          <cell r="N1885">
            <v>0</v>
          </cell>
        </row>
        <row r="1886">
          <cell r="A1886" t="str">
            <v>CANTWA42012</v>
          </cell>
          <cell r="B1886" t="str">
            <v>CAN</v>
          </cell>
          <cell r="C1886" t="str">
            <v>Canada</v>
          </cell>
          <cell r="D1886" t="str">
            <v>Item 16</v>
          </cell>
          <cell r="E1886" t="str">
            <v>TWA4</v>
          </cell>
          <cell r="F1886" t="str">
            <v>Authorisation and reporting obligations</v>
          </cell>
          <cell r="G1886">
            <v>2012</v>
          </cell>
          <cell r="H1886">
            <v>2012</v>
          </cell>
          <cell r="I1886"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886">
            <v>0.26</v>
          </cell>
          <cell r="M1886">
            <v>0.52</v>
          </cell>
          <cell r="P1886">
            <v>39904</v>
          </cell>
        </row>
        <row r="1887">
          <cell r="A1887" t="str">
            <v>CANTWA52012</v>
          </cell>
          <cell r="B1887" t="str">
            <v>CAN</v>
          </cell>
          <cell r="C1887" t="str">
            <v>Canada</v>
          </cell>
          <cell r="D1887" t="str">
            <v>Item 17</v>
          </cell>
          <cell r="E1887" t="str">
            <v>TWA5</v>
          </cell>
          <cell r="F1887" t="str">
            <v>Equal treatment for TWA workers</v>
          </cell>
          <cell r="G1887">
            <v>2012</v>
          </cell>
          <cell r="H1887">
            <v>2012</v>
          </cell>
          <cell r="I1887" t="str">
            <v>No</v>
          </cell>
          <cell r="J1887">
            <v>0</v>
          </cell>
          <cell r="M1887">
            <v>0</v>
          </cell>
        </row>
        <row r="1888">
          <cell r="A1888" t="str">
            <v>CANCD12012</v>
          </cell>
          <cell r="B1888" t="str">
            <v>CAN</v>
          </cell>
          <cell r="C1888" t="str">
            <v>Canada</v>
          </cell>
          <cell r="D1888" t="str">
            <v>Item 18</v>
          </cell>
          <cell r="E1888" t="str">
            <v>CD1</v>
          </cell>
          <cell r="F1888" t="str">
            <v>Definition of collective dismissal</v>
          </cell>
          <cell r="G1888">
            <v>2012</v>
          </cell>
          <cell r="H1888">
            <v>2012</v>
          </cell>
          <cell r="I1888"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888">
            <v>1.83</v>
          </cell>
          <cell r="M1888">
            <v>2.7450000000000001</v>
          </cell>
        </row>
        <row r="1889">
          <cell r="A1889" t="str">
            <v>CANCD22012</v>
          </cell>
          <cell r="B1889" t="str">
            <v>CAN</v>
          </cell>
          <cell r="C1889" t="str">
            <v>Canada</v>
          </cell>
          <cell r="D1889" t="str">
            <v>Item 19</v>
          </cell>
          <cell r="E1889" t="str">
            <v>CD2</v>
          </cell>
          <cell r="F1889" t="str">
            <v>Additional notification requirements in case of collective dismissals</v>
          </cell>
          <cell r="G1889">
            <v>2012</v>
          </cell>
          <cell r="H1889">
            <v>2012</v>
          </cell>
          <cell r="I1889"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889">
            <v>1.43</v>
          </cell>
          <cell r="M1889">
            <v>4.29</v>
          </cell>
        </row>
        <row r="1890">
          <cell r="A1890" t="str">
            <v>CANCD32012</v>
          </cell>
          <cell r="B1890" t="str">
            <v>CAN</v>
          </cell>
          <cell r="C1890" t="str">
            <v>Canada</v>
          </cell>
          <cell r="D1890" t="str">
            <v>Item 20</v>
          </cell>
          <cell r="E1890" t="str">
            <v>CD3</v>
          </cell>
          <cell r="F1890" t="str">
            <v>Additional delays involved in case of collective dismissals</v>
          </cell>
          <cell r="G1890">
            <v>2012</v>
          </cell>
          <cell r="H1890">
            <v>2012</v>
          </cell>
          <cell r="I1890"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890">
            <v>53</v>
          </cell>
          <cell r="M1890">
            <v>4</v>
          </cell>
        </row>
        <row r="1891">
          <cell r="A1891" t="str">
            <v>CANCD42012</v>
          </cell>
          <cell r="B1891" t="str">
            <v>CAN</v>
          </cell>
          <cell r="C1891" t="str">
            <v>Canada</v>
          </cell>
          <cell r="D1891" t="str">
            <v>Item 21</v>
          </cell>
          <cell r="E1891" t="str">
            <v>CD4</v>
          </cell>
          <cell r="F1891" t="str">
            <v>Other special costs to employers in case of collective dismissals</v>
          </cell>
          <cell r="G1891">
            <v>2012</v>
          </cell>
          <cell r="H1891">
            <v>2012</v>
          </cell>
          <cell r="I1891"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891">
            <v>0.28000000000000003</v>
          </cell>
          <cell r="M1891">
            <v>0.84000000000000008</v>
          </cell>
        </row>
        <row r="1892">
          <cell r="A1892" t="str">
            <v>CANREG12013</v>
          </cell>
          <cell r="B1892" t="str">
            <v>CAN</v>
          </cell>
          <cell r="C1892" t="str">
            <v>Canada</v>
          </cell>
          <cell r="D1892" t="str">
            <v>Item 1</v>
          </cell>
          <cell r="E1892" t="str">
            <v>REG1</v>
          </cell>
          <cell r="F1892" t="str">
            <v>Notification procedures</v>
          </cell>
          <cell r="G1892">
            <v>2013</v>
          </cell>
          <cell r="H1892">
            <v>2013</v>
          </cell>
          <cell r="I1892" t="str">
            <v>Written or oral notification to the employee or, sometimes, to the employee’s representative (union).</v>
          </cell>
          <cell r="J1892">
            <v>1</v>
          </cell>
          <cell r="M1892">
            <v>2</v>
          </cell>
        </row>
        <row r="1893">
          <cell r="A1893" t="str">
            <v>CANREG22013</v>
          </cell>
          <cell r="B1893" t="str">
            <v>CAN</v>
          </cell>
          <cell r="C1893" t="str">
            <v>Canada</v>
          </cell>
          <cell r="D1893" t="str">
            <v>Item 2</v>
          </cell>
          <cell r="E1893" t="str">
            <v>REG2</v>
          </cell>
          <cell r="F1893" t="str">
            <v>Delay before notice can start</v>
          </cell>
          <cell r="G1893">
            <v>2013</v>
          </cell>
          <cell r="H1893">
            <v>2013</v>
          </cell>
          <cell r="I1893" t="str">
            <v>Written or oral notification.</v>
          </cell>
          <cell r="J1893">
            <v>1</v>
          </cell>
          <cell r="M1893">
            <v>0</v>
          </cell>
        </row>
        <row r="1894">
          <cell r="A1894" t="str">
            <v>CANREG32013</v>
          </cell>
          <cell r="B1894" t="str">
            <v>CAN</v>
          </cell>
          <cell r="C1894" t="str">
            <v>Canada</v>
          </cell>
          <cell r="D1894" t="str">
            <v>Item 3</v>
          </cell>
          <cell r="E1894" t="str">
            <v>REG3A, REG3B, REG3C</v>
          </cell>
          <cell r="F1894" t="str">
            <v>Notice / tenure</v>
          </cell>
          <cell r="G1894">
            <v>2013</v>
          </cell>
          <cell r="H1894">
            <v>2013</v>
          </cell>
          <cell r="I1894"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4">
            <v>0.25</v>
          </cell>
          <cell r="K1894">
            <v>0.82250000000000001</v>
          </cell>
          <cell r="L1894">
            <v>2</v>
          </cell>
          <cell r="M1894">
            <v>1</v>
          </cell>
          <cell r="N1894">
            <v>2</v>
          </cell>
          <cell r="O1894">
            <v>1</v>
          </cell>
        </row>
        <row r="1895">
          <cell r="A1895" t="str">
            <v>CANREG42013</v>
          </cell>
          <cell r="B1895" t="str">
            <v>CAN</v>
          </cell>
          <cell r="C1895" t="str">
            <v>Canada</v>
          </cell>
          <cell r="D1895" t="str">
            <v>Item 4</v>
          </cell>
          <cell r="E1895" t="str">
            <v>REG4A, REG4B, REG4C</v>
          </cell>
          <cell r="F1895" t="str">
            <v>Severance pay / tenure</v>
          </cell>
          <cell r="G1895">
            <v>2013</v>
          </cell>
          <cell r="H1895">
            <v>2013</v>
          </cell>
          <cell r="I1895"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5">
            <v>0</v>
          </cell>
          <cell r="K1895">
            <v>0</v>
          </cell>
          <cell r="L1895">
            <v>2.25</v>
          </cell>
          <cell r="M1895">
            <v>0</v>
          </cell>
          <cell r="N1895">
            <v>0</v>
          </cell>
          <cell r="O1895">
            <v>1</v>
          </cell>
        </row>
        <row r="1896">
          <cell r="A1896" t="str">
            <v>CANREG52013</v>
          </cell>
          <cell r="B1896" t="str">
            <v>CAN</v>
          </cell>
          <cell r="C1896" t="str">
            <v>Canada</v>
          </cell>
          <cell r="D1896" t="str">
            <v>Item 5</v>
          </cell>
          <cell r="E1896" t="str">
            <v>REG5</v>
          </cell>
          <cell r="F1896" t="str">
            <v>Definition of justified or unfair dismissal</v>
          </cell>
          <cell r="G1896">
            <v>2013</v>
          </cell>
          <cell r="H1896">
            <v>2013</v>
          </cell>
          <cell r="I1896"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96">
            <v>0</v>
          </cell>
          <cell r="M1896">
            <v>0</v>
          </cell>
        </row>
        <row r="1897">
          <cell r="A1897" t="str">
            <v>CANREG62013</v>
          </cell>
          <cell r="B1897" t="str">
            <v>CAN</v>
          </cell>
          <cell r="C1897" t="str">
            <v>Canada</v>
          </cell>
          <cell r="D1897" t="str">
            <v>Item 6</v>
          </cell>
          <cell r="E1897" t="str">
            <v>REG6</v>
          </cell>
          <cell r="F1897" t="str">
            <v>Trial period</v>
          </cell>
          <cell r="G1897">
            <v>2013</v>
          </cell>
          <cell r="H1897">
            <v>2013</v>
          </cell>
          <cell r="I1897"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97" t="str">
            <v>..</v>
          </cell>
          <cell r="M1897" t="e">
            <v>#N/A</v>
          </cell>
        </row>
        <row r="1898">
          <cell r="A1898" t="str">
            <v>CANREG72013</v>
          </cell>
          <cell r="B1898" t="str">
            <v>CAN</v>
          </cell>
          <cell r="C1898" t="str">
            <v>Canada</v>
          </cell>
          <cell r="D1898" t="str">
            <v>Item 7</v>
          </cell>
          <cell r="E1898" t="str">
            <v>REG7</v>
          </cell>
          <cell r="F1898" t="str">
            <v xml:space="preserve">Compensation following unfair dismissal </v>
          </cell>
          <cell r="G1898">
            <v>2013</v>
          </cell>
          <cell r="H1898">
            <v>2013</v>
          </cell>
          <cell r="I1898"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98" t="str">
            <v>..</v>
          </cell>
          <cell r="M1898" t="e">
            <v>#N/A</v>
          </cell>
        </row>
        <row r="1899">
          <cell r="A1899" t="str">
            <v>CANREG82013</v>
          </cell>
          <cell r="B1899" t="str">
            <v>CAN</v>
          </cell>
          <cell r="C1899" t="str">
            <v>Canada</v>
          </cell>
          <cell r="D1899" t="str">
            <v>Item 8</v>
          </cell>
          <cell r="E1899" t="str">
            <v>REG8</v>
          </cell>
          <cell r="F1899" t="str">
            <v>Possibility of reinstatement following unfair dismissal</v>
          </cell>
          <cell r="G1899">
            <v>2013</v>
          </cell>
          <cell r="H1899">
            <v>2013</v>
          </cell>
          <cell r="I1899" t="str">
            <v>Depending on the circumstances of a case, an employer may be ordered to reinstate an employee.</v>
          </cell>
          <cell r="J1899">
            <v>1</v>
          </cell>
          <cell r="M1899">
            <v>2</v>
          </cell>
        </row>
        <row r="1900">
          <cell r="A1900" t="str">
            <v>CANREG92013</v>
          </cell>
          <cell r="B1900" t="str">
            <v>CAN</v>
          </cell>
          <cell r="C1900" t="str">
            <v>Canada</v>
          </cell>
          <cell r="D1900" t="str">
            <v>Item 9</v>
          </cell>
          <cell r="E1900" t="str">
            <v>REG9</v>
          </cell>
          <cell r="F1900" t="str">
            <v>Maximum time for claim</v>
          </cell>
          <cell r="G1900">
            <v>2013</v>
          </cell>
          <cell r="H1900">
            <v>2013</v>
          </cell>
          <cell r="I1900" t="str">
            <v xml:space="preserve">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
</v>
          </cell>
          <cell r="J1900">
            <v>0.42000000000000004</v>
          </cell>
          <cell r="M1900">
            <v>1</v>
          </cell>
        </row>
        <row r="1901">
          <cell r="A1901" t="str">
            <v>CANFTC12013</v>
          </cell>
          <cell r="B1901" t="str">
            <v>CAN</v>
          </cell>
          <cell r="C1901" t="str">
            <v>Canada</v>
          </cell>
          <cell r="D1901" t="str">
            <v>Item 10</v>
          </cell>
          <cell r="E1901" t="str">
            <v>FTC1</v>
          </cell>
          <cell r="F1901" t="str">
            <v>Valid cases for use of fixed-term contracts, other than  “objective”  or “material” situation</v>
          </cell>
          <cell r="G1901">
            <v>2013</v>
          </cell>
          <cell r="H1901">
            <v>2013</v>
          </cell>
          <cell r="I1901" t="str">
            <v>No restrictions</v>
          </cell>
          <cell r="J1901">
            <v>3</v>
          </cell>
          <cell r="M1901">
            <v>0</v>
          </cell>
        </row>
        <row r="1902">
          <cell r="A1902" t="str">
            <v>CANFTC22013</v>
          </cell>
          <cell r="B1902" t="str">
            <v>CAN</v>
          </cell>
          <cell r="C1902" t="str">
            <v>Canada</v>
          </cell>
          <cell r="D1902" t="str">
            <v>Item 11</v>
          </cell>
          <cell r="E1902" t="str">
            <v>FTC2</v>
          </cell>
          <cell r="F1902" t="str">
            <v>Maximum number of successive fixed-term contracts</v>
          </cell>
          <cell r="G1902">
            <v>2013</v>
          </cell>
          <cell r="H1902">
            <v>2013</v>
          </cell>
          <cell r="I1902" t="str">
            <v>No limit</v>
          </cell>
          <cell r="J1902">
            <v>100</v>
          </cell>
          <cell r="M1902">
            <v>0</v>
          </cell>
        </row>
        <row r="1903">
          <cell r="A1903" t="str">
            <v>CANFTC32013</v>
          </cell>
          <cell r="B1903" t="str">
            <v>CAN</v>
          </cell>
          <cell r="C1903" t="str">
            <v>Canada</v>
          </cell>
          <cell r="D1903" t="str">
            <v>Item 12</v>
          </cell>
          <cell r="E1903" t="str">
            <v>FTC3</v>
          </cell>
          <cell r="F1903" t="str">
            <v>Maximum cumulated duration of successive fixed-term contracts</v>
          </cell>
          <cell r="G1903">
            <v>2013</v>
          </cell>
          <cell r="H1903">
            <v>2013</v>
          </cell>
          <cell r="I1903" t="str">
            <v>No limit</v>
          </cell>
          <cell r="J1903">
            <v>200</v>
          </cell>
          <cell r="M1903">
            <v>0</v>
          </cell>
        </row>
        <row r="1904">
          <cell r="A1904" t="str">
            <v>CANTWA12013</v>
          </cell>
          <cell r="B1904" t="str">
            <v>CAN</v>
          </cell>
          <cell r="C1904" t="str">
            <v>Canada</v>
          </cell>
          <cell r="D1904" t="str">
            <v>Item 13</v>
          </cell>
          <cell r="E1904" t="str">
            <v>TWA1</v>
          </cell>
          <cell r="F1904" t="str">
            <v>Types of work for which TWA employment is legal</v>
          </cell>
          <cell r="G1904">
            <v>2013</v>
          </cell>
          <cell r="H1904">
            <v>2013</v>
          </cell>
          <cell r="I1904" t="str">
            <v>General</v>
          </cell>
          <cell r="J1904">
            <v>4</v>
          </cell>
          <cell r="M1904">
            <v>0</v>
          </cell>
        </row>
        <row r="1905">
          <cell r="A1905" t="str">
            <v>CANTWA22013</v>
          </cell>
          <cell r="B1905" t="str">
            <v>CAN</v>
          </cell>
          <cell r="C1905" t="str">
            <v>Canada</v>
          </cell>
          <cell r="D1905" t="str">
            <v>Item 14</v>
          </cell>
          <cell r="E1905" t="str">
            <v>TWA2A, TWA2B</v>
          </cell>
          <cell r="F1905" t="str">
            <v>Are there any restrictions on the number of renewals of a TWA contract?</v>
          </cell>
          <cell r="G1905">
            <v>2013</v>
          </cell>
          <cell r="H1905">
            <v>2013</v>
          </cell>
          <cell r="I1905" t="str">
            <v>No</v>
          </cell>
          <cell r="J1905" t="str">
            <v>No</v>
          </cell>
          <cell r="K1905" t="str">
            <v>No</v>
          </cell>
          <cell r="M1905">
            <v>2</v>
          </cell>
          <cell r="N1905">
            <v>2</v>
          </cell>
        </row>
        <row r="1906">
          <cell r="A1906" t="str">
            <v>CANTWA32013</v>
          </cell>
          <cell r="B1906" t="str">
            <v>CAN</v>
          </cell>
          <cell r="C1906" t="str">
            <v>Canada</v>
          </cell>
          <cell r="D1906" t="str">
            <v>Item 15</v>
          </cell>
          <cell r="E1906" t="str">
            <v>TWA3A, TWA3B</v>
          </cell>
          <cell r="F1906" t="str">
            <v>Maximum cumulated duration of temporary work contracts</v>
          </cell>
          <cell r="G1906">
            <v>2013</v>
          </cell>
          <cell r="H1906">
            <v>2013</v>
          </cell>
          <cell r="I1906" t="str">
            <v>No limit</v>
          </cell>
          <cell r="J1906">
            <v>100</v>
          </cell>
          <cell r="K1906">
            <v>100</v>
          </cell>
          <cell r="M1906">
            <v>0</v>
          </cell>
          <cell r="N1906">
            <v>0</v>
          </cell>
        </row>
        <row r="1907">
          <cell r="A1907" t="str">
            <v>CANTWA42013</v>
          </cell>
          <cell r="B1907" t="str">
            <v>CAN</v>
          </cell>
          <cell r="C1907" t="str">
            <v>Canada</v>
          </cell>
          <cell r="D1907" t="str">
            <v>Item 16</v>
          </cell>
          <cell r="E1907" t="str">
            <v>TWA4</v>
          </cell>
          <cell r="F1907" t="str">
            <v>Authorisation and reporting obligations</v>
          </cell>
          <cell r="G1907">
            <v>2013</v>
          </cell>
          <cell r="H1907">
            <v>2013</v>
          </cell>
          <cell r="I1907"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907">
            <v>0.26</v>
          </cell>
          <cell r="M1907">
            <v>0.52</v>
          </cell>
        </row>
        <row r="1908">
          <cell r="A1908" t="str">
            <v>CANTWA52013</v>
          </cell>
          <cell r="B1908" t="str">
            <v>CAN</v>
          </cell>
          <cell r="C1908" t="str">
            <v>Canada</v>
          </cell>
          <cell r="D1908" t="str">
            <v>Item 17</v>
          </cell>
          <cell r="E1908" t="str">
            <v>TWA5</v>
          </cell>
          <cell r="F1908" t="str">
            <v>Equal treatment for TWA workers</v>
          </cell>
          <cell r="G1908">
            <v>2013</v>
          </cell>
          <cell r="H1908">
            <v>2013</v>
          </cell>
          <cell r="I1908" t="str">
            <v>No</v>
          </cell>
          <cell r="J1908">
            <v>0</v>
          </cell>
          <cell r="M1908">
            <v>0</v>
          </cell>
        </row>
        <row r="1909">
          <cell r="A1909" t="str">
            <v>CANCD12013</v>
          </cell>
          <cell r="B1909" t="str">
            <v>CAN</v>
          </cell>
          <cell r="C1909" t="str">
            <v>Canada</v>
          </cell>
          <cell r="D1909" t="str">
            <v>Item 18</v>
          </cell>
          <cell r="E1909" t="str">
            <v>CD1</v>
          </cell>
          <cell r="F1909" t="str">
            <v>Definition of collective dismissal</v>
          </cell>
          <cell r="G1909">
            <v>2013</v>
          </cell>
          <cell r="H1909">
            <v>2013</v>
          </cell>
          <cell r="I1909"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909">
            <v>1.83</v>
          </cell>
          <cell r="M1909">
            <v>2.7450000000000001</v>
          </cell>
        </row>
        <row r="1910">
          <cell r="A1910" t="str">
            <v>CANCD22013</v>
          </cell>
          <cell r="B1910" t="str">
            <v>CAN</v>
          </cell>
          <cell r="C1910" t="str">
            <v>Canada</v>
          </cell>
          <cell r="D1910" t="str">
            <v>Item 19</v>
          </cell>
          <cell r="E1910" t="str">
            <v>CD2</v>
          </cell>
          <cell r="F1910" t="str">
            <v>Additional notification requirements in case of collective dismissals</v>
          </cell>
          <cell r="G1910">
            <v>2013</v>
          </cell>
          <cell r="H1910">
            <v>2013</v>
          </cell>
          <cell r="I1910"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910">
            <v>1.43</v>
          </cell>
          <cell r="M1910">
            <v>4.29</v>
          </cell>
        </row>
        <row r="1911">
          <cell r="A1911" t="str">
            <v>CANCD32013</v>
          </cell>
          <cell r="B1911" t="str">
            <v>CAN</v>
          </cell>
          <cell r="C1911" t="str">
            <v>Canada</v>
          </cell>
          <cell r="D1911" t="str">
            <v>Item 20</v>
          </cell>
          <cell r="E1911" t="str">
            <v>CD3</v>
          </cell>
          <cell r="F1911" t="str">
            <v>Additional delays involved in case of collective dismissals</v>
          </cell>
          <cell r="G1911">
            <v>2013</v>
          </cell>
          <cell r="H1911">
            <v>2013</v>
          </cell>
          <cell r="I1911"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911">
            <v>53</v>
          </cell>
          <cell r="M1911">
            <v>4</v>
          </cell>
        </row>
        <row r="1912">
          <cell r="A1912" t="str">
            <v>CANCD42013</v>
          </cell>
          <cell r="B1912" t="str">
            <v>CAN</v>
          </cell>
          <cell r="C1912" t="str">
            <v>Canada</v>
          </cell>
          <cell r="D1912" t="str">
            <v>Item 21</v>
          </cell>
          <cell r="E1912" t="str">
            <v>CD4</v>
          </cell>
          <cell r="F1912" t="str">
            <v>Other special costs to employers in case of collective dismissals</v>
          </cell>
          <cell r="G1912">
            <v>2013</v>
          </cell>
          <cell r="H1912">
            <v>2013</v>
          </cell>
          <cell r="I1912"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912">
            <v>0.28000000000000003</v>
          </cell>
          <cell r="M1912">
            <v>0.84000000000000008</v>
          </cell>
        </row>
        <row r="1913">
          <cell r="A1913" t="str">
            <v>CHEREG12012</v>
          </cell>
          <cell r="B1913" t="str">
            <v>CHE</v>
          </cell>
          <cell r="C1913" t="str">
            <v>Switzerland</v>
          </cell>
          <cell r="D1913" t="str">
            <v>Item 1</v>
          </cell>
          <cell r="E1913" t="str">
            <v>REG1</v>
          </cell>
          <cell r="F1913" t="str">
            <v>Notification procedures</v>
          </cell>
          <cell r="G1913">
            <v>2012</v>
          </cell>
          <cell r="H1913">
            <v>2012</v>
          </cell>
          <cell r="I1913" t="str">
            <v>Notification to employee who has the right to request a statement of reasons.</v>
          </cell>
          <cell r="J1913">
            <v>1</v>
          </cell>
          <cell r="M1913">
            <v>2</v>
          </cell>
        </row>
        <row r="1914">
          <cell r="A1914" t="str">
            <v>CHEREG22012</v>
          </cell>
          <cell r="B1914" t="str">
            <v>CHE</v>
          </cell>
          <cell r="C1914" t="str">
            <v>Switzerland</v>
          </cell>
          <cell r="D1914" t="str">
            <v>Item 2</v>
          </cell>
          <cell r="E1914" t="str">
            <v>REG2</v>
          </cell>
          <cell r="F1914" t="str">
            <v>Delay before notice can start</v>
          </cell>
          <cell r="G1914">
            <v>2012</v>
          </cell>
          <cell r="H1914">
            <v>2012</v>
          </cell>
          <cell r="I1914"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14">
            <v>16</v>
          </cell>
          <cell r="M1914">
            <v>2</v>
          </cell>
        </row>
        <row r="1915">
          <cell r="A1915" t="str">
            <v>CHEREG32012</v>
          </cell>
          <cell r="B1915" t="str">
            <v>CHE</v>
          </cell>
          <cell r="C1915" t="str">
            <v>Switzerland</v>
          </cell>
          <cell r="D1915" t="str">
            <v>Item 3</v>
          </cell>
          <cell r="E1915" t="str">
            <v>REG3A, REG3B, REG3C</v>
          </cell>
          <cell r="F1915" t="str">
            <v>Notice / tenure</v>
          </cell>
          <cell r="G1915">
            <v>2012</v>
          </cell>
          <cell r="H1915">
            <v>2012</v>
          </cell>
          <cell r="I1915" t="str">
            <v>All workers: 7d during the trial period (1 to 3 months), 1m&lt;1y, 2m&lt;10y, 3m&gt;10y, always to the end of a calendar month.
9 months tenure: 1 month, 4 years tenure: 2 months, 20 years tenure: 3 months.</v>
          </cell>
          <cell r="J1915">
            <v>1</v>
          </cell>
          <cell r="K1915">
            <v>2</v>
          </cell>
          <cell r="L1915">
            <v>3</v>
          </cell>
          <cell r="M1915">
            <v>3</v>
          </cell>
          <cell r="N1915">
            <v>4</v>
          </cell>
          <cell r="O1915">
            <v>2</v>
          </cell>
        </row>
        <row r="1916">
          <cell r="A1916" t="str">
            <v>CHEREG42012</v>
          </cell>
          <cell r="B1916" t="str">
            <v>CHE</v>
          </cell>
          <cell r="C1916" t="str">
            <v>Switzerland</v>
          </cell>
          <cell r="D1916" t="str">
            <v>Item 4</v>
          </cell>
          <cell r="E1916" t="str">
            <v>REG4A, REG4B, REG4C</v>
          </cell>
          <cell r="F1916" t="str">
            <v>Severance pay / tenure</v>
          </cell>
          <cell r="G1916">
            <v>2012</v>
          </cell>
          <cell r="H1916">
            <v>2012</v>
          </cell>
          <cell r="I1916"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16">
            <v>0</v>
          </cell>
          <cell r="K1916">
            <v>0</v>
          </cell>
          <cell r="L1916">
            <v>0</v>
          </cell>
          <cell r="M1916">
            <v>0</v>
          </cell>
          <cell r="N1916">
            <v>0</v>
          </cell>
          <cell r="O1916">
            <v>0</v>
          </cell>
        </row>
        <row r="1917">
          <cell r="A1917" t="str">
            <v>CHEREG52012</v>
          </cell>
          <cell r="B1917" t="str">
            <v>CHE</v>
          </cell>
          <cell r="C1917" t="str">
            <v>Switzerland</v>
          </cell>
          <cell r="D1917" t="str">
            <v>Item 5</v>
          </cell>
          <cell r="E1917" t="str">
            <v>REG5</v>
          </cell>
          <cell r="F1917" t="str">
            <v>Definition of justified or unfair dismissal</v>
          </cell>
          <cell r="G1917">
            <v>2012</v>
          </cell>
          <cell r="H1917">
            <v>2012</v>
          </cell>
          <cell r="I1917"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17">
            <v>0</v>
          </cell>
          <cell r="M1917">
            <v>0</v>
          </cell>
        </row>
        <row r="1918">
          <cell r="A1918" t="str">
            <v>CHEREG62012</v>
          </cell>
          <cell r="B1918" t="str">
            <v>CHE</v>
          </cell>
          <cell r="C1918" t="str">
            <v>Switzerland</v>
          </cell>
          <cell r="D1918" t="str">
            <v>Item 6</v>
          </cell>
          <cell r="E1918" t="str">
            <v>REG6</v>
          </cell>
          <cell r="F1918" t="str">
            <v>Trial period</v>
          </cell>
          <cell r="G1918">
            <v>2012</v>
          </cell>
          <cell r="H1918">
            <v>2012</v>
          </cell>
          <cell r="I1918" t="str">
            <v>All workers: 1 month, often extended to 3 months in individual employment contracts.</v>
          </cell>
          <cell r="J1918">
            <v>2</v>
          </cell>
          <cell r="M1918">
            <v>5</v>
          </cell>
        </row>
        <row r="1919">
          <cell r="A1919" t="str">
            <v>CHEREG72012</v>
          </cell>
          <cell r="B1919" t="str">
            <v>CHE</v>
          </cell>
          <cell r="C1919" t="str">
            <v>Switzerland</v>
          </cell>
          <cell r="D1919" t="str">
            <v>Item 7</v>
          </cell>
          <cell r="E1919" t="str">
            <v>REG7</v>
          </cell>
          <cell r="F1919" t="str">
            <v xml:space="preserve">Compensation following unfair dismissal </v>
          </cell>
          <cell r="G1919">
            <v>2012</v>
          </cell>
          <cell r="H1919">
            <v>2012</v>
          </cell>
          <cell r="I1919"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19">
            <v>6</v>
          </cell>
          <cell r="M1919">
            <v>1</v>
          </cell>
        </row>
        <row r="1920">
          <cell r="A1920" t="str">
            <v>CHEREG82012</v>
          </cell>
          <cell r="B1920" t="str">
            <v>CHE</v>
          </cell>
          <cell r="C1920" t="str">
            <v>Switzerland</v>
          </cell>
          <cell r="D1920" t="str">
            <v>Item 8</v>
          </cell>
          <cell r="E1920" t="str">
            <v>REG8</v>
          </cell>
          <cell r="F1920" t="str">
            <v>Possibility of reinstatement following unfair dismissal</v>
          </cell>
          <cell r="G1920">
            <v>2012</v>
          </cell>
          <cell r="H1920">
            <v>2012</v>
          </cell>
          <cell r="I1920" t="str">
            <v>Courts are not empowered to order reinstatement (except in case of discrimination against women).</v>
          </cell>
          <cell r="J1920">
            <v>0</v>
          </cell>
          <cell r="M1920">
            <v>0</v>
          </cell>
        </row>
        <row r="1921">
          <cell r="A1921" t="str">
            <v>CHEREG92012</v>
          </cell>
          <cell r="B1921" t="str">
            <v>CHE</v>
          </cell>
          <cell r="C1921" t="str">
            <v>Switzerland</v>
          </cell>
          <cell r="D1921" t="str">
            <v>Item 9</v>
          </cell>
          <cell r="E1921" t="str">
            <v>REG9</v>
          </cell>
          <cell r="F1921" t="str">
            <v>Maximum time for claim</v>
          </cell>
          <cell r="G1921">
            <v>2012</v>
          </cell>
          <cell r="H1921">
            <v>2012</v>
          </cell>
          <cell r="I1921"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21">
            <v>0</v>
          </cell>
          <cell r="M1921">
            <v>0</v>
          </cell>
          <cell r="P1921" t="str">
            <v>changed</v>
          </cell>
        </row>
        <row r="1922">
          <cell r="A1922" t="str">
            <v>CHEFTC12012</v>
          </cell>
          <cell r="B1922" t="str">
            <v>CHE</v>
          </cell>
          <cell r="C1922" t="str">
            <v>Switzerland</v>
          </cell>
          <cell r="D1922" t="str">
            <v>Item 10</v>
          </cell>
          <cell r="E1922" t="str">
            <v>FTC1</v>
          </cell>
          <cell r="F1922" t="str">
            <v>Valid cases for use of fixed-term contracts, other than  “objective”  or “material” situation</v>
          </cell>
          <cell r="G1922">
            <v>2012</v>
          </cell>
          <cell r="H1922">
            <v>2012</v>
          </cell>
          <cell r="I1922" t="str">
            <v xml:space="preserve">General </v>
          </cell>
          <cell r="J1922">
            <v>3</v>
          </cell>
          <cell r="M1922">
            <v>0</v>
          </cell>
        </row>
        <row r="1923">
          <cell r="A1923" t="str">
            <v>CHEFTC22012</v>
          </cell>
          <cell r="B1923" t="str">
            <v>CHE</v>
          </cell>
          <cell r="C1923" t="str">
            <v>Switzerland</v>
          </cell>
          <cell r="D1923" t="str">
            <v>Item 11</v>
          </cell>
          <cell r="E1923" t="str">
            <v>FTC2</v>
          </cell>
          <cell r="F1923" t="str">
            <v>Maximum number of successive fixed-term contracts</v>
          </cell>
          <cell r="G1923">
            <v>2012</v>
          </cell>
          <cell r="H1923">
            <v>2012</v>
          </cell>
          <cell r="I1923" t="str">
            <v>Estimated 1.5
No limit specified, but successive contracts imply the risk of a court declaring the fixed-term contract null and void.</v>
          </cell>
          <cell r="J1923">
            <v>1.5</v>
          </cell>
          <cell r="M1923">
            <v>5</v>
          </cell>
        </row>
        <row r="1924">
          <cell r="A1924" t="str">
            <v>CHEFTC32012</v>
          </cell>
          <cell r="B1924" t="str">
            <v>CHE</v>
          </cell>
          <cell r="C1924" t="str">
            <v>Switzerland</v>
          </cell>
          <cell r="D1924" t="str">
            <v>Item 12</v>
          </cell>
          <cell r="E1924" t="str">
            <v>FTC3</v>
          </cell>
          <cell r="F1924" t="str">
            <v>Maximum cumulated duration of successive fixed-term contracts</v>
          </cell>
          <cell r="G1924">
            <v>2012</v>
          </cell>
          <cell r="H1924">
            <v>2012</v>
          </cell>
          <cell r="I1924" t="str">
            <v>No limit specified.</v>
          </cell>
          <cell r="J1924">
            <v>200</v>
          </cell>
          <cell r="M1924">
            <v>0</v>
          </cell>
        </row>
        <row r="1925">
          <cell r="A1925" t="str">
            <v>CHETWA12012</v>
          </cell>
          <cell r="B1925" t="str">
            <v>CHE</v>
          </cell>
          <cell r="C1925" t="str">
            <v>Switzerland</v>
          </cell>
          <cell r="D1925" t="str">
            <v>Item 13</v>
          </cell>
          <cell r="E1925" t="str">
            <v>TWA1</v>
          </cell>
          <cell r="F1925" t="str">
            <v>Types of work for which TWA employment is legal</v>
          </cell>
          <cell r="G1925">
            <v>2012</v>
          </cell>
          <cell r="H1925">
            <v>2012</v>
          </cell>
          <cell r="I1925" t="str">
            <v>General</v>
          </cell>
          <cell r="J1925">
            <v>4</v>
          </cell>
          <cell r="M1925">
            <v>0</v>
          </cell>
        </row>
        <row r="1926">
          <cell r="A1926" t="str">
            <v>CHETWA22012</v>
          </cell>
          <cell r="B1926" t="str">
            <v>CHE</v>
          </cell>
          <cell r="C1926" t="str">
            <v>Switzerland</v>
          </cell>
          <cell r="D1926" t="str">
            <v>Item 14</v>
          </cell>
          <cell r="E1926" t="str">
            <v>TWA2A, TWA2B</v>
          </cell>
          <cell r="F1926" t="str">
            <v>Are there any restrictions on the number of renewals of a TWA contract?</v>
          </cell>
          <cell r="G1926">
            <v>2012</v>
          </cell>
          <cell r="H1926">
            <v>2012</v>
          </cell>
          <cell r="I1926"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26" t="str">
            <v>Yes</v>
          </cell>
          <cell r="K1926" t="str">
            <v>Yes</v>
          </cell>
          <cell r="M1926">
            <v>4</v>
          </cell>
          <cell r="N1926">
            <v>4</v>
          </cell>
        </row>
        <row r="1927">
          <cell r="A1927" t="str">
            <v>CHETWA32012</v>
          </cell>
          <cell r="B1927" t="str">
            <v>CHE</v>
          </cell>
          <cell r="C1927" t="str">
            <v>Switzerland</v>
          </cell>
          <cell r="D1927" t="str">
            <v>Item 15</v>
          </cell>
          <cell r="E1927" t="str">
            <v>TWA3A, TWA3B</v>
          </cell>
          <cell r="F1927" t="str">
            <v>Maximum cumulated duration of temporary work contracts</v>
          </cell>
          <cell r="G1927">
            <v>2012</v>
          </cell>
          <cell r="H1927">
            <v>2012</v>
          </cell>
          <cell r="I1927" t="str">
            <v>No limit</v>
          </cell>
          <cell r="J1927">
            <v>100</v>
          </cell>
          <cell r="K1927">
            <v>100</v>
          </cell>
          <cell r="M1927">
            <v>0</v>
          </cell>
          <cell r="N1927">
            <v>0</v>
          </cell>
        </row>
        <row r="1928">
          <cell r="A1928" t="str">
            <v>CHETWA42012</v>
          </cell>
          <cell r="B1928" t="str">
            <v>CHE</v>
          </cell>
          <cell r="C1928" t="str">
            <v>Switzerland</v>
          </cell>
          <cell r="D1928" t="str">
            <v>Item 16</v>
          </cell>
          <cell r="E1928" t="str">
            <v>TWA4</v>
          </cell>
          <cell r="F1928" t="str">
            <v>Authorisation and reporting obligations</v>
          </cell>
          <cell r="G1928">
            <v>2012</v>
          </cell>
          <cell r="H1928">
            <v>2012</v>
          </cell>
          <cell r="I1928" t="str">
            <v>Requires administrative authorisation.</v>
          </cell>
          <cell r="J1928">
            <v>1</v>
          </cell>
          <cell r="M1928">
            <v>2</v>
          </cell>
        </row>
        <row r="1929">
          <cell r="A1929" t="str">
            <v>CHETWA52012</v>
          </cell>
          <cell r="B1929" t="str">
            <v>CHE</v>
          </cell>
          <cell r="C1929" t="str">
            <v>Switzerland</v>
          </cell>
          <cell r="D1929" t="str">
            <v>Item 17</v>
          </cell>
          <cell r="E1929" t="str">
            <v>TWA5</v>
          </cell>
          <cell r="F1929" t="str">
            <v>Equal treatment for TWA workers</v>
          </cell>
          <cell r="G1929">
            <v>2012</v>
          </cell>
          <cell r="H1929">
            <v>2012</v>
          </cell>
          <cell r="I1929" t="str">
            <v>Equal treatment only in the field of extended collective bargaining agreements concerning minimal salary, hours of work, progressional development, anticipated retirement.</v>
          </cell>
          <cell r="J1929">
            <v>1</v>
          </cell>
          <cell r="M1929">
            <v>3</v>
          </cell>
        </row>
        <row r="1930">
          <cell r="A1930" t="str">
            <v>CHECD12012</v>
          </cell>
          <cell r="B1930" t="str">
            <v>CHE</v>
          </cell>
          <cell r="C1930" t="str">
            <v>Switzerland</v>
          </cell>
          <cell r="D1930" t="str">
            <v>Item 18</v>
          </cell>
          <cell r="E1930" t="str">
            <v>CD1</v>
          </cell>
          <cell r="F1930" t="str">
            <v>Definition of collective dismissal</v>
          </cell>
          <cell r="G1930">
            <v>2012</v>
          </cell>
          <cell r="H1930">
            <v>2012</v>
          </cell>
          <cell r="I1930" t="str">
            <v>10+ workers in firms 20-99 employees; 10%+ in firms 100-299; 30+ in firms with 300+ employees.</v>
          </cell>
          <cell r="J1930">
            <v>3</v>
          </cell>
          <cell r="M1930">
            <v>4.5</v>
          </cell>
        </row>
        <row r="1931">
          <cell r="A1931" t="str">
            <v>CHECD22012</v>
          </cell>
          <cell r="B1931" t="str">
            <v>CHE</v>
          </cell>
          <cell r="C1931" t="str">
            <v>Switzerland</v>
          </cell>
          <cell r="D1931" t="str">
            <v>Item 19</v>
          </cell>
          <cell r="E1931" t="str">
            <v>CD2</v>
          </cell>
          <cell r="F1931" t="str">
            <v>Additional notification requirements in case of collective dismissals</v>
          </cell>
          <cell r="G1931">
            <v>2012</v>
          </cell>
          <cell r="H1931">
            <v>2012</v>
          </cell>
          <cell r="I1931" t="str">
            <v>Notification of employee representatives: Obligation to inform and consult with Works Council or trade union delegation.
Notification of public authorities: Duty to notify cantonal employment service.</v>
          </cell>
          <cell r="J1931">
            <v>2</v>
          </cell>
          <cell r="M1931">
            <v>6</v>
          </cell>
        </row>
        <row r="1932">
          <cell r="A1932" t="str">
            <v>CHECD32012</v>
          </cell>
          <cell r="B1932" t="str">
            <v>CHE</v>
          </cell>
          <cell r="C1932" t="str">
            <v>Switzerland</v>
          </cell>
          <cell r="D1932" t="str">
            <v>Item 20</v>
          </cell>
          <cell r="E1932" t="str">
            <v>CD3</v>
          </cell>
          <cell r="F1932" t="str">
            <v>Additional delays involved in case of collective dismissals</v>
          </cell>
          <cell r="G1932">
            <v>2012</v>
          </cell>
          <cell r="H1932">
            <v>2012</v>
          </cell>
          <cell r="I1932"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32">
            <v>10.5</v>
          </cell>
          <cell r="M1932">
            <v>1</v>
          </cell>
        </row>
        <row r="1933">
          <cell r="A1933" t="str">
            <v>CHECD42012</v>
          </cell>
          <cell r="B1933" t="str">
            <v>CHE</v>
          </cell>
          <cell r="C1933" t="str">
            <v>Switzerland</v>
          </cell>
          <cell r="D1933" t="str">
            <v>Item 21</v>
          </cell>
          <cell r="E1933" t="str">
            <v>CD4</v>
          </cell>
          <cell r="F1933" t="str">
            <v>Other special costs to employers in case of collective dismissals</v>
          </cell>
          <cell r="G1933">
            <v>2012</v>
          </cell>
          <cell r="H1933">
            <v>2012</v>
          </cell>
          <cell r="I1933"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33">
            <v>1</v>
          </cell>
          <cell r="M1933">
            <v>3</v>
          </cell>
        </row>
        <row r="1934">
          <cell r="A1934" t="str">
            <v>CHEREG12013</v>
          </cell>
          <cell r="B1934" t="str">
            <v>CHE</v>
          </cell>
          <cell r="C1934" t="str">
            <v>Switzerland</v>
          </cell>
          <cell r="D1934" t="str">
            <v>Item 1</v>
          </cell>
          <cell r="E1934" t="str">
            <v>REG1</v>
          </cell>
          <cell r="F1934" t="str">
            <v>Notification procedures</v>
          </cell>
          <cell r="G1934">
            <v>2013</v>
          </cell>
          <cell r="H1934">
            <v>2013</v>
          </cell>
          <cell r="I1934" t="str">
            <v>Notification to employee who has the right to request a statement of reasons.</v>
          </cell>
          <cell r="J1934">
            <v>1</v>
          </cell>
          <cell r="M1934">
            <v>2</v>
          </cell>
        </row>
        <row r="1935">
          <cell r="A1935" t="str">
            <v>CHEREG22013</v>
          </cell>
          <cell r="B1935" t="str">
            <v>CHE</v>
          </cell>
          <cell r="C1935" t="str">
            <v>Switzerland</v>
          </cell>
          <cell r="D1935" t="str">
            <v>Item 2</v>
          </cell>
          <cell r="E1935" t="str">
            <v>REG2</v>
          </cell>
          <cell r="F1935" t="str">
            <v>Delay before notice can start</v>
          </cell>
          <cell r="G1935">
            <v>2013</v>
          </cell>
          <cell r="H1935">
            <v>2013</v>
          </cell>
          <cell r="I1935"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35">
            <v>16</v>
          </cell>
          <cell r="M1935">
            <v>2</v>
          </cell>
        </row>
        <row r="1936">
          <cell r="A1936" t="str">
            <v>CHEREG32013</v>
          </cell>
          <cell r="B1936" t="str">
            <v>CHE</v>
          </cell>
          <cell r="C1936" t="str">
            <v>Switzerland</v>
          </cell>
          <cell r="D1936" t="str">
            <v>Item 3</v>
          </cell>
          <cell r="E1936" t="str">
            <v>REG3A, REG3B, REG3C</v>
          </cell>
          <cell r="F1936" t="str">
            <v>Notice / tenure</v>
          </cell>
          <cell r="G1936">
            <v>2013</v>
          </cell>
          <cell r="H1936">
            <v>2013</v>
          </cell>
          <cell r="I1936" t="str">
            <v>All workers: 7d during the trial period (1 to 3 months), 1m&lt;1y, 2m&lt;10y, 3m&gt;10y, always to the end of a calendar month.
9 months tenure: 1 month, 4 years tenure: 2 months, 20 years tenure: 3 months.</v>
          </cell>
          <cell r="J1936">
            <v>1</v>
          </cell>
          <cell r="K1936">
            <v>2</v>
          </cell>
          <cell r="L1936">
            <v>3</v>
          </cell>
          <cell r="M1936">
            <v>3</v>
          </cell>
          <cell r="N1936">
            <v>4</v>
          </cell>
          <cell r="O1936">
            <v>2</v>
          </cell>
        </row>
        <row r="1937">
          <cell r="A1937" t="str">
            <v>CHEREG42013</v>
          </cell>
          <cell r="B1937" t="str">
            <v>CHE</v>
          </cell>
          <cell r="C1937" t="str">
            <v>Switzerland</v>
          </cell>
          <cell r="D1937" t="str">
            <v>Item 4</v>
          </cell>
          <cell r="E1937" t="str">
            <v>REG4A, REG4B, REG4C</v>
          </cell>
          <cell r="F1937" t="str">
            <v>Severance pay / tenure</v>
          </cell>
          <cell r="G1937">
            <v>2013</v>
          </cell>
          <cell r="H1937">
            <v>2013</v>
          </cell>
          <cell r="I1937"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37">
            <v>0</v>
          </cell>
          <cell r="K1937">
            <v>0</v>
          </cell>
          <cell r="L1937">
            <v>0</v>
          </cell>
          <cell r="M1937">
            <v>0</v>
          </cell>
          <cell r="N1937">
            <v>0</v>
          </cell>
          <cell r="O1937">
            <v>0</v>
          </cell>
        </row>
        <row r="1938">
          <cell r="A1938" t="str">
            <v>CHEREG52013</v>
          </cell>
          <cell r="B1938" t="str">
            <v>CHE</v>
          </cell>
          <cell r="C1938" t="str">
            <v>Switzerland</v>
          </cell>
          <cell r="D1938" t="str">
            <v>Item 5</v>
          </cell>
          <cell r="E1938" t="str">
            <v>REG5</v>
          </cell>
          <cell r="F1938" t="str">
            <v>Definition of justified or unfair dismissal</v>
          </cell>
          <cell r="G1938">
            <v>2013</v>
          </cell>
          <cell r="H1938">
            <v>2013</v>
          </cell>
          <cell r="I1938"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38">
            <v>0</v>
          </cell>
          <cell r="M1938">
            <v>0</v>
          </cell>
        </row>
        <row r="1939">
          <cell r="A1939" t="str">
            <v>CHEREG62013</v>
          </cell>
          <cell r="B1939" t="str">
            <v>CHE</v>
          </cell>
          <cell r="C1939" t="str">
            <v>Switzerland</v>
          </cell>
          <cell r="D1939" t="str">
            <v>Item 6</v>
          </cell>
          <cell r="E1939" t="str">
            <v>REG6</v>
          </cell>
          <cell r="F1939" t="str">
            <v>Trial period</v>
          </cell>
          <cell r="G1939">
            <v>2013</v>
          </cell>
          <cell r="H1939">
            <v>2013</v>
          </cell>
          <cell r="I1939" t="str">
            <v>All workers: 1 month, often extended to 3 months in individual employment contracts.</v>
          </cell>
          <cell r="J1939">
            <v>2</v>
          </cell>
          <cell r="M1939">
            <v>5</v>
          </cell>
        </row>
        <row r="1940">
          <cell r="A1940" t="str">
            <v>CHEREG72013</v>
          </cell>
          <cell r="B1940" t="str">
            <v>CHE</v>
          </cell>
          <cell r="C1940" t="str">
            <v>Switzerland</v>
          </cell>
          <cell r="D1940" t="str">
            <v>Item 7</v>
          </cell>
          <cell r="E1940" t="str">
            <v>REG7</v>
          </cell>
          <cell r="F1940" t="str">
            <v xml:space="preserve">Compensation following unfair dismissal </v>
          </cell>
          <cell r="G1940">
            <v>2013</v>
          </cell>
          <cell r="H1940">
            <v>2013</v>
          </cell>
          <cell r="I1940"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40">
            <v>6</v>
          </cell>
          <cell r="M1940">
            <v>1</v>
          </cell>
        </row>
        <row r="1941">
          <cell r="A1941" t="str">
            <v>CHEREG82013</v>
          </cell>
          <cell r="B1941" t="str">
            <v>CHE</v>
          </cell>
          <cell r="C1941" t="str">
            <v>Switzerland</v>
          </cell>
          <cell r="D1941" t="str">
            <v>Item 8</v>
          </cell>
          <cell r="E1941" t="str">
            <v>REG8</v>
          </cell>
          <cell r="F1941" t="str">
            <v>Possibility of reinstatement following unfair dismissal</v>
          </cell>
          <cell r="G1941">
            <v>2013</v>
          </cell>
          <cell r="H1941">
            <v>2013</v>
          </cell>
          <cell r="I1941" t="str">
            <v>Courts are not empowered to order reinstatement (except in case of discrimination against women).</v>
          </cell>
          <cell r="J1941">
            <v>0</v>
          </cell>
          <cell r="M1941">
            <v>0</v>
          </cell>
        </row>
        <row r="1942">
          <cell r="A1942" t="str">
            <v>CHEREG92013</v>
          </cell>
          <cell r="B1942" t="str">
            <v>CHE</v>
          </cell>
          <cell r="C1942" t="str">
            <v>Switzerland</v>
          </cell>
          <cell r="D1942" t="str">
            <v>Item 9</v>
          </cell>
          <cell r="E1942" t="str">
            <v>REG9</v>
          </cell>
          <cell r="F1942" t="str">
            <v>Maximum time for claim</v>
          </cell>
          <cell r="G1942">
            <v>2013</v>
          </cell>
          <cell r="H1942">
            <v>2013</v>
          </cell>
          <cell r="I1942"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42">
            <v>0</v>
          </cell>
          <cell r="M1942">
            <v>0</v>
          </cell>
          <cell r="P1942" t="str">
            <v>changed</v>
          </cell>
        </row>
        <row r="1943">
          <cell r="A1943" t="str">
            <v>CHEFTC12013</v>
          </cell>
          <cell r="B1943" t="str">
            <v>CHE</v>
          </cell>
          <cell r="C1943" t="str">
            <v>Switzerland</v>
          </cell>
          <cell r="D1943" t="str">
            <v>Item 10</v>
          </cell>
          <cell r="E1943" t="str">
            <v>FTC1</v>
          </cell>
          <cell r="F1943" t="str">
            <v>Valid cases for use of fixed-term contracts, other than  “objective”  or “material” situation</v>
          </cell>
          <cell r="G1943">
            <v>2013</v>
          </cell>
          <cell r="H1943">
            <v>2013</v>
          </cell>
          <cell r="I1943" t="str">
            <v xml:space="preserve">General </v>
          </cell>
          <cell r="J1943">
            <v>3</v>
          </cell>
          <cell r="M1943">
            <v>0</v>
          </cell>
        </row>
        <row r="1944">
          <cell r="A1944" t="str">
            <v>CHEFTC22013</v>
          </cell>
          <cell r="B1944" t="str">
            <v>CHE</v>
          </cell>
          <cell r="C1944" t="str">
            <v>Switzerland</v>
          </cell>
          <cell r="D1944" t="str">
            <v>Item 11</v>
          </cell>
          <cell r="E1944" t="str">
            <v>FTC2</v>
          </cell>
          <cell r="F1944" t="str">
            <v>Maximum number of successive fixed-term contracts</v>
          </cell>
          <cell r="G1944">
            <v>2013</v>
          </cell>
          <cell r="H1944">
            <v>2013</v>
          </cell>
          <cell r="I1944" t="str">
            <v>Estimated 1.5
No limit specified, but successive contracts imply the risk of a court declaring the fixed-term contract null and void.</v>
          </cell>
          <cell r="J1944">
            <v>1.5</v>
          </cell>
          <cell r="M1944">
            <v>5</v>
          </cell>
        </row>
        <row r="1945">
          <cell r="A1945" t="str">
            <v>CHEFTC32013</v>
          </cell>
          <cell r="B1945" t="str">
            <v>CHE</v>
          </cell>
          <cell r="C1945" t="str">
            <v>Switzerland</v>
          </cell>
          <cell r="D1945" t="str">
            <v>Item 12</v>
          </cell>
          <cell r="E1945" t="str">
            <v>FTC3</v>
          </cell>
          <cell r="F1945" t="str">
            <v>Maximum cumulated duration of successive fixed-term contracts</v>
          </cell>
          <cell r="G1945">
            <v>2013</v>
          </cell>
          <cell r="H1945">
            <v>2013</v>
          </cell>
          <cell r="I1945" t="str">
            <v>No limit specified.</v>
          </cell>
          <cell r="J1945">
            <v>200</v>
          </cell>
          <cell r="M1945">
            <v>0</v>
          </cell>
        </row>
        <row r="1946">
          <cell r="A1946" t="str">
            <v>CHETWA12013</v>
          </cell>
          <cell r="B1946" t="str">
            <v>CHE</v>
          </cell>
          <cell r="C1946" t="str">
            <v>Switzerland</v>
          </cell>
          <cell r="D1946" t="str">
            <v>Item 13</v>
          </cell>
          <cell r="E1946" t="str">
            <v>TWA1</v>
          </cell>
          <cell r="F1946" t="str">
            <v>Types of work for which TWA employment is legal</v>
          </cell>
          <cell r="G1946">
            <v>2013</v>
          </cell>
          <cell r="H1946">
            <v>2013</v>
          </cell>
          <cell r="I1946" t="str">
            <v>General</v>
          </cell>
          <cell r="J1946">
            <v>4</v>
          </cell>
          <cell r="M1946">
            <v>0</v>
          </cell>
        </row>
        <row r="1947">
          <cell r="A1947" t="str">
            <v>CHETWA22013</v>
          </cell>
          <cell r="B1947" t="str">
            <v>CHE</v>
          </cell>
          <cell r="C1947" t="str">
            <v>Switzerland</v>
          </cell>
          <cell r="D1947" t="str">
            <v>Item 14</v>
          </cell>
          <cell r="E1947" t="str">
            <v>TWA2A, TWA2B</v>
          </cell>
          <cell r="F1947" t="str">
            <v>Are there any restrictions on the number of renewals of a TWA contract?</v>
          </cell>
          <cell r="G1947">
            <v>2013</v>
          </cell>
          <cell r="H1947">
            <v>2013</v>
          </cell>
          <cell r="I1947"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47" t="str">
            <v>Yes</v>
          </cell>
          <cell r="K1947" t="str">
            <v>Yes</v>
          </cell>
          <cell r="M1947">
            <v>4</v>
          </cell>
          <cell r="N1947">
            <v>4</v>
          </cell>
        </row>
        <row r="1948">
          <cell r="A1948" t="str">
            <v>CHETWA32013</v>
          </cell>
          <cell r="B1948" t="str">
            <v>CHE</v>
          </cell>
          <cell r="C1948" t="str">
            <v>Switzerland</v>
          </cell>
          <cell r="D1948" t="str">
            <v>Item 15</v>
          </cell>
          <cell r="E1948" t="str">
            <v>TWA3A, TWA3B</v>
          </cell>
          <cell r="F1948" t="str">
            <v>Maximum cumulated duration of temporary work contracts</v>
          </cell>
          <cell r="G1948">
            <v>2013</v>
          </cell>
          <cell r="H1948">
            <v>2013</v>
          </cell>
          <cell r="I1948" t="str">
            <v>No limit</v>
          </cell>
          <cell r="J1948">
            <v>100</v>
          </cell>
          <cell r="K1948">
            <v>100</v>
          </cell>
          <cell r="M1948">
            <v>0</v>
          </cell>
          <cell r="N1948">
            <v>0</v>
          </cell>
        </row>
        <row r="1949">
          <cell r="A1949" t="str">
            <v>CHETWA42013</v>
          </cell>
          <cell r="B1949" t="str">
            <v>CHE</v>
          </cell>
          <cell r="C1949" t="str">
            <v>Switzerland</v>
          </cell>
          <cell r="D1949" t="str">
            <v>Item 16</v>
          </cell>
          <cell r="E1949" t="str">
            <v>TWA4</v>
          </cell>
          <cell r="F1949" t="str">
            <v>Authorisation and reporting obligations</v>
          </cell>
          <cell r="G1949">
            <v>2013</v>
          </cell>
          <cell r="H1949">
            <v>2013</v>
          </cell>
          <cell r="I1949" t="str">
            <v>Requires administrative authorisation.</v>
          </cell>
          <cell r="J1949">
            <v>1</v>
          </cell>
          <cell r="M1949">
            <v>2</v>
          </cell>
        </row>
        <row r="1950">
          <cell r="A1950" t="str">
            <v>CHETWA52013</v>
          </cell>
          <cell r="B1950" t="str">
            <v>CHE</v>
          </cell>
          <cell r="C1950" t="str">
            <v>Switzerland</v>
          </cell>
          <cell r="D1950" t="str">
            <v>Item 17</v>
          </cell>
          <cell r="E1950" t="str">
            <v>TWA5</v>
          </cell>
          <cell r="F1950" t="str">
            <v>Equal treatment for TWA workers</v>
          </cell>
          <cell r="G1950">
            <v>2013</v>
          </cell>
          <cell r="H1950">
            <v>2013</v>
          </cell>
          <cell r="I1950" t="str">
            <v>Equal treatment only in the field of extended collective bargaining agreements concerning minimal salary, hours of work, progressional development, anticipated retirement.</v>
          </cell>
          <cell r="J1950">
            <v>1</v>
          </cell>
          <cell r="M1950">
            <v>3</v>
          </cell>
        </row>
        <row r="1951">
          <cell r="A1951" t="str">
            <v>CHECD12013</v>
          </cell>
          <cell r="B1951" t="str">
            <v>CHE</v>
          </cell>
          <cell r="C1951" t="str">
            <v>Switzerland</v>
          </cell>
          <cell r="D1951" t="str">
            <v>Item 18</v>
          </cell>
          <cell r="E1951" t="str">
            <v>CD1</v>
          </cell>
          <cell r="F1951" t="str">
            <v>Definition of collective dismissal</v>
          </cell>
          <cell r="G1951">
            <v>2013</v>
          </cell>
          <cell r="H1951">
            <v>2013</v>
          </cell>
          <cell r="I1951" t="str">
            <v>10+ workers in firms 20-99 employees; 10%+ in firms 100-299; 30+ in firms with 300+ employees.</v>
          </cell>
          <cell r="J1951">
            <v>3</v>
          </cell>
          <cell r="M1951">
            <v>4.5</v>
          </cell>
        </row>
        <row r="1952">
          <cell r="A1952" t="str">
            <v>CHECD22013</v>
          </cell>
          <cell r="B1952" t="str">
            <v>CHE</v>
          </cell>
          <cell r="C1952" t="str">
            <v>Switzerland</v>
          </cell>
          <cell r="D1952" t="str">
            <v>Item 19</v>
          </cell>
          <cell r="E1952" t="str">
            <v>CD2</v>
          </cell>
          <cell r="F1952" t="str">
            <v>Additional notification requirements in case of collective dismissals</v>
          </cell>
          <cell r="G1952">
            <v>2013</v>
          </cell>
          <cell r="H1952">
            <v>2013</v>
          </cell>
          <cell r="I1952" t="str">
            <v>Notification of employee representatives: Obligation to inform and consult with Works Council or trade union delegation.
Notification of public authorities: Duty to notify cantonal employment service.</v>
          </cell>
          <cell r="J1952">
            <v>2</v>
          </cell>
          <cell r="M1952">
            <v>6</v>
          </cell>
        </row>
        <row r="1953">
          <cell r="A1953" t="str">
            <v>CHECD32013</v>
          </cell>
          <cell r="B1953" t="str">
            <v>CHE</v>
          </cell>
          <cell r="C1953" t="str">
            <v>Switzerland</v>
          </cell>
          <cell r="D1953" t="str">
            <v>Item 20</v>
          </cell>
          <cell r="E1953" t="str">
            <v>CD3</v>
          </cell>
          <cell r="F1953" t="str">
            <v>Additional delays involved in case of collective dismissals</v>
          </cell>
          <cell r="G1953">
            <v>2013</v>
          </cell>
          <cell r="H1953">
            <v>2013</v>
          </cell>
          <cell r="I1953"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53">
            <v>10.5</v>
          </cell>
          <cell r="M1953">
            <v>1</v>
          </cell>
        </row>
        <row r="1954">
          <cell r="A1954" t="str">
            <v>CHECD42013</v>
          </cell>
          <cell r="B1954" t="str">
            <v>CHE</v>
          </cell>
          <cell r="C1954" t="str">
            <v>Switzerland</v>
          </cell>
          <cell r="D1954" t="str">
            <v>Item 21</v>
          </cell>
          <cell r="E1954" t="str">
            <v>CD4</v>
          </cell>
          <cell r="F1954" t="str">
            <v>Other special costs to employers in case of collective dismissals</v>
          </cell>
          <cell r="G1954">
            <v>2013</v>
          </cell>
          <cell r="H1954">
            <v>2013</v>
          </cell>
          <cell r="I1954"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54">
            <v>1</v>
          </cell>
          <cell r="M1954">
            <v>3</v>
          </cell>
        </row>
        <row r="1955">
          <cell r="A1955" t="str">
            <v>FRAREG12012</v>
          </cell>
          <cell r="B1955" t="str">
            <v>FRA</v>
          </cell>
          <cell r="C1955" t="str">
            <v>France</v>
          </cell>
          <cell r="D1955" t="str">
            <v>Item 1</v>
          </cell>
          <cell r="E1955" t="str">
            <v>REG1</v>
          </cell>
          <cell r="F1955" t="str">
            <v>Notification procedures</v>
          </cell>
          <cell r="G1955">
            <v>2012</v>
          </cell>
          <cell r="H1955">
            <v>2012</v>
          </cell>
          <cell r="I1955"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55">
            <v>1.5</v>
          </cell>
          <cell r="M1955">
            <v>3</v>
          </cell>
        </row>
        <row r="1956">
          <cell r="A1956" t="str">
            <v>FRAREG22012</v>
          </cell>
          <cell r="B1956" t="str">
            <v>FRA</v>
          </cell>
          <cell r="C1956" t="str">
            <v>France</v>
          </cell>
          <cell r="D1956" t="str">
            <v>Item 2</v>
          </cell>
          <cell r="E1956" t="str">
            <v>REG2</v>
          </cell>
          <cell r="F1956" t="str">
            <v>Delay before notice can start</v>
          </cell>
          <cell r="G1956">
            <v>2012</v>
          </cell>
          <cell r="H1956">
            <v>2012</v>
          </cell>
          <cell r="I1956"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56">
            <v>15.5</v>
          </cell>
          <cell r="M1956">
            <v>2</v>
          </cell>
        </row>
        <row r="1957">
          <cell r="A1957" t="str">
            <v>FRAREG32012</v>
          </cell>
          <cell r="B1957" t="str">
            <v>FRA</v>
          </cell>
          <cell r="C1957" t="str">
            <v>France</v>
          </cell>
          <cell r="D1957" t="str">
            <v>Item 3</v>
          </cell>
          <cell r="E1957" t="str">
            <v>REG3A, REG3B, REG3C</v>
          </cell>
          <cell r="F1957" t="str">
            <v>Notice / tenure</v>
          </cell>
          <cell r="G1957">
            <v>2012</v>
          </cell>
          <cell r="H1957">
            <v>2012</v>
          </cell>
          <cell r="I1957"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57">
            <v>1</v>
          </cell>
          <cell r="K1957">
            <v>2</v>
          </cell>
          <cell r="L1957">
            <v>2</v>
          </cell>
          <cell r="M1957">
            <v>3</v>
          </cell>
          <cell r="N1957">
            <v>4</v>
          </cell>
          <cell r="O1957">
            <v>1</v>
          </cell>
        </row>
        <row r="1958">
          <cell r="A1958" t="str">
            <v>FRAREG42012</v>
          </cell>
          <cell r="B1958" t="str">
            <v>FRA</v>
          </cell>
          <cell r="C1958" t="str">
            <v>France</v>
          </cell>
          <cell r="D1958" t="str">
            <v>Item 4</v>
          </cell>
          <cell r="E1958" t="str">
            <v>REG4A, REG4B, REG4C</v>
          </cell>
          <cell r="F1958" t="str">
            <v>Severance pay / tenure</v>
          </cell>
          <cell r="G1958">
            <v>2012</v>
          </cell>
          <cell r="H1958">
            <v>2012</v>
          </cell>
          <cell r="I1958"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58">
            <v>0</v>
          </cell>
          <cell r="K1958">
            <v>0.8</v>
          </cell>
          <cell r="L1958">
            <v>5.4</v>
          </cell>
          <cell r="M1958">
            <v>0</v>
          </cell>
          <cell r="N1958">
            <v>2</v>
          </cell>
          <cell r="O1958">
            <v>2</v>
          </cell>
        </row>
        <row r="1959">
          <cell r="A1959" t="str">
            <v>FRAREG52012</v>
          </cell>
          <cell r="B1959" t="str">
            <v>FRA</v>
          </cell>
          <cell r="C1959" t="str">
            <v>France</v>
          </cell>
          <cell r="D1959" t="str">
            <v>Item 5</v>
          </cell>
          <cell r="E1959" t="str">
            <v>REG5</v>
          </cell>
          <cell r="F1959" t="str">
            <v>Definition of justified or unfair dismissal</v>
          </cell>
          <cell r="G1959">
            <v>2012</v>
          </cell>
          <cell r="H1959">
            <v>2012</v>
          </cell>
          <cell r="I1959"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59">
            <v>2</v>
          </cell>
          <cell r="M1959">
            <v>4</v>
          </cell>
        </row>
        <row r="1960">
          <cell r="A1960" t="str">
            <v>FRAREG62012</v>
          </cell>
          <cell r="B1960" t="str">
            <v>FRA</v>
          </cell>
          <cell r="C1960" t="str">
            <v>France</v>
          </cell>
          <cell r="D1960" t="str">
            <v>Item 6</v>
          </cell>
          <cell r="E1960" t="str">
            <v>REG6</v>
          </cell>
          <cell r="F1960" t="str">
            <v>Trial period</v>
          </cell>
          <cell r="G1960">
            <v>2012</v>
          </cell>
          <cell r="H1960">
            <v>2012</v>
          </cell>
          <cell r="I1960"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60">
            <v>3.75</v>
          </cell>
          <cell r="M1960">
            <v>4</v>
          </cell>
        </row>
        <row r="1961">
          <cell r="A1961" t="str">
            <v>FRAREG72012</v>
          </cell>
          <cell r="B1961" t="str">
            <v>FRA</v>
          </cell>
          <cell r="C1961" t="str">
            <v>France</v>
          </cell>
          <cell r="D1961" t="str">
            <v>Item 7</v>
          </cell>
          <cell r="E1961" t="str">
            <v>REG7</v>
          </cell>
          <cell r="F1961" t="str">
            <v xml:space="preserve">Compensation following unfair dismissal </v>
          </cell>
          <cell r="G1961">
            <v>2012</v>
          </cell>
          <cell r="H1961">
            <v>2012</v>
          </cell>
          <cell r="I1961"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61">
            <v>16</v>
          </cell>
          <cell r="M1961">
            <v>3</v>
          </cell>
        </row>
        <row r="1962">
          <cell r="A1962" t="str">
            <v>FRAREG82012</v>
          </cell>
          <cell r="B1962" t="str">
            <v>FRA</v>
          </cell>
          <cell r="C1962" t="str">
            <v>France</v>
          </cell>
          <cell r="D1962" t="str">
            <v>Item 8</v>
          </cell>
          <cell r="E1962" t="str">
            <v>REG8</v>
          </cell>
          <cell r="F1962" t="str">
            <v>Possibility of reinstatement following unfair dismissal</v>
          </cell>
          <cell r="G1962">
            <v>2012</v>
          </cell>
          <cell r="H1962">
            <v>2012</v>
          </cell>
          <cell r="I1962"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62">
            <v>0</v>
          </cell>
          <cell r="M1962">
            <v>0</v>
          </cell>
        </row>
        <row r="1963">
          <cell r="A1963" t="str">
            <v>FRAREG92012</v>
          </cell>
          <cell r="B1963" t="str">
            <v>FRA</v>
          </cell>
          <cell r="C1963" t="str">
            <v>France</v>
          </cell>
          <cell r="D1963" t="str">
            <v>Item 9</v>
          </cell>
          <cell r="E1963" t="str">
            <v>REG9</v>
          </cell>
          <cell r="F1963" t="str">
            <v>Maximum time for claim</v>
          </cell>
          <cell r="G1963">
            <v>2012</v>
          </cell>
          <cell r="H1963">
            <v>2012</v>
          </cell>
          <cell r="I1963"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63">
            <v>36</v>
          </cell>
          <cell r="M1963">
            <v>6</v>
          </cell>
        </row>
        <row r="1964">
          <cell r="A1964" t="str">
            <v>FRAFTC12012</v>
          </cell>
          <cell r="B1964" t="str">
            <v>FRA</v>
          </cell>
          <cell r="C1964" t="str">
            <v>France</v>
          </cell>
          <cell r="D1964" t="str">
            <v>Item 10</v>
          </cell>
          <cell r="E1964" t="str">
            <v>FTC1</v>
          </cell>
          <cell r="F1964" t="str">
            <v>Valid cases for use of fixed-term contracts, other than  “objective”  or “material” situation</v>
          </cell>
          <cell r="G1964">
            <v>2012</v>
          </cell>
          <cell r="H1964">
            <v>2012</v>
          </cell>
          <cell r="I1964"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64">
            <v>1</v>
          </cell>
          <cell r="M1964">
            <v>4</v>
          </cell>
        </row>
        <row r="1965">
          <cell r="A1965" t="str">
            <v>FRAFTC22012</v>
          </cell>
          <cell r="B1965" t="str">
            <v>FRA</v>
          </cell>
          <cell r="C1965" t="str">
            <v>France</v>
          </cell>
          <cell r="D1965" t="str">
            <v>Item 11</v>
          </cell>
          <cell r="E1965" t="str">
            <v>FTC2</v>
          </cell>
          <cell r="F1965" t="str">
            <v>Maximum number of successive fixed-term contracts</v>
          </cell>
          <cell r="G1965">
            <v>2012</v>
          </cell>
          <cell r="H1965">
            <v>2012</v>
          </cell>
          <cell r="I1965"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65">
            <v>2</v>
          </cell>
          <cell r="M1965">
            <v>4</v>
          </cell>
        </row>
        <row r="1966">
          <cell r="A1966" t="str">
            <v>FRAFTC32012</v>
          </cell>
          <cell r="B1966" t="str">
            <v>FRA</v>
          </cell>
          <cell r="C1966" t="str">
            <v>France</v>
          </cell>
          <cell r="D1966" t="str">
            <v>Item 12</v>
          </cell>
          <cell r="E1966" t="str">
            <v>FTC3</v>
          </cell>
          <cell r="F1966" t="str">
            <v>Maximum cumulated duration of successive fixed-term contracts</v>
          </cell>
          <cell r="G1966">
            <v>2012</v>
          </cell>
          <cell r="H1966">
            <v>2012</v>
          </cell>
          <cell r="I1966"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66">
            <v>18</v>
          </cell>
          <cell r="M1966">
            <v>4</v>
          </cell>
        </row>
        <row r="1967">
          <cell r="A1967" t="str">
            <v>FRATWA12012</v>
          </cell>
          <cell r="B1967" t="str">
            <v>FRA</v>
          </cell>
          <cell r="C1967" t="str">
            <v>France</v>
          </cell>
          <cell r="D1967" t="str">
            <v>Item 13</v>
          </cell>
          <cell r="E1967" t="str">
            <v>TWA1</v>
          </cell>
          <cell r="F1967" t="str">
            <v>Types of work for which TWA employment is legal</v>
          </cell>
          <cell r="G1967">
            <v>2012</v>
          </cell>
          <cell r="H1967">
            <v>2012</v>
          </cell>
          <cell r="I1967"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67">
            <v>2</v>
          </cell>
          <cell r="M1967">
            <v>3</v>
          </cell>
        </row>
        <row r="1968">
          <cell r="A1968" t="str">
            <v>FRATWA22012</v>
          </cell>
          <cell r="B1968" t="str">
            <v>FRA</v>
          </cell>
          <cell r="C1968" t="str">
            <v>France</v>
          </cell>
          <cell r="D1968" t="str">
            <v>Item 14</v>
          </cell>
          <cell r="E1968" t="str">
            <v>TWA2A, TWA2B</v>
          </cell>
          <cell r="F1968" t="str">
            <v>Are there any restrictions on the number of renewals of a TWA contract?</v>
          </cell>
          <cell r="G1968">
            <v>2012</v>
          </cell>
          <cell r="H1968">
            <v>2012</v>
          </cell>
          <cell r="I1968" t="str">
            <v>Oui. Un nouveau contrat sur le même poste ne peut débuter qu’après un délai correspondant à un tiers de la durée du contrat initial.</v>
          </cell>
          <cell r="J1968" t="str">
            <v>Yes</v>
          </cell>
          <cell r="K1968" t="str">
            <v>Yes</v>
          </cell>
          <cell r="M1968">
            <v>4</v>
          </cell>
          <cell r="N1968">
            <v>4</v>
          </cell>
        </row>
        <row r="1969">
          <cell r="A1969" t="str">
            <v>FRATWA32012</v>
          </cell>
          <cell r="B1969" t="str">
            <v>FRA</v>
          </cell>
          <cell r="C1969" t="str">
            <v>France</v>
          </cell>
          <cell r="D1969" t="str">
            <v>Item 15</v>
          </cell>
          <cell r="E1969" t="str">
            <v>TWA3A, TWA3B</v>
          </cell>
          <cell r="F1969" t="str">
            <v>Maximum cumulated duration of temporary work contracts</v>
          </cell>
          <cell r="G1969">
            <v>2012</v>
          </cell>
          <cell r="H1969">
            <v>2012</v>
          </cell>
          <cell r="I1969"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69">
            <v>18</v>
          </cell>
          <cell r="K1969">
            <v>18</v>
          </cell>
          <cell r="M1969">
            <v>3</v>
          </cell>
          <cell r="N1969">
            <v>3</v>
          </cell>
        </row>
        <row r="1970">
          <cell r="A1970" t="str">
            <v>FRATWA42012</v>
          </cell>
          <cell r="B1970" t="str">
            <v>FRA</v>
          </cell>
          <cell r="C1970" t="str">
            <v>France</v>
          </cell>
          <cell r="D1970" t="str">
            <v>Item 16</v>
          </cell>
          <cell r="E1970" t="str">
            <v>TWA4</v>
          </cell>
          <cell r="F1970" t="str">
            <v>Authorisation and reporting obligations</v>
          </cell>
          <cell r="G1970">
            <v>2012</v>
          </cell>
          <cell r="H1970">
            <v>2012</v>
          </cell>
          <cell r="I1970" t="str">
            <v>Nécessite une autorisation administrative spéciale</v>
          </cell>
          <cell r="J1970">
            <v>1</v>
          </cell>
          <cell r="M1970">
            <v>2</v>
          </cell>
        </row>
        <row r="1971">
          <cell r="A1971" t="str">
            <v>FRATWA52012</v>
          </cell>
          <cell r="B1971" t="str">
            <v>FRA</v>
          </cell>
          <cell r="C1971" t="str">
            <v>France</v>
          </cell>
          <cell r="D1971" t="str">
            <v>Item 17</v>
          </cell>
          <cell r="E1971" t="str">
            <v>TWA5</v>
          </cell>
          <cell r="F1971" t="str">
            <v>Equal treatment for TWA workers</v>
          </cell>
          <cell r="G1971">
            <v>2012</v>
          </cell>
          <cell r="H1971">
            <v>2012</v>
          </cell>
          <cell r="I1971" t="str">
            <v xml:space="preserve">Égalité de traitement pour la rémunération et pour les autres conditions de travail </v>
          </cell>
          <cell r="J1971">
            <v>2</v>
          </cell>
          <cell r="M1971">
            <v>6</v>
          </cell>
        </row>
        <row r="1972">
          <cell r="A1972" t="str">
            <v>FRACD12012</v>
          </cell>
          <cell r="B1972" t="str">
            <v>FRA</v>
          </cell>
          <cell r="C1972" t="str">
            <v>France</v>
          </cell>
          <cell r="D1972" t="str">
            <v>Item 18</v>
          </cell>
          <cell r="E1972" t="str">
            <v>CD1</v>
          </cell>
          <cell r="F1972" t="str">
            <v>Definition of collective dismissal</v>
          </cell>
          <cell r="G1972">
            <v>2012</v>
          </cell>
          <cell r="H1972">
            <v>2012</v>
          </cell>
          <cell r="I1972"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72">
            <v>3</v>
          </cell>
          <cell r="M1972">
            <v>4.5</v>
          </cell>
        </row>
        <row r="1973">
          <cell r="A1973" t="str">
            <v>FRACD22012</v>
          </cell>
          <cell r="B1973" t="str">
            <v>FRA</v>
          </cell>
          <cell r="C1973" t="str">
            <v>France</v>
          </cell>
          <cell r="D1973" t="str">
            <v>Item 19</v>
          </cell>
          <cell r="E1973" t="str">
            <v>CD2</v>
          </cell>
          <cell r="F1973" t="str">
            <v>Additional notification requirements in case of collective dismissals</v>
          </cell>
          <cell r="G1973">
            <v>2012</v>
          </cell>
          <cell r="H1973">
            <v>2012</v>
          </cell>
          <cell r="I1973"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73">
            <v>1</v>
          </cell>
          <cell r="M1973">
            <v>3</v>
          </cell>
        </row>
        <row r="1974">
          <cell r="A1974" t="str">
            <v>FRACD32012</v>
          </cell>
          <cell r="B1974" t="str">
            <v>FRA</v>
          </cell>
          <cell r="C1974" t="str">
            <v>France</v>
          </cell>
          <cell r="D1974" t="str">
            <v>Item 20</v>
          </cell>
          <cell r="E1974" t="str">
            <v>CD3</v>
          </cell>
          <cell r="F1974" t="str">
            <v>Additional delays involved in case of collective dismissals</v>
          </cell>
          <cell r="G1974">
            <v>2012</v>
          </cell>
          <cell r="H1974">
            <v>2012</v>
          </cell>
          <cell r="I1974"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974">
            <v>40.5</v>
          </cell>
          <cell r="M1974">
            <v>3</v>
          </cell>
        </row>
        <row r="1975">
          <cell r="A1975" t="str">
            <v>FRACD42012</v>
          </cell>
          <cell r="B1975" t="str">
            <v>FRA</v>
          </cell>
          <cell r="C1975" t="str">
            <v>France</v>
          </cell>
          <cell r="D1975" t="str">
            <v>Item 21</v>
          </cell>
          <cell r="E1975" t="str">
            <v>CD4</v>
          </cell>
          <cell r="F1975" t="str">
            <v>Other special costs to employers in case of collective dismissals</v>
          </cell>
          <cell r="G1975">
            <v>2012</v>
          </cell>
          <cell r="H1975">
            <v>2012</v>
          </cell>
          <cell r="I1975"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75">
            <v>1</v>
          </cell>
          <cell r="M1975">
            <v>3</v>
          </cell>
        </row>
        <row r="1976">
          <cell r="A1976" t="str">
            <v>FRAREG12013</v>
          </cell>
          <cell r="B1976" t="str">
            <v>FRA</v>
          </cell>
          <cell r="C1976" t="str">
            <v>France</v>
          </cell>
          <cell r="D1976" t="str">
            <v>Item 1</v>
          </cell>
          <cell r="E1976" t="str">
            <v>REG1</v>
          </cell>
          <cell r="F1976" t="str">
            <v>Notification procedures</v>
          </cell>
          <cell r="G1976">
            <v>2013</v>
          </cell>
          <cell r="H1976">
            <v>2013</v>
          </cell>
          <cell r="I1976"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76">
            <v>1.5</v>
          </cell>
          <cell r="M1976">
            <v>3</v>
          </cell>
        </row>
        <row r="1977">
          <cell r="A1977" t="str">
            <v>FRAREG22013</v>
          </cell>
          <cell r="B1977" t="str">
            <v>FRA</v>
          </cell>
          <cell r="C1977" t="str">
            <v>France</v>
          </cell>
          <cell r="D1977" t="str">
            <v>Item 2</v>
          </cell>
          <cell r="E1977" t="str">
            <v>REG2</v>
          </cell>
          <cell r="F1977" t="str">
            <v>Delay before notice can start</v>
          </cell>
          <cell r="G1977">
            <v>2013</v>
          </cell>
          <cell r="H1977">
            <v>2013</v>
          </cell>
          <cell r="I1977"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77">
            <v>15.5</v>
          </cell>
          <cell r="M1977">
            <v>2</v>
          </cell>
        </row>
        <row r="1978">
          <cell r="A1978" t="str">
            <v>FRAREG32013</v>
          </cell>
          <cell r="B1978" t="str">
            <v>FRA</v>
          </cell>
          <cell r="C1978" t="str">
            <v>France</v>
          </cell>
          <cell r="D1978" t="str">
            <v>Item 3</v>
          </cell>
          <cell r="E1978" t="str">
            <v>REG3A, REG3B, REG3C</v>
          </cell>
          <cell r="F1978" t="str">
            <v>Notice / tenure</v>
          </cell>
          <cell r="G1978">
            <v>2013</v>
          </cell>
          <cell r="H1978">
            <v>2013</v>
          </cell>
          <cell r="I1978"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78">
            <v>1</v>
          </cell>
          <cell r="K1978">
            <v>2</v>
          </cell>
          <cell r="L1978">
            <v>2</v>
          </cell>
          <cell r="M1978">
            <v>3</v>
          </cell>
          <cell r="N1978">
            <v>4</v>
          </cell>
          <cell r="O1978">
            <v>1</v>
          </cell>
        </row>
        <row r="1979">
          <cell r="A1979" t="str">
            <v>FRAREG42013</v>
          </cell>
          <cell r="B1979" t="str">
            <v>FRA</v>
          </cell>
          <cell r="C1979" t="str">
            <v>France</v>
          </cell>
          <cell r="D1979" t="str">
            <v>Item 4</v>
          </cell>
          <cell r="E1979" t="str">
            <v>REG4A, REG4B, REG4C</v>
          </cell>
          <cell r="F1979" t="str">
            <v>Severance pay / tenure</v>
          </cell>
          <cell r="G1979">
            <v>2013</v>
          </cell>
          <cell r="H1979">
            <v>2013</v>
          </cell>
          <cell r="I1979"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79">
            <v>0</v>
          </cell>
          <cell r="K1979">
            <v>0.8</v>
          </cell>
          <cell r="L1979">
            <v>5.4</v>
          </cell>
          <cell r="M1979">
            <v>0</v>
          </cell>
          <cell r="N1979">
            <v>2</v>
          </cell>
          <cell r="O1979">
            <v>2</v>
          </cell>
        </row>
        <row r="1980">
          <cell r="A1980" t="str">
            <v>FRAREG52013</v>
          </cell>
          <cell r="B1980" t="str">
            <v>FRA</v>
          </cell>
          <cell r="C1980" t="str">
            <v>France</v>
          </cell>
          <cell r="D1980" t="str">
            <v>Item 5</v>
          </cell>
          <cell r="E1980" t="str">
            <v>REG5</v>
          </cell>
          <cell r="F1980" t="str">
            <v>Definition of justified or unfair dismissal</v>
          </cell>
          <cell r="G1980">
            <v>2013</v>
          </cell>
          <cell r="H1980">
            <v>2013</v>
          </cell>
          <cell r="I1980"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80">
            <v>2</v>
          </cell>
          <cell r="M1980">
            <v>4</v>
          </cell>
        </row>
        <row r="1981">
          <cell r="A1981" t="str">
            <v>FRAREG62013</v>
          </cell>
          <cell r="B1981" t="str">
            <v>FRA</v>
          </cell>
          <cell r="C1981" t="str">
            <v>France</v>
          </cell>
          <cell r="D1981" t="str">
            <v>Item 6</v>
          </cell>
          <cell r="E1981" t="str">
            <v>REG6</v>
          </cell>
          <cell r="F1981" t="str">
            <v>Trial period</v>
          </cell>
          <cell r="G1981">
            <v>2013</v>
          </cell>
          <cell r="H1981">
            <v>2013</v>
          </cell>
          <cell r="I1981"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81">
            <v>3.75</v>
          </cell>
          <cell r="M1981">
            <v>4</v>
          </cell>
        </row>
        <row r="1982">
          <cell r="A1982" t="str">
            <v>FRAREG72013</v>
          </cell>
          <cell r="B1982" t="str">
            <v>FRA</v>
          </cell>
          <cell r="C1982" t="str">
            <v>France</v>
          </cell>
          <cell r="D1982" t="str">
            <v>Item 7</v>
          </cell>
          <cell r="E1982" t="str">
            <v>REG7</v>
          </cell>
          <cell r="F1982" t="str">
            <v xml:space="preserve">Compensation following unfair dismissal </v>
          </cell>
          <cell r="G1982">
            <v>2013</v>
          </cell>
          <cell r="H1982">
            <v>2013</v>
          </cell>
          <cell r="I1982"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82">
            <v>16</v>
          </cell>
          <cell r="M1982">
            <v>3</v>
          </cell>
        </row>
        <row r="1983">
          <cell r="A1983" t="str">
            <v>FRAREG82013</v>
          </cell>
          <cell r="B1983" t="str">
            <v>FRA</v>
          </cell>
          <cell r="C1983" t="str">
            <v>France</v>
          </cell>
          <cell r="D1983" t="str">
            <v>Item 8</v>
          </cell>
          <cell r="E1983" t="str">
            <v>REG8</v>
          </cell>
          <cell r="F1983" t="str">
            <v>Possibility of reinstatement following unfair dismissal</v>
          </cell>
          <cell r="G1983">
            <v>2013</v>
          </cell>
          <cell r="H1983">
            <v>2013</v>
          </cell>
          <cell r="I1983"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83">
            <v>0</v>
          </cell>
          <cell r="M1983">
            <v>0</v>
          </cell>
        </row>
        <row r="1984">
          <cell r="A1984" t="str">
            <v>FRAREG92013</v>
          </cell>
          <cell r="B1984" t="str">
            <v>FRA</v>
          </cell>
          <cell r="C1984" t="str">
            <v>France</v>
          </cell>
          <cell r="D1984" t="str">
            <v>Item 9</v>
          </cell>
          <cell r="E1984" t="str">
            <v>REG9</v>
          </cell>
          <cell r="F1984" t="str">
            <v>Maximum time for claim</v>
          </cell>
          <cell r="G1984">
            <v>2013</v>
          </cell>
          <cell r="H1984">
            <v>2013</v>
          </cell>
          <cell r="I1984"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84">
            <v>36</v>
          </cell>
          <cell r="M1984">
            <v>6</v>
          </cell>
        </row>
        <row r="1985">
          <cell r="A1985" t="str">
            <v>FRAFTC12013</v>
          </cell>
          <cell r="B1985" t="str">
            <v>FRA</v>
          </cell>
          <cell r="C1985" t="str">
            <v>France</v>
          </cell>
          <cell r="D1985" t="str">
            <v>Item 10</v>
          </cell>
          <cell r="E1985" t="str">
            <v>FTC1</v>
          </cell>
          <cell r="F1985" t="str">
            <v>Valid cases for use of fixed-term contracts, other than  “objective”  or “material” situation</v>
          </cell>
          <cell r="G1985">
            <v>2013</v>
          </cell>
          <cell r="H1985">
            <v>2013</v>
          </cell>
          <cell r="I1985"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85">
            <v>1</v>
          </cell>
          <cell r="M1985">
            <v>4</v>
          </cell>
        </row>
        <row r="1986">
          <cell r="A1986" t="str">
            <v>FRAFTC22013</v>
          </cell>
          <cell r="B1986" t="str">
            <v>FRA</v>
          </cell>
          <cell r="C1986" t="str">
            <v>France</v>
          </cell>
          <cell r="D1986" t="str">
            <v>Item 11</v>
          </cell>
          <cell r="E1986" t="str">
            <v>FTC2</v>
          </cell>
          <cell r="F1986" t="str">
            <v>Maximum number of successive fixed-term contracts</v>
          </cell>
          <cell r="G1986">
            <v>2013</v>
          </cell>
          <cell r="H1986">
            <v>2013</v>
          </cell>
          <cell r="I1986"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86">
            <v>2</v>
          </cell>
          <cell r="M1986">
            <v>4</v>
          </cell>
        </row>
        <row r="1987">
          <cell r="A1987" t="str">
            <v>FRAFTC32013</v>
          </cell>
          <cell r="B1987" t="str">
            <v>FRA</v>
          </cell>
          <cell r="C1987" t="str">
            <v>France</v>
          </cell>
          <cell r="D1987" t="str">
            <v>Item 12</v>
          </cell>
          <cell r="E1987" t="str">
            <v>FTC3</v>
          </cell>
          <cell r="F1987" t="str">
            <v>Maximum cumulated duration of successive fixed-term contracts</v>
          </cell>
          <cell r="G1987">
            <v>2013</v>
          </cell>
          <cell r="H1987">
            <v>2013</v>
          </cell>
          <cell r="I1987"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87">
            <v>18</v>
          </cell>
          <cell r="M1987">
            <v>4</v>
          </cell>
        </row>
        <row r="1988">
          <cell r="A1988" t="str">
            <v>FRATWA12013</v>
          </cell>
          <cell r="B1988" t="str">
            <v>FRA</v>
          </cell>
          <cell r="C1988" t="str">
            <v>France</v>
          </cell>
          <cell r="D1988" t="str">
            <v>Item 13</v>
          </cell>
          <cell r="E1988" t="str">
            <v>TWA1</v>
          </cell>
          <cell r="F1988" t="str">
            <v>Types of work for which TWA employment is legal</v>
          </cell>
          <cell r="G1988">
            <v>2013</v>
          </cell>
          <cell r="H1988">
            <v>2013</v>
          </cell>
          <cell r="I1988"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88">
            <v>2</v>
          </cell>
          <cell r="M1988">
            <v>3</v>
          </cell>
        </row>
        <row r="1989">
          <cell r="A1989" t="str">
            <v>FRATWA22013</v>
          </cell>
          <cell r="B1989" t="str">
            <v>FRA</v>
          </cell>
          <cell r="C1989" t="str">
            <v>France</v>
          </cell>
          <cell r="D1989" t="str">
            <v>Item 14</v>
          </cell>
          <cell r="E1989" t="str">
            <v>TWA2A, TWA2B</v>
          </cell>
          <cell r="F1989" t="str">
            <v>Are there any restrictions on the number of renewals of a TWA contract?</v>
          </cell>
          <cell r="G1989">
            <v>2013</v>
          </cell>
          <cell r="H1989">
            <v>2013</v>
          </cell>
          <cell r="I1989" t="str">
            <v>Oui. Un nouveau contrat sur le même poste ne peut débuter qu’après un délai correspondant à un tiers de la durée du contrat initial.</v>
          </cell>
          <cell r="J1989" t="str">
            <v>Yes</v>
          </cell>
          <cell r="K1989" t="str">
            <v>Yes</v>
          </cell>
          <cell r="M1989">
            <v>4</v>
          </cell>
          <cell r="N1989">
            <v>4</v>
          </cell>
        </row>
        <row r="1990">
          <cell r="A1990" t="str">
            <v>FRATWA32013</v>
          </cell>
          <cell r="B1990" t="str">
            <v>FRA</v>
          </cell>
          <cell r="C1990" t="str">
            <v>France</v>
          </cell>
          <cell r="D1990" t="str">
            <v>Item 15</v>
          </cell>
          <cell r="E1990" t="str">
            <v>TWA3A, TWA3B</v>
          </cell>
          <cell r="F1990" t="str">
            <v>Maximum cumulated duration of temporary work contracts</v>
          </cell>
          <cell r="G1990">
            <v>2013</v>
          </cell>
          <cell r="H1990">
            <v>2013</v>
          </cell>
          <cell r="I1990"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90">
            <v>18</v>
          </cell>
          <cell r="K1990">
            <v>18</v>
          </cell>
          <cell r="M1990">
            <v>3</v>
          </cell>
          <cell r="N1990">
            <v>3</v>
          </cell>
        </row>
        <row r="1991">
          <cell r="A1991" t="str">
            <v>FRATWA42013</v>
          </cell>
          <cell r="B1991" t="str">
            <v>FRA</v>
          </cell>
          <cell r="C1991" t="str">
            <v>France</v>
          </cell>
          <cell r="D1991" t="str">
            <v>Item 16</v>
          </cell>
          <cell r="E1991" t="str">
            <v>TWA4</v>
          </cell>
          <cell r="F1991" t="str">
            <v>Authorisation and reporting obligations</v>
          </cell>
          <cell r="G1991">
            <v>2013</v>
          </cell>
          <cell r="H1991">
            <v>2013</v>
          </cell>
          <cell r="I1991" t="str">
            <v>Nécessite une autorisation administrative spéciale</v>
          </cell>
          <cell r="J1991">
            <v>1</v>
          </cell>
          <cell r="M1991">
            <v>2</v>
          </cell>
        </row>
        <row r="1992">
          <cell r="A1992" t="str">
            <v>FRATWA52013</v>
          </cell>
          <cell r="B1992" t="str">
            <v>FRA</v>
          </cell>
          <cell r="C1992" t="str">
            <v>France</v>
          </cell>
          <cell r="D1992" t="str">
            <v>Item 17</v>
          </cell>
          <cell r="E1992" t="str">
            <v>TWA5</v>
          </cell>
          <cell r="F1992" t="str">
            <v>Equal treatment for TWA workers</v>
          </cell>
          <cell r="G1992">
            <v>2013</v>
          </cell>
          <cell r="H1992">
            <v>2013</v>
          </cell>
          <cell r="I1992" t="str">
            <v xml:space="preserve">Égalité de traitement pour la rémunération et pour les autres conditions de travail </v>
          </cell>
          <cell r="J1992">
            <v>2</v>
          </cell>
          <cell r="M1992">
            <v>6</v>
          </cell>
        </row>
        <row r="1993">
          <cell r="A1993" t="str">
            <v>FRACD12013</v>
          </cell>
          <cell r="B1993" t="str">
            <v>FRA</v>
          </cell>
          <cell r="C1993" t="str">
            <v>France</v>
          </cell>
          <cell r="D1993" t="str">
            <v>Item 18</v>
          </cell>
          <cell r="E1993" t="str">
            <v>CD1</v>
          </cell>
          <cell r="F1993" t="str">
            <v>Definition of collective dismissal</v>
          </cell>
          <cell r="G1993">
            <v>2013</v>
          </cell>
          <cell r="H1993">
            <v>2013</v>
          </cell>
          <cell r="I1993"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93">
            <v>3</v>
          </cell>
          <cell r="M1993">
            <v>4.5</v>
          </cell>
        </row>
        <row r="1994">
          <cell r="A1994" t="str">
            <v>FRACD22013</v>
          </cell>
          <cell r="B1994" t="str">
            <v>FRA</v>
          </cell>
          <cell r="C1994" t="str">
            <v>France</v>
          </cell>
          <cell r="D1994" t="str">
            <v>Item 19</v>
          </cell>
          <cell r="E1994" t="str">
            <v>CD2</v>
          </cell>
          <cell r="F1994" t="str">
            <v>Additional notification requirements in case of collective dismissals</v>
          </cell>
          <cell r="G1994">
            <v>2013</v>
          </cell>
          <cell r="H1994">
            <v>2013</v>
          </cell>
          <cell r="I1994"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94">
            <v>1</v>
          </cell>
          <cell r="M1994">
            <v>3</v>
          </cell>
        </row>
        <row r="1995">
          <cell r="A1995" t="str">
            <v>FRACD32013</v>
          </cell>
          <cell r="B1995" t="str">
            <v>FRA</v>
          </cell>
          <cell r="C1995" t="str">
            <v>France</v>
          </cell>
          <cell r="D1995" t="str">
            <v>Item 20</v>
          </cell>
          <cell r="E1995" t="str">
            <v>CD3</v>
          </cell>
          <cell r="F1995" t="str">
            <v>Additional delays involved in case of collective dismissals</v>
          </cell>
          <cell r="G1995">
            <v>2013</v>
          </cell>
          <cell r="H1995">
            <v>2013</v>
          </cell>
          <cell r="I1995" t="str">
            <v>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v>
          </cell>
          <cell r="J1995">
            <v>40.5</v>
          </cell>
          <cell r="M1995">
            <v>3</v>
          </cell>
        </row>
        <row r="1996">
          <cell r="A1996" t="str">
            <v>FRACD42013</v>
          </cell>
          <cell r="B1996" t="str">
            <v>FRA</v>
          </cell>
          <cell r="C1996" t="str">
            <v>France</v>
          </cell>
          <cell r="D1996" t="str">
            <v>Item 21</v>
          </cell>
          <cell r="E1996" t="str">
            <v>CD4</v>
          </cell>
          <cell r="F1996" t="str">
            <v>Other special costs to employers in case of collective dismissals</v>
          </cell>
          <cell r="G1996">
            <v>2013</v>
          </cell>
          <cell r="H1996">
            <v>2013</v>
          </cell>
          <cell r="I1996"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96">
            <v>1</v>
          </cell>
          <cell r="M1996">
            <v>3</v>
          </cell>
        </row>
        <row r="1997">
          <cell r="A1997" t="str">
            <v>INDREG12012</v>
          </cell>
          <cell r="B1997" t="str">
            <v>IND</v>
          </cell>
          <cell r="C1997" t="str">
            <v>India</v>
          </cell>
          <cell r="D1997" t="str">
            <v>Item 1</v>
          </cell>
          <cell r="E1997" t="str">
            <v>REG1</v>
          </cell>
          <cell r="F1997" t="str">
            <v>Notification procedures</v>
          </cell>
          <cell r="G1997">
            <v>2012</v>
          </cell>
          <cell r="H1997">
            <v>2012</v>
          </cell>
          <cell r="I1997"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997">
            <v>2.5</v>
          </cell>
          <cell r="M1997">
            <v>5</v>
          </cell>
        </row>
        <row r="1998">
          <cell r="A1998" t="str">
            <v>INDREG22012</v>
          </cell>
          <cell r="B1998" t="str">
            <v>IND</v>
          </cell>
          <cell r="C1998" t="str">
            <v>India</v>
          </cell>
          <cell r="D1998" t="str">
            <v>Item 2</v>
          </cell>
          <cell r="E1998" t="str">
            <v>REG2</v>
          </cell>
          <cell r="F1998" t="str">
            <v>Delay before notice can start</v>
          </cell>
          <cell r="G1998">
            <v>2012</v>
          </cell>
          <cell r="H1998">
            <v>2012</v>
          </cell>
          <cell r="I1998"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998">
            <v>37</v>
          </cell>
          <cell r="M1998">
            <v>5</v>
          </cell>
        </row>
        <row r="1999">
          <cell r="A1999" t="str">
            <v>INDREG32012</v>
          </cell>
          <cell r="B1999" t="str">
            <v>IND</v>
          </cell>
          <cell r="C1999" t="str">
            <v>India</v>
          </cell>
          <cell r="D1999" t="str">
            <v>Item 3</v>
          </cell>
          <cell r="E1999" t="str">
            <v>REG3A, REG3B, REG3C</v>
          </cell>
          <cell r="F1999" t="str">
            <v>Notice / tenure</v>
          </cell>
          <cell r="G1999">
            <v>2012</v>
          </cell>
          <cell r="H1999">
            <v>2012</v>
          </cell>
          <cell r="I1999"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999">
            <v>0</v>
          </cell>
          <cell r="K1999">
            <v>2</v>
          </cell>
          <cell r="L1999">
            <v>2</v>
          </cell>
          <cell r="M1999">
            <v>0</v>
          </cell>
          <cell r="N1999">
            <v>4</v>
          </cell>
          <cell r="O1999">
            <v>1</v>
          </cell>
        </row>
        <row r="2000">
          <cell r="A2000" t="str">
            <v>INDREG42012</v>
          </cell>
          <cell r="B2000" t="str">
            <v>IND</v>
          </cell>
          <cell r="C2000" t="str">
            <v>India</v>
          </cell>
          <cell r="D2000" t="str">
            <v>Item 4</v>
          </cell>
          <cell r="E2000" t="str">
            <v>REG4A, REG4B, REG4C</v>
          </cell>
          <cell r="F2000" t="str">
            <v>Severance pay / tenure</v>
          </cell>
          <cell r="G2000">
            <v>2012</v>
          </cell>
          <cell r="H2000">
            <v>2012</v>
          </cell>
          <cell r="I2000" t="str">
            <v xml:space="preserve">Workers with no less than one year’s tenure who are dismissed for retrenchment are entitled to 15 days pay for each completed year of continuous service or any part thereof exceeding six months.
Calculation: based on retrenchment
</v>
          </cell>
          <cell r="J2000">
            <v>0</v>
          </cell>
          <cell r="K2000">
            <v>2</v>
          </cell>
          <cell r="L2000">
            <v>10</v>
          </cell>
          <cell r="M2000">
            <v>0</v>
          </cell>
          <cell r="N2000">
            <v>3</v>
          </cell>
          <cell r="O2000">
            <v>3</v>
          </cell>
        </row>
        <row r="2001">
          <cell r="A2001" t="str">
            <v>INDREG52012</v>
          </cell>
          <cell r="B2001" t="str">
            <v>IND</v>
          </cell>
          <cell r="C2001" t="str">
            <v>India</v>
          </cell>
          <cell r="D2001" t="str">
            <v>Item 5</v>
          </cell>
          <cell r="E2001" t="str">
            <v>REG5</v>
          </cell>
          <cell r="F2001" t="str">
            <v>Definition of justified or unfair dismissal</v>
          </cell>
          <cell r="G2001">
            <v>2012</v>
          </cell>
          <cell r="H2001">
            <v>2012</v>
          </cell>
          <cell r="I2001"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2001">
            <v>1</v>
          </cell>
          <cell r="M2001">
            <v>2</v>
          </cell>
        </row>
        <row r="2002">
          <cell r="A2002" t="str">
            <v>INDREG62012</v>
          </cell>
          <cell r="B2002" t="str">
            <v>IND</v>
          </cell>
          <cell r="C2002" t="str">
            <v>India</v>
          </cell>
          <cell r="D2002" t="str">
            <v>Item 6</v>
          </cell>
          <cell r="E2002" t="str">
            <v>REG6</v>
          </cell>
          <cell r="F2002" t="str">
            <v>Trial period</v>
          </cell>
          <cell r="G2002">
            <v>2012</v>
          </cell>
          <cell r="H2002">
            <v>2012</v>
          </cell>
          <cell r="I2002" t="str">
            <v xml:space="preserve">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
</v>
          </cell>
          <cell r="J2002">
            <v>9</v>
          </cell>
          <cell r="M2002">
            <v>3</v>
          </cell>
        </row>
        <row r="2003">
          <cell r="A2003" t="str">
            <v>INDREG72012</v>
          </cell>
          <cell r="B2003" t="str">
            <v>IND</v>
          </cell>
          <cell r="C2003" t="str">
            <v>India</v>
          </cell>
          <cell r="D2003" t="str">
            <v>Item 7</v>
          </cell>
          <cell r="E2003" t="str">
            <v>REG7</v>
          </cell>
          <cell r="F2003" t="str">
            <v xml:space="preserve">Compensation following unfair dismissal </v>
          </cell>
          <cell r="G2003">
            <v>2012</v>
          </cell>
          <cell r="H2003">
            <v>2012</v>
          </cell>
          <cell r="I2003"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2003">
            <v>6</v>
          </cell>
          <cell r="M2003">
            <v>1</v>
          </cell>
        </row>
        <row r="2004">
          <cell r="A2004" t="str">
            <v>INDREG82012</v>
          </cell>
          <cell r="B2004" t="str">
            <v>IND</v>
          </cell>
          <cell r="C2004" t="str">
            <v>India</v>
          </cell>
          <cell r="D2004" t="str">
            <v>Item 8</v>
          </cell>
          <cell r="E2004" t="str">
            <v>REG8</v>
          </cell>
          <cell r="F2004" t="str">
            <v>Possibility of reinstatement following unfair dismissal</v>
          </cell>
          <cell r="G2004">
            <v>2012</v>
          </cell>
          <cell r="H2004">
            <v>2012</v>
          </cell>
          <cell r="I2004" t="str">
            <v xml:space="preserve">In most cases of unfair dismissal, the court orders reinstatement. </v>
          </cell>
          <cell r="J2004">
            <v>3</v>
          </cell>
          <cell r="M2004">
            <v>6</v>
          </cell>
        </row>
        <row r="2005">
          <cell r="A2005" t="str">
            <v>INDREG92012</v>
          </cell>
          <cell r="B2005" t="str">
            <v>IND</v>
          </cell>
          <cell r="C2005" t="str">
            <v>India</v>
          </cell>
          <cell r="D2005" t="str">
            <v>Item 9</v>
          </cell>
          <cell r="E2005" t="str">
            <v>REG9</v>
          </cell>
          <cell r="F2005" t="str">
            <v>Maximum time for claim</v>
          </cell>
          <cell r="G2005">
            <v>2012</v>
          </cell>
          <cell r="H2005">
            <v>2012</v>
          </cell>
          <cell r="I2005" t="str">
            <v>The application to the Labour court or Tribunal shall be made before the expiry of 3 years from the date of discharge, dismissal, retrenchment or otherwise termination of service according to amended Industrial Dispute Act of 2010.</v>
          </cell>
          <cell r="J2005">
            <v>36</v>
          </cell>
          <cell r="M2005">
            <v>6</v>
          </cell>
          <cell r="P2005" t="str">
            <v>From at least 1st January 2011</v>
          </cell>
        </row>
        <row r="2006">
          <cell r="A2006" t="str">
            <v>INDFTC12012</v>
          </cell>
          <cell r="B2006" t="str">
            <v>IND</v>
          </cell>
          <cell r="C2006" t="str">
            <v>India</v>
          </cell>
          <cell r="D2006" t="str">
            <v>Item 10</v>
          </cell>
          <cell r="E2006" t="str">
            <v>FTC1</v>
          </cell>
          <cell r="F2006" t="str">
            <v>Valid cases for use of fixed-term contracts, other than  “objective”  or “material” situation</v>
          </cell>
          <cell r="G2006">
            <v>2012</v>
          </cell>
          <cell r="H2006">
            <v>2012</v>
          </cell>
          <cell r="I200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2006">
            <v>1</v>
          </cell>
          <cell r="M2006">
            <v>4</v>
          </cell>
        </row>
        <row r="2007">
          <cell r="A2007" t="str">
            <v>INDFTC22012</v>
          </cell>
          <cell r="B2007" t="str">
            <v>IND</v>
          </cell>
          <cell r="C2007" t="str">
            <v>India</v>
          </cell>
          <cell r="D2007" t="str">
            <v>Item 11</v>
          </cell>
          <cell r="E2007" t="str">
            <v>FTC2</v>
          </cell>
          <cell r="F2007" t="str">
            <v>Maximum number of successive fixed-term contracts</v>
          </cell>
          <cell r="G2007">
            <v>2012</v>
          </cell>
          <cell r="H2007">
            <v>2012</v>
          </cell>
          <cell r="I2007" t="str">
            <v>No limits.</v>
          </cell>
          <cell r="J2007">
            <v>100</v>
          </cell>
          <cell r="M2007">
            <v>0</v>
          </cell>
        </row>
        <row r="2008">
          <cell r="A2008" t="str">
            <v>INDFTC32012</v>
          </cell>
          <cell r="B2008" t="str">
            <v>IND</v>
          </cell>
          <cell r="C2008" t="str">
            <v>India</v>
          </cell>
          <cell r="D2008" t="str">
            <v>Item 12</v>
          </cell>
          <cell r="E2008" t="str">
            <v>FTC3</v>
          </cell>
          <cell r="F2008" t="str">
            <v>Maximum cumulated duration of successive fixed-term contracts</v>
          </cell>
          <cell r="G2008">
            <v>2012</v>
          </cell>
          <cell r="H2008">
            <v>2012</v>
          </cell>
          <cell r="I2008" t="str">
            <v>No limits.</v>
          </cell>
          <cell r="J2008">
            <v>200</v>
          </cell>
          <cell r="M2008">
            <v>0</v>
          </cell>
        </row>
        <row r="2009">
          <cell r="A2009" t="str">
            <v>INDTWA12012</v>
          </cell>
          <cell r="B2009" t="str">
            <v>IND</v>
          </cell>
          <cell r="C2009" t="str">
            <v>India</v>
          </cell>
          <cell r="D2009" t="str">
            <v>Item 13</v>
          </cell>
          <cell r="E2009" t="str">
            <v>TWA1</v>
          </cell>
          <cell r="F2009" t="str">
            <v>Types of work for which TWA employment is legal</v>
          </cell>
          <cell r="G2009">
            <v>2012</v>
          </cell>
          <cell r="H2009">
            <v>2012</v>
          </cell>
          <cell r="I2009"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2009">
            <v>2.5</v>
          </cell>
          <cell r="M2009">
            <v>2.25</v>
          </cell>
        </row>
        <row r="2010">
          <cell r="A2010" t="str">
            <v>INDTWA22012</v>
          </cell>
          <cell r="B2010" t="str">
            <v>IND</v>
          </cell>
          <cell r="C2010" t="str">
            <v>India</v>
          </cell>
          <cell r="D2010" t="str">
            <v>Item 14</v>
          </cell>
          <cell r="E2010" t="str">
            <v>TWA2A, TWA2B</v>
          </cell>
          <cell r="F2010" t="str">
            <v>Are there any restrictions on the number of renewals of a TWA contract?</v>
          </cell>
          <cell r="G2010">
            <v>2012</v>
          </cell>
          <cell r="H2010">
            <v>2012</v>
          </cell>
          <cell r="I2010" t="str">
            <v>No</v>
          </cell>
          <cell r="J2010" t="str">
            <v>No</v>
          </cell>
          <cell r="K2010" t="str">
            <v>No</v>
          </cell>
          <cell r="M2010">
            <v>2</v>
          </cell>
          <cell r="N2010">
            <v>2</v>
          </cell>
        </row>
        <row r="2011">
          <cell r="A2011" t="str">
            <v>INDTWA32012</v>
          </cell>
          <cell r="B2011" t="str">
            <v>IND</v>
          </cell>
          <cell r="C2011" t="str">
            <v>India</v>
          </cell>
          <cell r="D2011" t="str">
            <v>Item 15</v>
          </cell>
          <cell r="E2011" t="str">
            <v>TWA3A, TWA3B</v>
          </cell>
          <cell r="F2011" t="str">
            <v>Maximum cumulated duration of temporary work contracts</v>
          </cell>
          <cell r="G2011">
            <v>2012</v>
          </cell>
          <cell r="H2011">
            <v>2012</v>
          </cell>
          <cell r="I2011" t="str">
            <v>No limits for both assignments and contracts.</v>
          </cell>
          <cell r="J2011">
            <v>100</v>
          </cell>
          <cell r="K2011">
            <v>100</v>
          </cell>
          <cell r="M2011">
            <v>0</v>
          </cell>
          <cell r="N2011">
            <v>0</v>
          </cell>
        </row>
        <row r="2012">
          <cell r="A2012" t="str">
            <v>INDTWA42012</v>
          </cell>
          <cell r="B2012" t="str">
            <v>IND</v>
          </cell>
          <cell r="C2012" t="str">
            <v>India</v>
          </cell>
          <cell r="D2012" t="str">
            <v>Item 16</v>
          </cell>
          <cell r="E2012" t="str">
            <v>TWA4</v>
          </cell>
          <cell r="F2012" t="str">
            <v>Authorisation or reporting requirements</v>
          </cell>
          <cell r="G2012">
            <v>2012</v>
          </cell>
          <cell r="H2012">
            <v>2012</v>
          </cell>
          <cell r="I201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2012">
            <v>3</v>
          </cell>
          <cell r="M2012">
            <v>6</v>
          </cell>
        </row>
        <row r="2013">
          <cell r="A2013" t="str">
            <v>INDTWA52012</v>
          </cell>
          <cell r="B2013" t="str">
            <v>IND</v>
          </cell>
          <cell r="C2013" t="str">
            <v>India</v>
          </cell>
          <cell r="D2013" t="str">
            <v>Item 17</v>
          </cell>
          <cell r="E2013" t="str">
            <v>TWA5</v>
          </cell>
          <cell r="F2013" t="str">
            <v>Equal treatment for TWA workers</v>
          </cell>
          <cell r="G2013">
            <v>2012</v>
          </cell>
          <cell r="H2013">
            <v>2012</v>
          </cell>
          <cell r="I2013" t="str">
            <v>The wage rates and working conditions of the contracted worker must be the same as those of a worker employed directly by the user firm to do the same type of work.</v>
          </cell>
          <cell r="J2013">
            <v>2</v>
          </cell>
          <cell r="M2013">
            <v>6</v>
          </cell>
        </row>
        <row r="2014">
          <cell r="A2014" t="str">
            <v>INDCD12012</v>
          </cell>
          <cell r="B2014" t="str">
            <v>IND</v>
          </cell>
          <cell r="C2014" t="str">
            <v>India</v>
          </cell>
          <cell r="D2014" t="str">
            <v>Item 18</v>
          </cell>
          <cell r="E2014" t="str">
            <v>CD1</v>
          </cell>
          <cell r="F2014" t="str">
            <v>Definition of collective dismissal</v>
          </cell>
          <cell r="G2014">
            <v>2012</v>
          </cell>
          <cell r="H2014">
            <v>2012</v>
          </cell>
          <cell r="I2014" t="str">
            <v>There are no additional regulations for collective dismissals but there are special regulations in the case of closure of an establishment with 50 or more workmen (art. 25FF, Industrial disputes act, 1947).</v>
          </cell>
          <cell r="J2014">
            <v>0.5</v>
          </cell>
          <cell r="M2014">
            <v>0.75</v>
          </cell>
        </row>
        <row r="2015">
          <cell r="A2015" t="str">
            <v>INDCD22012</v>
          </cell>
          <cell r="B2015" t="str">
            <v>IND</v>
          </cell>
          <cell r="C2015" t="str">
            <v>India</v>
          </cell>
          <cell r="D2015" t="str">
            <v>Item 19</v>
          </cell>
          <cell r="E2015" t="str">
            <v>CD2</v>
          </cell>
          <cell r="F2015" t="str">
            <v>Additional notification requirements in case of collective dismissals</v>
          </cell>
          <cell r="G2015">
            <v>2012</v>
          </cell>
          <cell r="H2015">
            <v>2012</v>
          </cell>
          <cell r="I2015" t="str">
            <v>No additional requirements</v>
          </cell>
          <cell r="J2015">
            <v>0</v>
          </cell>
          <cell r="M2015">
            <v>0</v>
          </cell>
        </row>
        <row r="2016">
          <cell r="A2016" t="str">
            <v>INDCD32012</v>
          </cell>
          <cell r="B2016" t="str">
            <v>IND</v>
          </cell>
          <cell r="C2016" t="str">
            <v>India</v>
          </cell>
          <cell r="D2016" t="str">
            <v>Item 20</v>
          </cell>
          <cell r="E2016" t="str">
            <v>CD3</v>
          </cell>
          <cell r="F2016" t="str">
            <v>Additional delays involved in case of collective dismissals</v>
          </cell>
          <cell r="G2016">
            <v>2012</v>
          </cell>
          <cell r="H2016">
            <v>2012</v>
          </cell>
          <cell r="I2016" t="str">
            <v>In the case of closure of an establishment with at least 50 workmen, workers are entitled of two months notice period.
Calculation: average of large establishments (0 additional days) and small establishments (30/2 additional days).</v>
          </cell>
          <cell r="J2016">
            <v>7.5</v>
          </cell>
          <cell r="M2016">
            <v>1</v>
          </cell>
        </row>
        <row r="2017">
          <cell r="A2017" t="str">
            <v>INDCD42012</v>
          </cell>
          <cell r="B2017" t="str">
            <v>IND</v>
          </cell>
          <cell r="C2017" t="str">
            <v>India</v>
          </cell>
          <cell r="D2017" t="str">
            <v>Item 21</v>
          </cell>
          <cell r="E2017" t="str">
            <v>CD4</v>
          </cell>
          <cell r="F2017" t="str">
            <v>Other special costs to employers in case of collective dismissals</v>
          </cell>
          <cell r="G2017">
            <v>2012</v>
          </cell>
          <cell r="H2017">
            <v>2012</v>
          </cell>
          <cell r="I2017" t="str">
            <v>No additional requirements.</v>
          </cell>
          <cell r="J2017">
            <v>0</v>
          </cell>
          <cell r="M2017">
            <v>0</v>
          </cell>
        </row>
        <row r="2018">
          <cell r="A2018" t="str">
            <v>BRAREG12012</v>
          </cell>
          <cell r="B2018" t="str">
            <v>BRA</v>
          </cell>
          <cell r="C2018" t="str">
            <v>Brazil</v>
          </cell>
          <cell r="D2018" t="str">
            <v>Item 1</v>
          </cell>
          <cell r="E2018" t="str">
            <v>REG1</v>
          </cell>
          <cell r="F2018" t="str">
            <v>Notification procedures</v>
          </cell>
          <cell r="G2018">
            <v>2012</v>
          </cell>
          <cell r="H2018">
            <v>2012</v>
          </cell>
          <cell r="I2018" t="str">
            <v>Oral or written notification in the case of misconduct. In the case of dismissal for any other reason (sem justa causa), no prescribed procedure but notice must be certain and is generally written.</v>
          </cell>
          <cell r="J2018">
            <v>1</v>
          </cell>
          <cell r="M2018">
            <v>2</v>
          </cell>
        </row>
        <row r="2019">
          <cell r="A2019" t="str">
            <v>BRAREG22012</v>
          </cell>
          <cell r="B2019" t="str">
            <v>BRA</v>
          </cell>
          <cell r="C2019" t="str">
            <v>Brazil</v>
          </cell>
          <cell r="D2019" t="str">
            <v>Item 2</v>
          </cell>
          <cell r="E2019" t="str">
            <v>REG2</v>
          </cell>
          <cell r="F2019" t="str">
            <v>Delay before notice can start</v>
          </cell>
          <cell r="G2019">
            <v>2012</v>
          </cell>
          <cell r="H2019">
            <v>2012</v>
          </cell>
          <cell r="I2019"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2019">
            <v>1</v>
          </cell>
          <cell r="M2019">
            <v>0</v>
          </cell>
        </row>
        <row r="2020">
          <cell r="A2020" t="str">
            <v>BRAREG32012</v>
          </cell>
          <cell r="B2020" t="str">
            <v>BRA</v>
          </cell>
          <cell r="C2020" t="str">
            <v>Brazil</v>
          </cell>
          <cell r="D2020" t="str">
            <v>Item 3</v>
          </cell>
          <cell r="E2020" t="str">
            <v>REG3A, REG3B, REG3C</v>
          </cell>
          <cell r="F2020" t="str">
            <v>Notice / tenure</v>
          </cell>
          <cell r="G2020">
            <v>2012</v>
          </cell>
          <cell r="H2020">
            <v>2012</v>
          </cell>
          <cell r="I2020" t="str">
            <v xml:space="preserve">Advanced notice of 8 days, if weekly paid and less than one year of job tenure in the case of dismissal without justified reason (sem justa causa). Advance notice of at least 30 days for workers either paid monthly or twice a month or with at least one year of job tenure in the case of dismissal without justified reason. This is increased by three days per year of service until a maximum of 90 days (Law 12.506 of October 13, 2011)
9 months:  0.75  month; 4 years: 1.4 months 20 years: 3 months 
</v>
          </cell>
          <cell r="J2020">
            <v>0.75</v>
          </cell>
          <cell r="K2020">
            <v>1.4</v>
          </cell>
          <cell r="L2020">
            <v>3</v>
          </cell>
          <cell r="M2020">
            <v>2</v>
          </cell>
          <cell r="N2020">
            <v>3</v>
          </cell>
          <cell r="O2020">
            <v>2</v>
          </cell>
        </row>
        <row r="2021">
          <cell r="A2021" t="str">
            <v>BRAREG42012</v>
          </cell>
          <cell r="B2021" t="str">
            <v>BRA</v>
          </cell>
          <cell r="C2021" t="str">
            <v>Brazil</v>
          </cell>
          <cell r="D2021" t="str">
            <v>Item 4</v>
          </cell>
          <cell r="E2021" t="str">
            <v>REG4A, REG4B, REG4C</v>
          </cell>
          <cell r="F2021" t="str">
            <v>Severance pay / tenure</v>
          </cell>
          <cell r="G2021">
            <v>2012</v>
          </cell>
          <cell r="H2021">
            <v>2012</v>
          </cell>
          <cell r="I2021"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2021">
            <v>0.28999999999999998</v>
          </cell>
          <cell r="K2021">
            <v>1.54</v>
          </cell>
          <cell r="L2021">
            <v>7.7</v>
          </cell>
          <cell r="M2021">
            <v>1</v>
          </cell>
          <cell r="N2021">
            <v>3</v>
          </cell>
          <cell r="O2021">
            <v>3</v>
          </cell>
        </row>
        <row r="2022">
          <cell r="A2022" t="str">
            <v>BRAREG52012</v>
          </cell>
          <cell r="B2022" t="str">
            <v>BRA</v>
          </cell>
          <cell r="C2022" t="str">
            <v>Brazil</v>
          </cell>
          <cell r="D2022" t="str">
            <v>Item 5</v>
          </cell>
          <cell r="E2022" t="str">
            <v>REG5</v>
          </cell>
          <cell r="F2022" t="str">
            <v>Definition of justified or unfair dismissal</v>
          </cell>
          <cell r="G2022">
            <v>2012</v>
          </cell>
          <cell r="H2022">
            <v>2012</v>
          </cell>
          <cell r="I2022"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2022">
            <v>0</v>
          </cell>
          <cell r="M2022">
            <v>0</v>
          </cell>
        </row>
        <row r="2023">
          <cell r="A2023" t="str">
            <v>BRAREG62012</v>
          </cell>
          <cell r="B2023" t="str">
            <v>BRA</v>
          </cell>
          <cell r="C2023" t="str">
            <v>Brazil</v>
          </cell>
          <cell r="D2023" t="str">
            <v>Item 6</v>
          </cell>
          <cell r="E2023" t="str">
            <v>REG6</v>
          </cell>
          <cell r="F2023" t="str">
            <v>Trial period</v>
          </cell>
          <cell r="G2023">
            <v>2012</v>
          </cell>
          <cell r="H2023">
            <v>2012</v>
          </cell>
          <cell r="I2023" t="str">
            <v>3 months</v>
          </cell>
          <cell r="J2023">
            <v>3</v>
          </cell>
          <cell r="M2023">
            <v>4</v>
          </cell>
        </row>
        <row r="2024">
          <cell r="A2024" t="str">
            <v>BRAREG72012</v>
          </cell>
          <cell r="B2024" t="str">
            <v>BRA</v>
          </cell>
          <cell r="C2024" t="str">
            <v>Brazil</v>
          </cell>
          <cell r="D2024" t="str">
            <v>Item 7</v>
          </cell>
          <cell r="E2024" t="str">
            <v>REG7</v>
          </cell>
          <cell r="F2024" t="str">
            <v xml:space="preserve">Compensation following unfair dismissal </v>
          </cell>
          <cell r="G2024">
            <v>2012</v>
          </cell>
          <cell r="H2024">
            <v>2012</v>
          </cell>
          <cell r="I2024"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2024">
            <v>0</v>
          </cell>
          <cell r="M2024">
            <v>0</v>
          </cell>
        </row>
        <row r="2025">
          <cell r="A2025" t="str">
            <v>BRAREG82012</v>
          </cell>
          <cell r="B2025" t="str">
            <v>BRA</v>
          </cell>
          <cell r="C2025" t="str">
            <v>Brazil</v>
          </cell>
          <cell r="D2025" t="str">
            <v>Item 8</v>
          </cell>
          <cell r="E2025" t="str">
            <v>REG8</v>
          </cell>
          <cell r="F2025" t="str">
            <v>Possibility of reinstatement following unfair dismissal</v>
          </cell>
          <cell r="G2025">
            <v>2012</v>
          </cell>
          <cell r="H2025">
            <v>2012</v>
          </cell>
          <cell r="I2025"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2025">
            <v>0.5</v>
          </cell>
          <cell r="M2025">
            <v>1</v>
          </cell>
        </row>
        <row r="2026">
          <cell r="A2026" t="str">
            <v>BRAREG92012</v>
          </cell>
          <cell r="B2026" t="str">
            <v>BRA</v>
          </cell>
          <cell r="C2026" t="str">
            <v>Brazil</v>
          </cell>
          <cell r="D2026" t="str">
            <v>Item 9</v>
          </cell>
          <cell r="E2026" t="str">
            <v>REG9</v>
          </cell>
          <cell r="F2026" t="str">
            <v>Maximum time for claim</v>
          </cell>
          <cell r="G2026">
            <v>2012</v>
          </cell>
          <cell r="H2026">
            <v>2012</v>
          </cell>
          <cell r="I2026" t="str">
            <v>Maximum time period after dismissal notification up to which a claim concerning dismissal can be made is 24 months (Constitution, Art. 7 XXIX)</v>
          </cell>
          <cell r="J2026">
            <v>24</v>
          </cell>
          <cell r="M2026">
            <v>6</v>
          </cell>
        </row>
        <row r="2027">
          <cell r="A2027" t="str">
            <v>BRAFTC12012</v>
          </cell>
          <cell r="B2027" t="str">
            <v>BRA</v>
          </cell>
          <cell r="C2027" t="str">
            <v>Brazil</v>
          </cell>
          <cell r="D2027" t="str">
            <v>Item 10</v>
          </cell>
          <cell r="E2027" t="str">
            <v>FTC1</v>
          </cell>
          <cell r="F2027" t="str">
            <v>Valid cases for use of fixed-term contracts, other than  “objective”  or “material” situation</v>
          </cell>
          <cell r="G2027">
            <v>2012</v>
          </cell>
          <cell r="H2027">
            <v>2012</v>
          </cell>
          <cell r="I2027"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2027">
            <v>0</v>
          </cell>
          <cell r="M2027">
            <v>6</v>
          </cell>
        </row>
        <row r="2028">
          <cell r="A2028" t="str">
            <v>BRAFTC22012</v>
          </cell>
          <cell r="B2028" t="str">
            <v>BRA</v>
          </cell>
          <cell r="C2028" t="str">
            <v>Brazil</v>
          </cell>
          <cell r="D2028" t="str">
            <v>Item 11</v>
          </cell>
          <cell r="E2028" t="str">
            <v>FTC2</v>
          </cell>
          <cell r="F2028" t="str">
            <v>Maximum number of successive fixed-term contracts</v>
          </cell>
          <cell r="G2028">
            <v>2012</v>
          </cell>
          <cell r="H2028">
            <v>2012</v>
          </cell>
          <cell r="I2028" t="str">
            <v>May be extended once.</v>
          </cell>
          <cell r="J2028">
            <v>2</v>
          </cell>
          <cell r="M2028">
            <v>4</v>
          </cell>
        </row>
        <row r="2029">
          <cell r="A2029" t="str">
            <v>BRAFTC32012</v>
          </cell>
          <cell r="B2029" t="str">
            <v>BRA</v>
          </cell>
          <cell r="C2029" t="str">
            <v>Brazil</v>
          </cell>
          <cell r="D2029" t="str">
            <v>Item 12</v>
          </cell>
          <cell r="E2029" t="str">
            <v>FTC3</v>
          </cell>
          <cell r="F2029" t="str">
            <v>Maximum cumulated duration of successive fixed-term contracts</v>
          </cell>
          <cell r="G2029">
            <v>2012</v>
          </cell>
          <cell r="H2029">
            <v>2012</v>
          </cell>
          <cell r="I2029" t="str">
            <v>Not exceeding 2 years.</v>
          </cell>
          <cell r="J2029">
            <v>24</v>
          </cell>
          <cell r="M2029">
            <v>3</v>
          </cell>
        </row>
        <row r="2030">
          <cell r="A2030" t="str">
            <v>BRATWA12012</v>
          </cell>
          <cell r="B2030" t="str">
            <v>BRA</v>
          </cell>
          <cell r="C2030" t="str">
            <v>Brazil</v>
          </cell>
          <cell r="D2030" t="str">
            <v>Item 13</v>
          </cell>
          <cell r="E2030" t="str">
            <v>TWA1</v>
          </cell>
          <cell r="F2030" t="str">
            <v>Types of work for which TWA employment is legal</v>
          </cell>
          <cell r="G2030">
            <v>2012</v>
          </cell>
          <cell r="H2030">
            <v>2012</v>
          </cell>
          <cell r="I2030" t="str">
            <v>Work in urban areas to meet a temporary or seasonal need for regular and permanent employees, or to cope with an extraordinary workload increase.</v>
          </cell>
          <cell r="J2030">
            <v>2</v>
          </cell>
          <cell r="M2030">
            <v>3</v>
          </cell>
        </row>
        <row r="2031">
          <cell r="A2031" t="str">
            <v>BRATWA22012</v>
          </cell>
          <cell r="B2031" t="str">
            <v>BRA</v>
          </cell>
          <cell r="C2031" t="str">
            <v>Brazil</v>
          </cell>
          <cell r="D2031" t="str">
            <v>Item 14</v>
          </cell>
          <cell r="E2031" t="str">
            <v>TWA2A, TWA2B</v>
          </cell>
          <cell r="F2031" t="str">
            <v>Are there any restrictions on the number of renewals of a TWA contract?</v>
          </cell>
          <cell r="G2031">
            <v>2012</v>
          </cell>
          <cell r="H2031">
            <v>2012</v>
          </cell>
          <cell r="I2031" t="str">
            <v>No, within the 3 month limit unless authorised by the Ministry of Labour and Employment.</v>
          </cell>
          <cell r="J2031" t="str">
            <v>No</v>
          </cell>
          <cell r="K2031" t="str">
            <v>No</v>
          </cell>
          <cell r="M2031">
            <v>2</v>
          </cell>
          <cell r="N2031">
            <v>2</v>
          </cell>
        </row>
        <row r="2032">
          <cell r="A2032" t="str">
            <v>BRATWA32012</v>
          </cell>
          <cell r="B2032" t="str">
            <v>BRA</v>
          </cell>
          <cell r="C2032" t="str">
            <v>Brazil</v>
          </cell>
          <cell r="D2032" t="str">
            <v>Item 15</v>
          </cell>
          <cell r="E2032" t="str">
            <v>TWA3A, TWA3B</v>
          </cell>
          <cell r="F2032" t="str">
            <v>Maximum cumulated duration of temporary work contracts</v>
          </cell>
          <cell r="G2032">
            <v>2012</v>
          </cell>
          <cell r="H2032">
            <v>2012</v>
          </cell>
          <cell r="I2032" t="str">
            <v>3 months unless authorised by the Ministry of Labour and Employment.</v>
          </cell>
          <cell r="J2032">
            <v>3</v>
          </cell>
          <cell r="K2032">
            <v>3</v>
          </cell>
          <cell r="M2032">
            <v>6</v>
          </cell>
          <cell r="N2032">
            <v>6</v>
          </cell>
        </row>
        <row r="2033">
          <cell r="A2033" t="str">
            <v>BRATWA42012</v>
          </cell>
          <cell r="B2033" t="str">
            <v>BRA</v>
          </cell>
          <cell r="C2033" t="str">
            <v>Brazil</v>
          </cell>
          <cell r="D2033" t="str">
            <v>Item 16</v>
          </cell>
          <cell r="E2033" t="str">
            <v>TWA4</v>
          </cell>
          <cell r="F2033" t="str">
            <v>Authorisation or reporting requirements</v>
          </cell>
          <cell r="G2033">
            <v>2012</v>
          </cell>
          <cell r="H2033">
            <v>2012</v>
          </cell>
          <cell r="I2033" t="str">
            <v>A temporary work agency must be registered with the Ministry of Labour and Employment. The agency must comply with any requests for information made by the Ministry.</v>
          </cell>
          <cell r="J2033">
            <v>1</v>
          </cell>
          <cell r="M2033">
            <v>2</v>
          </cell>
        </row>
        <row r="2034">
          <cell r="A2034" t="str">
            <v>BRATWA52012</v>
          </cell>
          <cell r="B2034" t="str">
            <v>BRA</v>
          </cell>
          <cell r="C2034" t="str">
            <v>Brazil</v>
          </cell>
          <cell r="D2034" t="str">
            <v>Item 17</v>
          </cell>
          <cell r="E2034" t="str">
            <v>TWA5</v>
          </cell>
          <cell r="F2034" t="str">
            <v>Equal treatment for TWA workers</v>
          </cell>
          <cell r="G2034">
            <v>2012</v>
          </cell>
          <cell r="H2034">
            <v>2012</v>
          </cell>
          <cell r="I2034" t="str">
            <v>A TWA worker must receive the same pay as a worker doing the same work for the user firm.  There is no explicit requirement for equal treatment on working conditions, but a number of minimum working conditions for TWA workers are set out in legislation. Case Law also goes beyond working conditions set in legislation in imposing equal treatment (e.g. in the case of pregnancy).</v>
          </cell>
          <cell r="J2034">
            <v>1.5</v>
          </cell>
          <cell r="M2034">
            <v>4.5</v>
          </cell>
        </row>
        <row r="2035">
          <cell r="A2035" t="str">
            <v>BRACD12012</v>
          </cell>
          <cell r="B2035" t="str">
            <v>BRA</v>
          </cell>
          <cell r="C2035" t="str">
            <v>Brazil</v>
          </cell>
          <cell r="D2035" t="str">
            <v>Item 18</v>
          </cell>
          <cell r="E2035" t="str">
            <v>CD1</v>
          </cell>
          <cell r="F2035" t="str">
            <v>Definition of collective dismissal</v>
          </cell>
          <cell r="G2035">
            <v>2012</v>
          </cell>
          <cell r="H2035">
            <v>2012</v>
          </cell>
          <cell r="I2035" t="str">
            <v xml:space="preserve">No legal provisions is established in statutory law. However, in a recent decision, the Superior Labour Court established that negotiations among social partners must precede a mass dismissal (see Superior Labour Court decision TST-RODC-30900-12.2009.5.15.0000). This doctrine seems to have been retained in recent courts’ rulings (see for example Superior Labour Court decision TST-RO-173-02.2011.5.15.0000).
Calculation: since no definition of mass dismissal exists but court rulings concern only cases with many dismissal, the implied definition is likely to be above 50.
</v>
          </cell>
          <cell r="J2035">
            <v>1</v>
          </cell>
          <cell r="M2035">
            <v>1.5</v>
          </cell>
          <cell r="P2035">
            <v>40057</v>
          </cell>
        </row>
        <row r="2036">
          <cell r="A2036" t="str">
            <v>BRACD22012</v>
          </cell>
          <cell r="B2036" t="str">
            <v>BRA</v>
          </cell>
          <cell r="C2036" t="str">
            <v>Brazil</v>
          </cell>
          <cell r="D2036" t="str">
            <v>Item 19</v>
          </cell>
          <cell r="E2036" t="str">
            <v>CD2</v>
          </cell>
          <cell r="F2036" t="str">
            <v>Additional notification requirements in case of collective dismissals</v>
          </cell>
          <cell r="G2036">
            <v>2012</v>
          </cell>
          <cell r="H2036">
            <v>2012</v>
          </cell>
          <cell r="I2036" t="str">
            <v>No legal provisions is established in statutory law. The matter may be covered by collective bargaining. However, in a recent decision, the Superior Labour Court established that negotiations among social partners must precede a mass dismissal.</v>
          </cell>
          <cell r="J2036">
            <v>1</v>
          </cell>
          <cell r="M2036">
            <v>3</v>
          </cell>
          <cell r="P2036">
            <v>40057</v>
          </cell>
        </row>
        <row r="2037">
          <cell r="A2037" t="str">
            <v>BRACD32012</v>
          </cell>
          <cell r="B2037" t="str">
            <v>BRA</v>
          </cell>
          <cell r="C2037" t="str">
            <v>Brazil</v>
          </cell>
          <cell r="D2037" t="str">
            <v>Item 20</v>
          </cell>
          <cell r="E2037" t="str">
            <v>CD3</v>
          </cell>
          <cell r="F2037" t="str">
            <v>Additional delays involved in case of collective dismissals</v>
          </cell>
          <cell r="G2037">
            <v>2012</v>
          </cell>
          <cell r="H2037">
            <v>2012</v>
          </cell>
          <cell r="I2037" t="str">
            <v>No legal provisions is established in statutory law. The matter may be covered by collective bargaining. However, in a recent decision, the Superior Labour Court established that negotiations among social partners must precede a mass dismissal. There is no information of how long these consultation should last.</v>
          </cell>
          <cell r="J2037" t="str">
            <v>..</v>
          </cell>
          <cell r="M2037" t="e">
            <v>#N/A</v>
          </cell>
          <cell r="P2037">
            <v>40057</v>
          </cell>
        </row>
        <row r="2038">
          <cell r="A2038" t="str">
            <v>BRACD42012</v>
          </cell>
          <cell r="B2038" t="str">
            <v>BRA</v>
          </cell>
          <cell r="C2038" t="str">
            <v>Brazil</v>
          </cell>
          <cell r="D2038" t="str">
            <v>Item 21</v>
          </cell>
          <cell r="E2038" t="str">
            <v>CD4</v>
          </cell>
          <cell r="F2038" t="str">
            <v>Other special costs to employers in case of collective dismissals</v>
          </cell>
          <cell r="G2038">
            <v>2012</v>
          </cell>
          <cell r="H2038">
            <v>2012</v>
          </cell>
          <cell r="I2038" t="str">
            <v>No legal provisions exist. The matter may be covered by collective bargaining.</v>
          </cell>
          <cell r="J2038">
            <v>0</v>
          </cell>
          <cell r="M2038">
            <v>0</v>
          </cell>
        </row>
        <row r="2039">
          <cell r="A2039" t="str">
            <v>SAUREG12008</v>
          </cell>
          <cell r="B2039" t="str">
            <v>SAU</v>
          </cell>
          <cell r="C2039" t="str">
            <v>Saudi Arabia</v>
          </cell>
          <cell r="D2039" t="str">
            <v>Item 1</v>
          </cell>
          <cell r="E2039" t="str">
            <v>REG1</v>
          </cell>
          <cell r="F2039" t="str">
            <v>Notification procedures</v>
          </cell>
          <cell r="G2039">
            <v>2008</v>
          </cell>
          <cell r="H2039">
            <v>2008</v>
          </cell>
          <cell r="I2039" t="str">
            <v>Written notice</v>
          </cell>
          <cell r="J2039">
            <v>1</v>
          </cell>
          <cell r="M2039">
            <v>2</v>
          </cell>
        </row>
        <row r="2040">
          <cell r="A2040" t="str">
            <v>SAUREG22008</v>
          </cell>
          <cell r="B2040" t="str">
            <v>SAU</v>
          </cell>
          <cell r="C2040" t="str">
            <v>Saudi Arabia</v>
          </cell>
          <cell r="D2040" t="str">
            <v>Item 2</v>
          </cell>
          <cell r="E2040" t="str">
            <v>REG2</v>
          </cell>
          <cell r="F2040" t="str">
            <v>Delay before notice can start</v>
          </cell>
          <cell r="G2040">
            <v>2008</v>
          </cell>
          <cell r="H2040">
            <v>2008</v>
          </cell>
          <cell r="I2040" t="str">
            <v xml:space="preserve">No special requirement.
Calculation: 1 day for written notice
</v>
          </cell>
          <cell r="J2040">
            <v>1</v>
          </cell>
          <cell r="M2040">
            <v>0</v>
          </cell>
        </row>
        <row r="2041">
          <cell r="A2041" t="str">
            <v>SAUREG32008</v>
          </cell>
          <cell r="B2041" t="str">
            <v>SAU</v>
          </cell>
          <cell r="C2041" t="str">
            <v>Saudi Arabia</v>
          </cell>
          <cell r="D2041" t="str">
            <v>Item 3</v>
          </cell>
          <cell r="E2041" t="str">
            <v>REG3A, REG3B, REG3C</v>
          </cell>
          <cell r="F2041" t="str">
            <v>Notice / tenure</v>
          </cell>
          <cell r="G2041">
            <v>2008</v>
          </cell>
          <cell r="H2041">
            <v>2008</v>
          </cell>
          <cell r="I2041" t="str">
            <v>1 month if the worker is paid monthly and not less than fifteen days for others</v>
          </cell>
          <cell r="J2041">
            <v>1</v>
          </cell>
          <cell r="K2041">
            <v>1</v>
          </cell>
          <cell r="L2041">
            <v>1</v>
          </cell>
          <cell r="M2041">
            <v>3</v>
          </cell>
          <cell r="N2041">
            <v>2</v>
          </cell>
          <cell r="O2041">
            <v>1</v>
          </cell>
        </row>
        <row r="2042">
          <cell r="A2042" t="str">
            <v>SAUREG42008</v>
          </cell>
          <cell r="B2042" t="str">
            <v>SAU</v>
          </cell>
          <cell r="C2042" t="str">
            <v>Saudi Arabia</v>
          </cell>
          <cell r="D2042" t="str">
            <v>Item 4</v>
          </cell>
          <cell r="E2042" t="str">
            <v>REG4A, REG4B, REG4C</v>
          </cell>
          <cell r="F2042" t="str">
            <v>Severance pay / tenure</v>
          </cell>
          <cell r="G2042">
            <v>2008</v>
          </cell>
          <cell r="H2042">
            <v>2008</v>
          </cell>
          <cell r="I2042"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42">
            <v>0.375</v>
          </cell>
          <cell r="K2042">
            <v>1.33</v>
          </cell>
          <cell r="L2042">
            <v>0</v>
          </cell>
          <cell r="M2042">
            <v>1</v>
          </cell>
          <cell r="N2042">
            <v>3</v>
          </cell>
          <cell r="O2042">
            <v>0</v>
          </cell>
        </row>
        <row r="2043">
          <cell r="A2043" t="str">
            <v>SAUREG52008</v>
          </cell>
          <cell r="B2043" t="str">
            <v>SAU</v>
          </cell>
          <cell r="C2043" t="str">
            <v>Saudi Arabia</v>
          </cell>
          <cell r="D2043" t="str">
            <v>Item 5</v>
          </cell>
          <cell r="E2043" t="str">
            <v>REG5</v>
          </cell>
          <cell r="F2043" t="str">
            <v>Definition of justified or unfair dismissal</v>
          </cell>
          <cell r="G2043">
            <v>2008</v>
          </cell>
          <cell r="H2043">
            <v>2008</v>
          </cell>
          <cell r="I2043"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43">
            <v>0</v>
          </cell>
          <cell r="M2043">
            <v>0</v>
          </cell>
        </row>
        <row r="2044">
          <cell r="A2044" t="str">
            <v>SAUREG62008</v>
          </cell>
          <cell r="B2044" t="str">
            <v>SAU</v>
          </cell>
          <cell r="C2044" t="str">
            <v>Saudi Arabia</v>
          </cell>
          <cell r="D2044" t="str">
            <v>Item 6</v>
          </cell>
          <cell r="E2044" t="str">
            <v>REG6</v>
          </cell>
          <cell r="F2044" t="str">
            <v>Trial period</v>
          </cell>
          <cell r="G2044">
            <v>2008</v>
          </cell>
          <cell r="H2044">
            <v>2008</v>
          </cell>
          <cell r="I2044" t="str">
            <v>90 days (Art. 53 Labour Law). It can be renewed in the case of changes in duty or profession (Art. 54).</v>
          </cell>
          <cell r="J2044">
            <v>3</v>
          </cell>
          <cell r="M2044">
            <v>4</v>
          </cell>
        </row>
        <row r="2045">
          <cell r="A2045" t="str">
            <v>SAUREG72008</v>
          </cell>
          <cell r="B2045" t="str">
            <v>SAU</v>
          </cell>
          <cell r="C2045" t="str">
            <v>Saudi Arabia</v>
          </cell>
          <cell r="D2045" t="str">
            <v>Item 7</v>
          </cell>
          <cell r="E2045" t="str">
            <v>REG7</v>
          </cell>
          <cell r="F2045" t="str">
            <v xml:space="preserve">Compensation following unfair dismissal </v>
          </cell>
          <cell r="G2045">
            <v>2008</v>
          </cell>
          <cell r="H2045">
            <v>2008</v>
          </cell>
          <cell r="I2045" t="str">
            <v>3 months pay in addition of standard end of service award is the typical compensation. In the case of reinstatement, back pay can be granted.</v>
          </cell>
          <cell r="J2045">
            <v>3</v>
          </cell>
          <cell r="M2045">
            <v>0</v>
          </cell>
        </row>
        <row r="2046">
          <cell r="A2046" t="str">
            <v>SAUREG82008</v>
          </cell>
          <cell r="B2046" t="str">
            <v>SAU</v>
          </cell>
          <cell r="C2046" t="str">
            <v>Saudi Arabia</v>
          </cell>
          <cell r="D2046" t="str">
            <v>Item 8</v>
          </cell>
          <cell r="E2046" t="str">
            <v>REG8</v>
          </cell>
          <cell r="F2046" t="str">
            <v>Possibility of reinstatement following unfair dismissal</v>
          </cell>
          <cell r="G2046">
            <v>2008</v>
          </cell>
          <cell r="H2046">
            <v>2008</v>
          </cell>
          <cell r="I2046" t="str">
            <v xml:space="preserve">Art. 78 of the Labour Law guarantees that the employee can request reinstatement. Reinstatement, however, is rarely granted in practice, particularly to non-Saudi employees. </v>
          </cell>
          <cell r="J2046">
            <v>1</v>
          </cell>
          <cell r="M2046">
            <v>2</v>
          </cell>
        </row>
        <row r="2047">
          <cell r="A2047" t="str">
            <v>SAUREG92008</v>
          </cell>
          <cell r="B2047" t="str">
            <v>SAU</v>
          </cell>
          <cell r="C2047" t="str">
            <v>Saudi Arabia</v>
          </cell>
          <cell r="D2047" t="str">
            <v>Item 9</v>
          </cell>
          <cell r="E2047" t="str">
            <v>REG9</v>
          </cell>
          <cell r="F2047" t="str">
            <v>Maximum time for claim</v>
          </cell>
          <cell r="G2047">
            <v>2008</v>
          </cell>
          <cell r="H2047">
            <v>2008</v>
          </cell>
          <cell r="I2047" t="str">
            <v>12 months after termination (Art. 222 Labour Law)</v>
          </cell>
          <cell r="J2047">
            <v>12</v>
          </cell>
          <cell r="M2047">
            <v>5</v>
          </cell>
        </row>
        <row r="2048">
          <cell r="A2048" t="str">
            <v>SAUFTC12008</v>
          </cell>
          <cell r="B2048" t="str">
            <v>SAU</v>
          </cell>
          <cell r="C2048" t="str">
            <v>Saudi Arabia</v>
          </cell>
          <cell r="D2048" t="str">
            <v>Item 10</v>
          </cell>
          <cell r="E2048" t="str">
            <v>FTC1</v>
          </cell>
          <cell r="F2048" t="str">
            <v>Valid cases for use of fixed-term contracts, other than  “objective”  or “material” situation</v>
          </cell>
          <cell r="G2048">
            <v>2008</v>
          </cell>
          <cell r="H2048">
            <v>2008</v>
          </cell>
          <cell r="I2048" t="str">
            <v>No restrictions.</v>
          </cell>
          <cell r="J2048">
            <v>3</v>
          </cell>
          <cell r="M2048">
            <v>0</v>
          </cell>
        </row>
        <row r="2049">
          <cell r="A2049" t="str">
            <v>SAUFTC22008</v>
          </cell>
          <cell r="B2049" t="str">
            <v>SAU</v>
          </cell>
          <cell r="C2049" t="str">
            <v>Saudi Arabia</v>
          </cell>
          <cell r="D2049" t="str">
            <v>Item 11</v>
          </cell>
          <cell r="E2049" t="str">
            <v>FTC2</v>
          </cell>
          <cell r="F2049" t="str">
            <v>Maximum number of successive fixed-term contracts</v>
          </cell>
          <cell r="G2049">
            <v>2008</v>
          </cell>
          <cell r="H2049">
            <v>2008</v>
          </cell>
          <cell r="I2049"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49">
            <v>2</v>
          </cell>
          <cell r="M2049">
            <v>4</v>
          </cell>
        </row>
        <row r="2050">
          <cell r="A2050" t="str">
            <v>SAUFTC32008</v>
          </cell>
          <cell r="B2050" t="str">
            <v>SAU</v>
          </cell>
          <cell r="C2050" t="str">
            <v>Saudi Arabia</v>
          </cell>
          <cell r="D2050" t="str">
            <v>Item 12</v>
          </cell>
          <cell r="E2050" t="str">
            <v>FTC3</v>
          </cell>
          <cell r="F2050" t="str">
            <v>Maximum cumulated duration of successive fixed-term contracts</v>
          </cell>
          <cell r="G2050">
            <v>2008</v>
          </cell>
          <cell r="H2050">
            <v>2008</v>
          </cell>
          <cell r="I2050" t="str">
            <v>3 years, except when the initial contract is signed for a longer period (in that case renewals would entail the transformation of the relationship in an open-ended one)</v>
          </cell>
          <cell r="J2050">
            <v>36</v>
          </cell>
          <cell r="M2050">
            <v>1</v>
          </cell>
        </row>
        <row r="2051">
          <cell r="A2051" t="str">
            <v>SAUTWA12008</v>
          </cell>
          <cell r="B2051" t="str">
            <v>SAU</v>
          </cell>
          <cell r="C2051" t="str">
            <v>Saudi Arabia</v>
          </cell>
          <cell r="D2051" t="str">
            <v>Item 13</v>
          </cell>
          <cell r="E2051" t="str">
            <v>TWA1</v>
          </cell>
          <cell r="F2051" t="str">
            <v>Types of work for which TWA employment is legal</v>
          </cell>
          <cell r="G2051">
            <v>2008</v>
          </cell>
          <cell r="H2051">
            <v>2008</v>
          </cell>
          <cell r="I2051"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51">
            <v>0</v>
          </cell>
          <cell r="M2051">
            <v>6</v>
          </cell>
        </row>
        <row r="2052">
          <cell r="A2052" t="str">
            <v>SAUTWA22008</v>
          </cell>
          <cell r="B2052" t="str">
            <v>SAU</v>
          </cell>
          <cell r="C2052" t="str">
            <v>Saudi Arabia</v>
          </cell>
          <cell r="D2052" t="str">
            <v>Item 14</v>
          </cell>
          <cell r="E2052" t="str">
            <v>TWA2A, TWA2B</v>
          </cell>
          <cell r="F2052" t="str">
            <v>Are there any restrictions on the number of renewals of a TWA contract?</v>
          </cell>
          <cell r="G2052">
            <v>2008</v>
          </cell>
          <cell r="H2052">
            <v>2008</v>
          </cell>
          <cell r="I2052" t="str">
            <v>Not applicable</v>
          </cell>
          <cell r="J2052" t="str">
            <v>-</v>
          </cell>
          <cell r="K2052" t="str">
            <v>-</v>
          </cell>
          <cell r="M2052">
            <v>4</v>
          </cell>
          <cell r="N2052">
            <v>4</v>
          </cell>
        </row>
        <row r="2053">
          <cell r="A2053" t="str">
            <v>SAUTWA32008</v>
          </cell>
          <cell r="B2053" t="str">
            <v>SAU</v>
          </cell>
          <cell r="C2053" t="str">
            <v>Saudi Arabia</v>
          </cell>
          <cell r="D2053" t="str">
            <v>Item 15</v>
          </cell>
          <cell r="E2053" t="str">
            <v>TWA3A, TWA3B</v>
          </cell>
          <cell r="F2053" t="str">
            <v>Maximum cumulated duration of temporary work contracts</v>
          </cell>
          <cell r="G2053">
            <v>2008</v>
          </cell>
          <cell r="H2053">
            <v>2008</v>
          </cell>
          <cell r="I2053" t="str">
            <v>Not applicable</v>
          </cell>
          <cell r="J2053">
            <v>0</v>
          </cell>
          <cell r="K2053">
            <v>0</v>
          </cell>
          <cell r="M2053">
            <v>6</v>
          </cell>
          <cell r="N2053">
            <v>6</v>
          </cell>
        </row>
        <row r="2054">
          <cell r="A2054" t="str">
            <v>SAUTWA42008</v>
          </cell>
          <cell r="B2054" t="str">
            <v>SAU</v>
          </cell>
          <cell r="C2054" t="str">
            <v>Saudi Arabia</v>
          </cell>
          <cell r="D2054" t="str">
            <v>Item 16</v>
          </cell>
          <cell r="E2054" t="str">
            <v>TWA4</v>
          </cell>
          <cell r="F2054" t="str">
            <v>Authorisation and reporting obligations</v>
          </cell>
          <cell r="G2054">
            <v>2008</v>
          </cell>
          <cell r="H2054">
            <v>2008</v>
          </cell>
          <cell r="I2054" t="str">
            <v>Not applicable</v>
          </cell>
          <cell r="J2054" t="str">
            <v>-</v>
          </cell>
          <cell r="M2054">
            <v>6</v>
          </cell>
        </row>
        <row r="2055">
          <cell r="A2055" t="str">
            <v>SAUTWA52008</v>
          </cell>
          <cell r="B2055" t="str">
            <v>SAU</v>
          </cell>
          <cell r="C2055" t="str">
            <v>Saudi Arabia</v>
          </cell>
          <cell r="D2055" t="str">
            <v>Item 17</v>
          </cell>
          <cell r="E2055" t="str">
            <v>TWA5</v>
          </cell>
          <cell r="F2055" t="str">
            <v>Equal treatment for TWA workers</v>
          </cell>
          <cell r="G2055">
            <v>2008</v>
          </cell>
          <cell r="H2055">
            <v>2008</v>
          </cell>
          <cell r="I2055" t="str">
            <v>Not applicable</v>
          </cell>
          <cell r="J2055" t="str">
            <v>-</v>
          </cell>
          <cell r="M2055">
            <v>6</v>
          </cell>
        </row>
        <row r="2056">
          <cell r="A2056" t="str">
            <v>SAUCD12008</v>
          </cell>
          <cell r="B2056" t="str">
            <v>SAU</v>
          </cell>
          <cell r="C2056" t="str">
            <v>Saudi Arabia</v>
          </cell>
          <cell r="D2056" t="str">
            <v>Item 18</v>
          </cell>
          <cell r="E2056" t="str">
            <v>CD1</v>
          </cell>
          <cell r="F2056" t="str">
            <v>Definition of collective dismissal</v>
          </cell>
          <cell r="G2056">
            <v>2008</v>
          </cell>
          <cell r="H2056">
            <v>2008</v>
          </cell>
          <cell r="I2056" t="str">
            <v>No requirements in legislation.</v>
          </cell>
          <cell r="J2056">
            <v>0</v>
          </cell>
          <cell r="M2056">
            <v>0</v>
          </cell>
        </row>
        <row r="2057">
          <cell r="A2057" t="str">
            <v>SAUCD22008</v>
          </cell>
          <cell r="B2057" t="str">
            <v>SAU</v>
          </cell>
          <cell r="C2057" t="str">
            <v>Saudi Arabia</v>
          </cell>
          <cell r="D2057" t="str">
            <v>Item 19</v>
          </cell>
          <cell r="E2057" t="str">
            <v>CD2</v>
          </cell>
          <cell r="F2057" t="str">
            <v>Additional notification requirements in case of collective dismissals</v>
          </cell>
          <cell r="G2057">
            <v>2008</v>
          </cell>
          <cell r="H2057">
            <v>2008</v>
          </cell>
          <cell r="I2057" t="str">
            <v>No requirements in legislation.</v>
          </cell>
          <cell r="J2057">
            <v>0</v>
          </cell>
          <cell r="M2057">
            <v>0</v>
          </cell>
        </row>
        <row r="2058">
          <cell r="A2058" t="str">
            <v>SAUCD32008</v>
          </cell>
          <cell r="B2058" t="str">
            <v>SAU</v>
          </cell>
          <cell r="C2058" t="str">
            <v>Saudi Arabia</v>
          </cell>
          <cell r="D2058" t="str">
            <v>Item 20</v>
          </cell>
          <cell r="E2058" t="str">
            <v>CD3</v>
          </cell>
          <cell r="F2058" t="str">
            <v>Additional delays involved in case of collective dismissals</v>
          </cell>
          <cell r="G2058">
            <v>2008</v>
          </cell>
          <cell r="H2058">
            <v>2008</v>
          </cell>
          <cell r="I2058" t="str">
            <v>No requirements in legislation.</v>
          </cell>
          <cell r="J2058">
            <v>0</v>
          </cell>
          <cell r="M2058">
            <v>0</v>
          </cell>
        </row>
        <row r="2059">
          <cell r="A2059" t="str">
            <v>SAUCD42008</v>
          </cell>
          <cell r="B2059" t="str">
            <v>SAU</v>
          </cell>
          <cell r="C2059" t="str">
            <v>Saudi Arabia</v>
          </cell>
          <cell r="D2059" t="str">
            <v>Item 21</v>
          </cell>
          <cell r="E2059" t="str">
            <v>CD4</v>
          </cell>
          <cell r="F2059" t="str">
            <v>Other special costs to employers in case of collective dismissals</v>
          </cell>
          <cell r="G2059">
            <v>2008</v>
          </cell>
          <cell r="H2059">
            <v>2008</v>
          </cell>
          <cell r="I2059" t="str">
            <v>No requirements in legislation.</v>
          </cell>
          <cell r="J2059">
            <v>0</v>
          </cell>
          <cell r="M2059">
            <v>0</v>
          </cell>
        </row>
        <row r="2060">
          <cell r="A2060" t="str">
            <v>SAUREG12012</v>
          </cell>
          <cell r="B2060" t="str">
            <v>SAU</v>
          </cell>
          <cell r="C2060" t="str">
            <v>Saudi Arabia</v>
          </cell>
          <cell r="D2060" t="str">
            <v>Item 1</v>
          </cell>
          <cell r="E2060" t="str">
            <v>REG1</v>
          </cell>
          <cell r="F2060" t="str">
            <v>Notification procedures</v>
          </cell>
          <cell r="G2060">
            <v>2012</v>
          </cell>
          <cell r="H2060">
            <v>2012</v>
          </cell>
          <cell r="I2060" t="str">
            <v>Written notice</v>
          </cell>
          <cell r="J2060">
            <v>1</v>
          </cell>
          <cell r="M2060">
            <v>2</v>
          </cell>
        </row>
        <row r="2061">
          <cell r="A2061" t="str">
            <v>SAUREG22012</v>
          </cell>
          <cell r="B2061" t="str">
            <v>SAU</v>
          </cell>
          <cell r="C2061" t="str">
            <v>Saudi Arabia</v>
          </cell>
          <cell r="D2061" t="str">
            <v>Item 2</v>
          </cell>
          <cell r="E2061" t="str">
            <v>REG2</v>
          </cell>
          <cell r="F2061" t="str">
            <v>Delay before notice can start</v>
          </cell>
          <cell r="G2061">
            <v>2012</v>
          </cell>
          <cell r="H2061">
            <v>2012</v>
          </cell>
          <cell r="I2061" t="str">
            <v xml:space="preserve">No special requirement.
Calculation: 1 day for written notice
</v>
          </cell>
          <cell r="J2061">
            <v>1</v>
          </cell>
          <cell r="M2061">
            <v>0</v>
          </cell>
        </row>
        <row r="2062">
          <cell r="A2062" t="str">
            <v>SAUREG32012</v>
          </cell>
          <cell r="B2062" t="str">
            <v>SAU</v>
          </cell>
          <cell r="C2062" t="str">
            <v>Saudi Arabia</v>
          </cell>
          <cell r="D2062" t="str">
            <v>Item 3</v>
          </cell>
          <cell r="E2062" t="str">
            <v>REG3A, REG3B, REG3C</v>
          </cell>
          <cell r="F2062" t="str">
            <v>Notice / tenure</v>
          </cell>
          <cell r="G2062">
            <v>2012</v>
          </cell>
          <cell r="H2062">
            <v>2012</v>
          </cell>
          <cell r="I2062" t="str">
            <v>1 month if the worker is paid monthly and not less than fifteen days for others</v>
          </cell>
          <cell r="J2062">
            <v>1</v>
          </cell>
          <cell r="K2062">
            <v>1</v>
          </cell>
          <cell r="L2062">
            <v>1</v>
          </cell>
          <cell r="M2062">
            <v>3</v>
          </cell>
          <cell r="N2062">
            <v>2</v>
          </cell>
          <cell r="O2062">
            <v>1</v>
          </cell>
        </row>
        <row r="2063">
          <cell r="A2063" t="str">
            <v>SAUREG42012</v>
          </cell>
          <cell r="B2063" t="str">
            <v>SAU</v>
          </cell>
          <cell r="C2063" t="str">
            <v>Saudi Arabia</v>
          </cell>
          <cell r="D2063" t="str">
            <v>Item 4</v>
          </cell>
          <cell r="E2063" t="str">
            <v>REG4A, REG4B, REG4C</v>
          </cell>
          <cell r="F2063" t="str">
            <v>Severance pay / tenure</v>
          </cell>
          <cell r="G2063">
            <v>2012</v>
          </cell>
          <cell r="H2063">
            <v>2012</v>
          </cell>
          <cell r="I2063"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63">
            <v>0.375</v>
          </cell>
          <cell r="K2063">
            <v>1.33</v>
          </cell>
          <cell r="L2063">
            <v>0</v>
          </cell>
          <cell r="M2063">
            <v>1</v>
          </cell>
          <cell r="N2063">
            <v>3</v>
          </cell>
          <cell r="O2063">
            <v>0</v>
          </cell>
        </row>
        <row r="2064">
          <cell r="A2064" t="str">
            <v>SAUREG52012</v>
          </cell>
          <cell r="B2064" t="str">
            <v>SAU</v>
          </cell>
          <cell r="C2064" t="str">
            <v>Saudi Arabia</v>
          </cell>
          <cell r="D2064" t="str">
            <v>Item 5</v>
          </cell>
          <cell r="E2064" t="str">
            <v>REG5</v>
          </cell>
          <cell r="F2064" t="str">
            <v>Definition of justified or unfair dismissal</v>
          </cell>
          <cell r="G2064">
            <v>2012</v>
          </cell>
          <cell r="H2064">
            <v>2012</v>
          </cell>
          <cell r="I2064"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64">
            <v>0</v>
          </cell>
          <cell r="M2064">
            <v>0</v>
          </cell>
        </row>
        <row r="2065">
          <cell r="A2065" t="str">
            <v>SAUREG62012</v>
          </cell>
          <cell r="B2065" t="str">
            <v>SAU</v>
          </cell>
          <cell r="C2065" t="str">
            <v>Saudi Arabia</v>
          </cell>
          <cell r="D2065" t="str">
            <v>Item 6</v>
          </cell>
          <cell r="E2065" t="str">
            <v>REG6</v>
          </cell>
          <cell r="F2065" t="str">
            <v>Trial period</v>
          </cell>
          <cell r="G2065">
            <v>2012</v>
          </cell>
          <cell r="H2065">
            <v>2012</v>
          </cell>
          <cell r="I2065" t="str">
            <v>90 days (Art. 53 Labour Law). It can be renewed in the case of changes in duty or profession (Art. 54).</v>
          </cell>
          <cell r="J2065">
            <v>3</v>
          </cell>
          <cell r="M2065">
            <v>4</v>
          </cell>
        </row>
        <row r="2066">
          <cell r="A2066" t="str">
            <v>SAUREG72012</v>
          </cell>
          <cell r="B2066" t="str">
            <v>SAU</v>
          </cell>
          <cell r="C2066" t="str">
            <v>Saudi Arabia</v>
          </cell>
          <cell r="D2066" t="str">
            <v>Item 7</v>
          </cell>
          <cell r="E2066" t="str">
            <v>REG7</v>
          </cell>
          <cell r="F2066" t="str">
            <v xml:space="preserve">Compensation following unfair dismissal </v>
          </cell>
          <cell r="G2066">
            <v>2012</v>
          </cell>
          <cell r="H2066">
            <v>2012</v>
          </cell>
          <cell r="I2066" t="str">
            <v>3 months pay in addition of standard end of service award is the typical compensation. In the case of reinstatement, back pay can be granted.</v>
          </cell>
          <cell r="J2066">
            <v>3</v>
          </cell>
          <cell r="M2066">
            <v>0</v>
          </cell>
        </row>
        <row r="2067">
          <cell r="A2067" t="str">
            <v>SAUREG82012</v>
          </cell>
          <cell r="B2067" t="str">
            <v>SAU</v>
          </cell>
          <cell r="C2067" t="str">
            <v>Saudi Arabia</v>
          </cell>
          <cell r="D2067" t="str">
            <v>Item 8</v>
          </cell>
          <cell r="E2067" t="str">
            <v>REG8</v>
          </cell>
          <cell r="F2067" t="str">
            <v>Possibility of reinstatement following unfair dismissal</v>
          </cell>
          <cell r="G2067">
            <v>2012</v>
          </cell>
          <cell r="H2067">
            <v>2012</v>
          </cell>
          <cell r="I2067" t="str">
            <v xml:space="preserve">Art. 78 of the Labour Law guarantees that the employee can request reinstatement. Reinstatement, however, is rarely granted in practice, particularly to non-Saudi employees. </v>
          </cell>
          <cell r="J2067">
            <v>1</v>
          </cell>
          <cell r="M2067">
            <v>2</v>
          </cell>
        </row>
        <row r="2068">
          <cell r="A2068" t="str">
            <v>SAUREG92012</v>
          </cell>
          <cell r="B2068" t="str">
            <v>SAU</v>
          </cell>
          <cell r="C2068" t="str">
            <v>Saudi Arabia</v>
          </cell>
          <cell r="D2068" t="str">
            <v>Item 9</v>
          </cell>
          <cell r="E2068" t="str">
            <v>REG9</v>
          </cell>
          <cell r="F2068" t="str">
            <v>Maximum time for claim</v>
          </cell>
          <cell r="G2068">
            <v>2012</v>
          </cell>
          <cell r="H2068">
            <v>2012</v>
          </cell>
          <cell r="I2068" t="str">
            <v>12 months after termination (Art. 222 Labour Law)</v>
          </cell>
          <cell r="J2068">
            <v>12</v>
          </cell>
          <cell r="M2068">
            <v>5</v>
          </cell>
        </row>
        <row r="2069">
          <cell r="A2069" t="str">
            <v>SAUFTC12012</v>
          </cell>
          <cell r="B2069" t="str">
            <v>SAU</v>
          </cell>
          <cell r="C2069" t="str">
            <v>Saudi Arabia</v>
          </cell>
          <cell r="D2069" t="str">
            <v>Item 10</v>
          </cell>
          <cell r="E2069" t="str">
            <v>FTC1</v>
          </cell>
          <cell r="F2069" t="str">
            <v>Valid cases for use of fixed-term contracts, other than  “objective”  or “material” situation</v>
          </cell>
          <cell r="G2069">
            <v>2012</v>
          </cell>
          <cell r="H2069">
            <v>2012</v>
          </cell>
          <cell r="I2069" t="str">
            <v>No restrictions.</v>
          </cell>
          <cell r="J2069">
            <v>3</v>
          </cell>
          <cell r="M2069">
            <v>0</v>
          </cell>
        </row>
        <row r="2070">
          <cell r="A2070" t="str">
            <v>SAUFTC22012</v>
          </cell>
          <cell r="B2070" t="str">
            <v>SAU</v>
          </cell>
          <cell r="C2070" t="str">
            <v>Saudi Arabia</v>
          </cell>
          <cell r="D2070" t="str">
            <v>Item 11</v>
          </cell>
          <cell r="E2070" t="str">
            <v>FTC2</v>
          </cell>
          <cell r="F2070" t="str">
            <v>Maximum number of successive fixed-term contracts</v>
          </cell>
          <cell r="G2070">
            <v>2012</v>
          </cell>
          <cell r="H2070">
            <v>2012</v>
          </cell>
          <cell r="I2070"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70">
            <v>2</v>
          </cell>
          <cell r="M2070">
            <v>4</v>
          </cell>
        </row>
        <row r="2071">
          <cell r="A2071" t="str">
            <v>SAUFTC32012</v>
          </cell>
          <cell r="B2071" t="str">
            <v>SAU</v>
          </cell>
          <cell r="C2071" t="str">
            <v>Saudi Arabia</v>
          </cell>
          <cell r="D2071" t="str">
            <v>Item 12</v>
          </cell>
          <cell r="E2071" t="str">
            <v>FTC3</v>
          </cell>
          <cell r="F2071" t="str">
            <v>Maximum cumulated duration of successive fixed-term contracts</v>
          </cell>
          <cell r="G2071">
            <v>2012</v>
          </cell>
          <cell r="H2071">
            <v>2012</v>
          </cell>
          <cell r="I2071" t="str">
            <v>3 years, except when the initial contract is signed for a longer period (in that case renewals would entail the transformation of the relationship in an open-ended one)</v>
          </cell>
          <cell r="J2071">
            <v>36</v>
          </cell>
          <cell r="M2071">
            <v>1</v>
          </cell>
        </row>
        <row r="2072">
          <cell r="A2072" t="str">
            <v>SAUTWA12012</v>
          </cell>
          <cell r="B2072" t="str">
            <v>SAU</v>
          </cell>
          <cell r="C2072" t="str">
            <v>Saudi Arabia</v>
          </cell>
          <cell r="D2072" t="str">
            <v>Item 13</v>
          </cell>
          <cell r="E2072" t="str">
            <v>TWA1</v>
          </cell>
          <cell r="F2072" t="str">
            <v>Types of work for which TWA employment is legal</v>
          </cell>
          <cell r="G2072">
            <v>2012</v>
          </cell>
          <cell r="H2072">
            <v>2012</v>
          </cell>
          <cell r="I2072"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72">
            <v>0</v>
          </cell>
          <cell r="M2072">
            <v>6</v>
          </cell>
        </row>
        <row r="2073">
          <cell r="A2073" t="str">
            <v>SAUTWA22012</v>
          </cell>
          <cell r="B2073" t="str">
            <v>SAU</v>
          </cell>
          <cell r="C2073" t="str">
            <v>Saudi Arabia</v>
          </cell>
          <cell r="D2073" t="str">
            <v>Item 14</v>
          </cell>
          <cell r="E2073" t="str">
            <v>TWA2A, TWA2B</v>
          </cell>
          <cell r="F2073" t="str">
            <v>Are there any restrictions on the number of renewals of a TWA contract?</v>
          </cell>
          <cell r="G2073">
            <v>2012</v>
          </cell>
          <cell r="H2073">
            <v>2012</v>
          </cell>
          <cell r="I2073" t="str">
            <v>Not applicable</v>
          </cell>
          <cell r="J2073" t="str">
            <v>-</v>
          </cell>
          <cell r="K2073" t="str">
            <v>-</v>
          </cell>
          <cell r="M2073">
            <v>4</v>
          </cell>
          <cell r="N2073">
            <v>4</v>
          </cell>
        </row>
        <row r="2074">
          <cell r="A2074" t="str">
            <v>SAUTWA32012</v>
          </cell>
          <cell r="B2074" t="str">
            <v>SAU</v>
          </cell>
          <cell r="C2074" t="str">
            <v>Saudi Arabia</v>
          </cell>
          <cell r="D2074" t="str">
            <v>Item 15</v>
          </cell>
          <cell r="E2074" t="str">
            <v>TWA3A, TWA3B</v>
          </cell>
          <cell r="F2074" t="str">
            <v>Maximum cumulated duration of temporary work contracts</v>
          </cell>
          <cell r="G2074">
            <v>2012</v>
          </cell>
          <cell r="H2074">
            <v>2012</v>
          </cell>
          <cell r="I2074" t="str">
            <v>Not applicable</v>
          </cell>
          <cell r="J2074">
            <v>0</v>
          </cell>
          <cell r="K2074">
            <v>0</v>
          </cell>
          <cell r="M2074">
            <v>6</v>
          </cell>
          <cell r="N2074">
            <v>6</v>
          </cell>
        </row>
        <row r="2075">
          <cell r="A2075" t="str">
            <v>SAUTWA42012</v>
          </cell>
          <cell r="B2075" t="str">
            <v>SAU</v>
          </cell>
          <cell r="C2075" t="str">
            <v>Saudi Arabia</v>
          </cell>
          <cell r="D2075" t="str">
            <v>Item 16</v>
          </cell>
          <cell r="E2075" t="str">
            <v>TWA4</v>
          </cell>
          <cell r="F2075" t="str">
            <v>Authorisation and reporting obligations</v>
          </cell>
          <cell r="G2075">
            <v>2012</v>
          </cell>
          <cell r="H2075">
            <v>2012</v>
          </cell>
          <cell r="I2075" t="str">
            <v>Not applicable</v>
          </cell>
          <cell r="J2075" t="str">
            <v>-</v>
          </cell>
          <cell r="M2075">
            <v>6</v>
          </cell>
        </row>
        <row r="2076">
          <cell r="A2076" t="str">
            <v>SAUTWA52012</v>
          </cell>
          <cell r="B2076" t="str">
            <v>SAU</v>
          </cell>
          <cell r="C2076" t="str">
            <v>Saudi Arabia</v>
          </cell>
          <cell r="D2076" t="str">
            <v>Item 17</v>
          </cell>
          <cell r="E2076" t="str">
            <v>TWA5</v>
          </cell>
          <cell r="F2076" t="str">
            <v>Equal treatment for TWA workers</v>
          </cell>
          <cell r="G2076">
            <v>2012</v>
          </cell>
          <cell r="H2076">
            <v>2012</v>
          </cell>
          <cell r="I2076" t="str">
            <v>Not applicable</v>
          </cell>
          <cell r="J2076" t="str">
            <v>-</v>
          </cell>
          <cell r="M2076">
            <v>6</v>
          </cell>
        </row>
        <row r="2077">
          <cell r="A2077" t="str">
            <v>SAUCD12012</v>
          </cell>
          <cell r="B2077" t="str">
            <v>SAU</v>
          </cell>
          <cell r="C2077" t="str">
            <v>Saudi Arabia</v>
          </cell>
          <cell r="D2077" t="str">
            <v>Item 18</v>
          </cell>
          <cell r="E2077" t="str">
            <v>CD1</v>
          </cell>
          <cell r="F2077" t="str">
            <v>Definition of collective dismissal</v>
          </cell>
          <cell r="G2077">
            <v>2012</v>
          </cell>
          <cell r="H2077">
            <v>2012</v>
          </cell>
          <cell r="I2077" t="str">
            <v>No requirements in legislation.</v>
          </cell>
          <cell r="J2077">
            <v>0</v>
          </cell>
          <cell r="M2077">
            <v>0</v>
          </cell>
        </row>
        <row r="2078">
          <cell r="A2078" t="str">
            <v>SAUCD22012</v>
          </cell>
          <cell r="B2078" t="str">
            <v>SAU</v>
          </cell>
          <cell r="C2078" t="str">
            <v>Saudi Arabia</v>
          </cell>
          <cell r="D2078" t="str">
            <v>Item 19</v>
          </cell>
          <cell r="E2078" t="str">
            <v>CD2</v>
          </cell>
          <cell r="F2078" t="str">
            <v>Additional notification requirements in case of collective dismissals</v>
          </cell>
          <cell r="G2078">
            <v>2012</v>
          </cell>
          <cell r="H2078">
            <v>2012</v>
          </cell>
          <cell r="I2078" t="str">
            <v>No requirements in legislation.</v>
          </cell>
          <cell r="J2078">
            <v>0</v>
          </cell>
          <cell r="M2078">
            <v>0</v>
          </cell>
        </row>
        <row r="2079">
          <cell r="A2079" t="str">
            <v>SAUCD32012</v>
          </cell>
          <cell r="B2079" t="str">
            <v>SAU</v>
          </cell>
          <cell r="C2079" t="str">
            <v>Saudi Arabia</v>
          </cell>
          <cell r="D2079" t="str">
            <v>Item 20</v>
          </cell>
          <cell r="E2079" t="str">
            <v>CD3</v>
          </cell>
          <cell r="F2079" t="str">
            <v>Additional delays involved in case of collective dismissals</v>
          </cell>
          <cell r="G2079">
            <v>2012</v>
          </cell>
          <cell r="H2079">
            <v>2012</v>
          </cell>
          <cell r="I2079" t="str">
            <v>No requirements in legislation.</v>
          </cell>
          <cell r="J2079">
            <v>0</v>
          </cell>
          <cell r="M2079">
            <v>0</v>
          </cell>
        </row>
        <row r="2080">
          <cell r="A2080" t="str">
            <v>SAUCD42012</v>
          </cell>
          <cell r="B2080" t="str">
            <v>SAU</v>
          </cell>
          <cell r="C2080" t="str">
            <v>Saudi Arabia</v>
          </cell>
          <cell r="D2080" t="str">
            <v>Item 21</v>
          </cell>
          <cell r="E2080" t="str">
            <v>CD4</v>
          </cell>
          <cell r="F2080" t="str">
            <v>Other special costs to employers in case of collective dismissals</v>
          </cell>
          <cell r="G2080">
            <v>2012</v>
          </cell>
          <cell r="H2080">
            <v>2012</v>
          </cell>
          <cell r="I2080" t="str">
            <v>No requirements in legislation.</v>
          </cell>
          <cell r="J2080">
            <v>0</v>
          </cell>
          <cell r="M2080">
            <v>0</v>
          </cell>
        </row>
        <row r="2081">
          <cell r="A2081" t="str">
            <v>FINREG12012</v>
          </cell>
          <cell r="B2081" t="str">
            <v>FIN</v>
          </cell>
          <cell r="C2081" t="str">
            <v>Finland</v>
          </cell>
          <cell r="D2081" t="str">
            <v>Item 1</v>
          </cell>
          <cell r="E2081" t="str">
            <v>REG1</v>
          </cell>
          <cell r="F2081" t="str">
            <v>Notification procedures</v>
          </cell>
          <cell r="G2081">
            <v>2012</v>
          </cell>
          <cell r="H2081">
            <v>2012</v>
          </cell>
          <cell r="I2081"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081">
            <v>1.75</v>
          </cell>
          <cell r="M2081">
            <v>3.5</v>
          </cell>
        </row>
        <row r="2082">
          <cell r="A2082" t="str">
            <v>FINREG22012</v>
          </cell>
          <cell r="B2082" t="str">
            <v>FIN</v>
          </cell>
          <cell r="C2082" t="str">
            <v>Finland</v>
          </cell>
          <cell r="D2082" t="str">
            <v>Item 2</v>
          </cell>
          <cell r="E2082" t="str">
            <v>REG2</v>
          </cell>
          <cell r="F2082" t="str">
            <v>Delay before notice can start</v>
          </cell>
          <cell r="G2082">
            <v>2012</v>
          </cell>
          <cell r="H2082">
            <v>2012</v>
          </cell>
          <cell r="I2082"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082">
            <v>15.5</v>
          </cell>
          <cell r="M2082">
            <v>2</v>
          </cell>
        </row>
        <row r="2083">
          <cell r="A2083" t="str">
            <v>FINREG32012</v>
          </cell>
          <cell r="B2083" t="str">
            <v>FIN</v>
          </cell>
          <cell r="C2083" t="str">
            <v>Finland</v>
          </cell>
          <cell r="D2083" t="str">
            <v>Item 3</v>
          </cell>
          <cell r="E2083" t="str">
            <v>REG3A, REG3B, REG3C</v>
          </cell>
          <cell r="F2083" t="str">
            <v>Notice / tenure</v>
          </cell>
          <cell r="G2083">
            <v>2012</v>
          </cell>
          <cell r="H2083">
            <v>2012</v>
          </cell>
          <cell r="I2083" t="str">
            <v xml:space="preserve">All workers: 14d&lt;=1y, 1m&lt;=4y, 2m&lt;=8y, 4m&lt;=12y, 6m&gt;12y.
9 months tenure: 14 days, 4 years tenure: 1 months, 20 years tenure: 6 months.
</v>
          </cell>
          <cell r="J2083">
            <v>0.5</v>
          </cell>
          <cell r="K2083">
            <v>1</v>
          </cell>
          <cell r="L2083">
            <v>6</v>
          </cell>
          <cell r="M2083">
            <v>2</v>
          </cell>
          <cell r="N2083">
            <v>2</v>
          </cell>
          <cell r="O2083">
            <v>3</v>
          </cell>
        </row>
        <row r="2084">
          <cell r="A2084" t="str">
            <v>FINREG42012</v>
          </cell>
          <cell r="B2084" t="str">
            <v>FIN</v>
          </cell>
          <cell r="C2084" t="str">
            <v>Finland</v>
          </cell>
          <cell r="D2084" t="str">
            <v>Item 4</v>
          </cell>
          <cell r="E2084" t="str">
            <v>REG4A, REG4B, REG4C</v>
          </cell>
          <cell r="F2084" t="str">
            <v>Severance pay / tenure</v>
          </cell>
          <cell r="G2084">
            <v>2012</v>
          </cell>
          <cell r="H2084">
            <v>2012</v>
          </cell>
          <cell r="I2084" t="str">
            <v>All workers: None.</v>
          </cell>
          <cell r="J2084">
            <v>0</v>
          </cell>
          <cell r="K2084">
            <v>0</v>
          </cell>
          <cell r="L2084">
            <v>0</v>
          </cell>
          <cell r="M2084">
            <v>0</v>
          </cell>
          <cell r="N2084">
            <v>0</v>
          </cell>
          <cell r="O2084">
            <v>0</v>
          </cell>
        </row>
        <row r="2085">
          <cell r="A2085" t="str">
            <v>FINREG52012</v>
          </cell>
          <cell r="B2085" t="str">
            <v>FIN</v>
          </cell>
          <cell r="C2085" t="str">
            <v>Finland</v>
          </cell>
          <cell r="D2085" t="str">
            <v>Item 5</v>
          </cell>
          <cell r="E2085" t="str">
            <v>REG5</v>
          </cell>
          <cell r="F2085" t="str">
            <v>Definition of justified or unfair dismissal</v>
          </cell>
          <cell r="G2085">
            <v>2012</v>
          </cell>
          <cell r="H2085">
            <v>2012</v>
          </cell>
          <cell r="I2085"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085">
            <v>2</v>
          </cell>
          <cell r="M2085">
            <v>4</v>
          </cell>
        </row>
        <row r="2086">
          <cell r="A2086" t="str">
            <v>FINREG62012</v>
          </cell>
          <cell r="B2086" t="str">
            <v>FIN</v>
          </cell>
          <cell r="C2086" t="str">
            <v>Finland</v>
          </cell>
          <cell r="D2086" t="str">
            <v>Item 6</v>
          </cell>
          <cell r="E2086" t="str">
            <v>REG6</v>
          </cell>
          <cell r="F2086" t="str">
            <v>Trial period</v>
          </cell>
          <cell r="G2086">
            <v>2012</v>
          </cell>
          <cell r="H2086">
            <v>2012</v>
          </cell>
          <cell r="I2086" t="str">
            <v>4 months (all workers)</v>
          </cell>
          <cell r="J2086">
            <v>4</v>
          </cell>
          <cell r="M2086">
            <v>4</v>
          </cell>
        </row>
        <row r="2087">
          <cell r="A2087" t="str">
            <v>FINREG72012</v>
          </cell>
          <cell r="B2087" t="str">
            <v>FIN</v>
          </cell>
          <cell r="C2087" t="str">
            <v>Finland</v>
          </cell>
          <cell r="D2087" t="str">
            <v>Item 7</v>
          </cell>
          <cell r="E2087" t="str">
            <v>REG7</v>
          </cell>
          <cell r="F2087" t="str">
            <v xml:space="preserve">Compensation following unfair dismissal </v>
          </cell>
          <cell r="G2087">
            <v>2012</v>
          </cell>
          <cell r="H2087">
            <v>2012</v>
          </cell>
          <cell r="I2087"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087">
            <v>14</v>
          </cell>
          <cell r="M2087">
            <v>3</v>
          </cell>
        </row>
        <row r="2088">
          <cell r="A2088" t="str">
            <v>FINREG82012</v>
          </cell>
          <cell r="B2088" t="str">
            <v>FIN</v>
          </cell>
          <cell r="C2088" t="str">
            <v>Finland</v>
          </cell>
          <cell r="D2088" t="str">
            <v>Item 8</v>
          </cell>
          <cell r="E2088" t="str">
            <v>REG8</v>
          </cell>
          <cell r="F2088" t="str">
            <v>Possibility of reinstatement following unfair dismissal</v>
          </cell>
          <cell r="G2088">
            <v>2012</v>
          </cell>
          <cell r="H2088">
            <v>2012</v>
          </cell>
          <cell r="I2088" t="str">
            <v>No reinstatement.</v>
          </cell>
          <cell r="J2088">
            <v>0</v>
          </cell>
          <cell r="M2088">
            <v>0</v>
          </cell>
        </row>
        <row r="2089">
          <cell r="A2089" t="str">
            <v>FINREG92012</v>
          </cell>
          <cell r="B2089" t="str">
            <v>FIN</v>
          </cell>
          <cell r="C2089" t="str">
            <v>Finland</v>
          </cell>
          <cell r="D2089" t="str">
            <v>Item 9</v>
          </cell>
          <cell r="E2089" t="str">
            <v>REG9</v>
          </cell>
          <cell r="F2089" t="str">
            <v>Maximum time for claim</v>
          </cell>
          <cell r="G2089">
            <v>2012</v>
          </cell>
          <cell r="H2089">
            <v>2012</v>
          </cell>
          <cell r="I2089" t="str">
            <v>After the termination of employment the claim for compensation based on unfairness of the dismissal must be filed within 2 years</v>
          </cell>
          <cell r="J2089">
            <v>24</v>
          </cell>
          <cell r="M2089">
            <v>6</v>
          </cell>
        </row>
        <row r="2090">
          <cell r="A2090" t="str">
            <v>FINFTC12012</v>
          </cell>
          <cell r="B2090" t="str">
            <v>FIN</v>
          </cell>
          <cell r="C2090" t="str">
            <v>Finland</v>
          </cell>
          <cell r="D2090" t="str">
            <v>Item 10</v>
          </cell>
          <cell r="E2090" t="str">
            <v>FTC1</v>
          </cell>
          <cell r="F2090" t="str">
            <v>Valid cases for use of fixed-term contracts, other than  “objective”  or “material” situation</v>
          </cell>
          <cell r="G2090">
            <v>2012</v>
          </cell>
          <cell r="H2090">
            <v>2012</v>
          </cell>
          <cell r="I2090"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090">
            <v>2</v>
          </cell>
          <cell r="M2090">
            <v>2</v>
          </cell>
        </row>
        <row r="2091">
          <cell r="A2091" t="str">
            <v>FINFTC22012</v>
          </cell>
          <cell r="B2091" t="str">
            <v>FIN</v>
          </cell>
          <cell r="C2091" t="str">
            <v>Finland</v>
          </cell>
          <cell r="D2091" t="str">
            <v>Item 11</v>
          </cell>
          <cell r="E2091" t="str">
            <v>FTC2</v>
          </cell>
          <cell r="F2091" t="str">
            <v>Maximum number of successive fixed-term contracts</v>
          </cell>
          <cell r="G2091">
            <v>2012</v>
          </cell>
          <cell r="H2091">
            <v>2012</v>
          </cell>
          <cell r="I2091" t="str">
            <v>In case of successive contracts, justification of limitation of contract subject to court examination.
Estimated number: 2.5</v>
          </cell>
          <cell r="J2091">
            <v>2.5</v>
          </cell>
          <cell r="M2091">
            <v>4</v>
          </cell>
        </row>
        <row r="2092">
          <cell r="A2092" t="str">
            <v>FINFTC32012</v>
          </cell>
          <cell r="B2092" t="str">
            <v>FIN</v>
          </cell>
          <cell r="C2092" t="str">
            <v>Finland</v>
          </cell>
          <cell r="D2092" t="str">
            <v>Item 12</v>
          </cell>
          <cell r="E2092" t="str">
            <v>FTC3</v>
          </cell>
          <cell r="F2092" t="str">
            <v>Maximum cumulated duration of successive fixed-term contracts</v>
          </cell>
          <cell r="G2092">
            <v>2012</v>
          </cell>
          <cell r="H2092">
            <v>2012</v>
          </cell>
          <cell r="I2092" t="str">
            <v>No limit</v>
          </cell>
          <cell r="J2092">
            <v>200</v>
          </cell>
          <cell r="M2092">
            <v>0</v>
          </cell>
        </row>
        <row r="2093">
          <cell r="A2093" t="str">
            <v>FINTWA12012</v>
          </cell>
          <cell r="B2093" t="str">
            <v>FIN</v>
          </cell>
          <cell r="C2093" t="str">
            <v>Finland</v>
          </cell>
          <cell r="D2093" t="str">
            <v>Item 13</v>
          </cell>
          <cell r="E2093" t="str">
            <v>TWA1</v>
          </cell>
          <cell r="F2093" t="str">
            <v>Types of work for which TWA employment is legal</v>
          </cell>
          <cell r="G2093">
            <v>2012</v>
          </cell>
          <cell r="H2093">
            <v>2012</v>
          </cell>
          <cell r="I2093"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093">
            <v>3.5</v>
          </cell>
          <cell r="M2093">
            <v>0.75</v>
          </cell>
        </row>
        <row r="2094">
          <cell r="A2094" t="str">
            <v>FINTWA22012</v>
          </cell>
          <cell r="B2094" t="str">
            <v>FIN</v>
          </cell>
          <cell r="C2094" t="str">
            <v>Finland</v>
          </cell>
          <cell r="D2094" t="str">
            <v>Item 14</v>
          </cell>
          <cell r="E2094" t="str">
            <v>TWA2A, TWA2B</v>
          </cell>
          <cell r="F2094" t="str">
            <v>Are there any restrictions on the number of renewals of a TWA contract?</v>
          </cell>
          <cell r="G2094">
            <v>2012</v>
          </cell>
          <cell r="H2094">
            <v>2012</v>
          </cell>
          <cell r="I2094" t="str">
            <v>No for assignments. Same restrictions as for fixed-term contracts if the contract between the agency and the worker is fixed-term. It is not possible to use fixed-term TWA contracts when the agency has a permanent need of labour.</v>
          </cell>
          <cell r="J2094" t="str">
            <v>No</v>
          </cell>
          <cell r="K2094" t="str">
            <v>Yes</v>
          </cell>
          <cell r="M2094">
            <v>2</v>
          </cell>
          <cell r="N2094">
            <v>4</v>
          </cell>
        </row>
        <row r="2095">
          <cell r="A2095" t="str">
            <v>FINTWA32012</v>
          </cell>
          <cell r="B2095" t="str">
            <v>FIN</v>
          </cell>
          <cell r="C2095" t="str">
            <v>Finland</v>
          </cell>
          <cell r="D2095" t="str">
            <v>Item 15</v>
          </cell>
          <cell r="E2095" t="str">
            <v>TWA3A, TWA3B</v>
          </cell>
          <cell r="F2095" t="str">
            <v>Maximum cumulated duration of temporary work contracts</v>
          </cell>
          <cell r="G2095">
            <v>2012</v>
          </cell>
          <cell r="H2095">
            <v>2012</v>
          </cell>
          <cell r="I2095" t="str">
            <v xml:space="preserve">Restrictions on the length of assignments in certain collective agreements.
No limit for contracts, if the latter are open-ended.
</v>
          </cell>
          <cell r="J2095">
            <v>90</v>
          </cell>
          <cell r="K2095">
            <v>100</v>
          </cell>
          <cell r="M2095">
            <v>1</v>
          </cell>
          <cell r="N2095">
            <v>0</v>
          </cell>
        </row>
        <row r="2096">
          <cell r="A2096" t="str">
            <v>FINTWA42012</v>
          </cell>
          <cell r="B2096" t="str">
            <v>FIN</v>
          </cell>
          <cell r="C2096" t="str">
            <v>Finland</v>
          </cell>
          <cell r="D2096" t="str">
            <v>Item 16</v>
          </cell>
          <cell r="E2096" t="str">
            <v>TWA4</v>
          </cell>
          <cell r="F2096" t="str">
            <v>Authorisation and reporting obligations</v>
          </cell>
          <cell r="G2096">
            <v>2012</v>
          </cell>
          <cell r="H2096">
            <v>2012</v>
          </cell>
          <cell r="I2096" t="str">
            <v>No</v>
          </cell>
          <cell r="J2096">
            <v>0</v>
          </cell>
          <cell r="M2096">
            <v>0</v>
          </cell>
        </row>
        <row r="2097">
          <cell r="A2097" t="str">
            <v>FINTWA52012</v>
          </cell>
          <cell r="B2097" t="str">
            <v>FIN</v>
          </cell>
          <cell r="C2097" t="str">
            <v>Finland</v>
          </cell>
          <cell r="D2097" t="str">
            <v>Item 17</v>
          </cell>
          <cell r="E2097" t="str">
            <v>TWA5</v>
          </cell>
          <cell r="F2097" t="str">
            <v>Equal treatment for TWA workers</v>
          </cell>
          <cell r="G2097">
            <v>2012</v>
          </cell>
          <cell r="H2097">
            <v>2012</v>
          </cell>
          <cell r="I2097" t="str">
            <v>Yes, equal treatment regarding pay and working conditions</v>
          </cell>
          <cell r="J2097">
            <v>2</v>
          </cell>
          <cell r="M2097">
            <v>6</v>
          </cell>
        </row>
        <row r="2098">
          <cell r="A2098" t="str">
            <v>FINCD12012</v>
          </cell>
          <cell r="B2098" t="str">
            <v>FIN</v>
          </cell>
          <cell r="C2098" t="str">
            <v>Finland</v>
          </cell>
          <cell r="D2098" t="str">
            <v>Item 18</v>
          </cell>
          <cell r="E2098" t="str">
            <v>CD1</v>
          </cell>
          <cell r="F2098" t="str">
            <v>Definition of collective dismissal</v>
          </cell>
          <cell r="G2098">
            <v>2012</v>
          </cell>
          <cell r="H2098">
            <v>2012</v>
          </cell>
          <cell r="I2098" t="str">
            <v>&gt;9 workers in firms &gt;20 employees, in case of dismissal for financial or production-related reasons.</v>
          </cell>
          <cell r="J2098">
            <v>3</v>
          </cell>
          <cell r="M2098">
            <v>4.5</v>
          </cell>
        </row>
        <row r="2099">
          <cell r="A2099" t="str">
            <v>FINCD22012</v>
          </cell>
          <cell r="B2099" t="str">
            <v>FIN</v>
          </cell>
          <cell r="C2099" t="str">
            <v>Finland</v>
          </cell>
          <cell r="D2099" t="str">
            <v>Item 19</v>
          </cell>
          <cell r="E2099" t="str">
            <v>CD2</v>
          </cell>
          <cell r="F2099" t="str">
            <v>Additional notification requirements in case of collective dismissals</v>
          </cell>
          <cell r="G2099">
            <v>2012</v>
          </cell>
          <cell r="H2099">
            <v>2012</v>
          </cell>
          <cell r="I2099" t="str">
            <v xml:space="preserve">Notification of employee representatives: Consultation with trade union or personnel representatives.
Notification of public authorities: Notification to local employment office.
</v>
          </cell>
          <cell r="J2099">
            <v>0</v>
          </cell>
          <cell r="M2099">
            <v>0</v>
          </cell>
        </row>
        <row r="2100">
          <cell r="A2100" t="str">
            <v>FINCD32012</v>
          </cell>
          <cell r="B2100" t="str">
            <v>FIN</v>
          </cell>
          <cell r="C2100" t="str">
            <v>Finland</v>
          </cell>
          <cell r="D2100" t="str">
            <v>Item 20</v>
          </cell>
          <cell r="E2100" t="str">
            <v>CD3</v>
          </cell>
          <cell r="F2100" t="str">
            <v>Additional delays involved in case of collective dismissals</v>
          </cell>
          <cell r="G2100">
            <v>2012</v>
          </cell>
          <cell r="H2100">
            <v>2012</v>
          </cell>
          <cell r="I2100" t="str">
            <v>When an employer with more than 30 employees is considering laying off at least 10 employees, the mandatory period for negotiating with employees or their representatives is extended from 14 days to six weeks.</v>
          </cell>
          <cell r="J2100">
            <v>28.5</v>
          </cell>
          <cell r="M2100">
            <v>2</v>
          </cell>
        </row>
        <row r="2101">
          <cell r="A2101" t="str">
            <v>FINCD42012</v>
          </cell>
          <cell r="B2101" t="str">
            <v>FIN</v>
          </cell>
          <cell r="C2101" t="str">
            <v>Finland</v>
          </cell>
          <cell r="D2101" t="str">
            <v>Item 21</v>
          </cell>
          <cell r="E2101" t="str">
            <v>CD4</v>
          </cell>
          <cell r="F2101" t="str">
            <v>Other special costs to employers in case of collective dismissals</v>
          </cell>
          <cell r="G2101">
            <v>2012</v>
          </cell>
          <cell r="H2101">
            <v>2012</v>
          </cell>
          <cell r="I2101"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01">
            <v>0</v>
          </cell>
          <cell r="M2101">
            <v>0</v>
          </cell>
        </row>
        <row r="2102">
          <cell r="A2102" t="str">
            <v>FINREG12013</v>
          </cell>
          <cell r="B2102" t="str">
            <v>FIN</v>
          </cell>
          <cell r="C2102" t="str">
            <v>Finland</v>
          </cell>
          <cell r="D2102" t="str">
            <v>Item 1</v>
          </cell>
          <cell r="E2102" t="str">
            <v>REG1</v>
          </cell>
          <cell r="F2102" t="str">
            <v>Notification procedures</v>
          </cell>
          <cell r="G2102">
            <v>2013</v>
          </cell>
          <cell r="H2102">
            <v>2013</v>
          </cell>
          <cell r="I2102"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102">
            <v>1.75</v>
          </cell>
          <cell r="M2102">
            <v>3.5</v>
          </cell>
        </row>
        <row r="2103">
          <cell r="A2103" t="str">
            <v>FINREG22013</v>
          </cell>
          <cell r="B2103" t="str">
            <v>FIN</v>
          </cell>
          <cell r="C2103" t="str">
            <v>Finland</v>
          </cell>
          <cell r="D2103" t="str">
            <v>Item 2</v>
          </cell>
          <cell r="E2103" t="str">
            <v>REG2</v>
          </cell>
          <cell r="F2103" t="str">
            <v>Delay before notice can start</v>
          </cell>
          <cell r="G2103">
            <v>2013</v>
          </cell>
          <cell r="H2103">
            <v>2013</v>
          </cell>
          <cell r="I2103"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103">
            <v>15.5</v>
          </cell>
          <cell r="M2103">
            <v>2</v>
          </cell>
        </row>
        <row r="2104">
          <cell r="A2104" t="str">
            <v>FINREG32013</v>
          </cell>
          <cell r="B2104" t="str">
            <v>FIN</v>
          </cell>
          <cell r="C2104" t="str">
            <v>Finland</v>
          </cell>
          <cell r="D2104" t="str">
            <v>Item 3</v>
          </cell>
          <cell r="E2104" t="str">
            <v>REG3A, REG3B, REG3C</v>
          </cell>
          <cell r="F2104" t="str">
            <v>Notice / tenure</v>
          </cell>
          <cell r="G2104">
            <v>2013</v>
          </cell>
          <cell r="H2104">
            <v>2013</v>
          </cell>
          <cell r="I2104" t="str">
            <v xml:space="preserve">All workers: 14d&lt;=1y, 1m&lt;=4y, 2m&lt;=8y, 4m&lt;=12y, 6m&gt;12y.
9 months tenure: 14 days, 4 years tenure: 1 months, 20 years tenure: 6 months.
</v>
          </cell>
          <cell r="J2104">
            <v>0.5</v>
          </cell>
          <cell r="K2104">
            <v>1</v>
          </cell>
          <cell r="L2104">
            <v>6</v>
          </cell>
          <cell r="M2104">
            <v>2</v>
          </cell>
          <cell r="N2104">
            <v>2</v>
          </cell>
          <cell r="O2104">
            <v>3</v>
          </cell>
        </row>
        <row r="2105">
          <cell r="A2105" t="str">
            <v>FINREG42013</v>
          </cell>
          <cell r="B2105" t="str">
            <v>FIN</v>
          </cell>
          <cell r="C2105" t="str">
            <v>Finland</v>
          </cell>
          <cell r="D2105" t="str">
            <v>Item 4</v>
          </cell>
          <cell r="E2105" t="str">
            <v>REG4A, REG4B, REG4C</v>
          </cell>
          <cell r="F2105" t="str">
            <v>Severance pay / tenure</v>
          </cell>
          <cell r="G2105">
            <v>2013</v>
          </cell>
          <cell r="H2105">
            <v>2013</v>
          </cell>
          <cell r="I2105" t="str">
            <v>All workers: None.</v>
          </cell>
          <cell r="J2105">
            <v>0</v>
          </cell>
          <cell r="K2105">
            <v>0</v>
          </cell>
          <cell r="L2105">
            <v>0</v>
          </cell>
          <cell r="M2105">
            <v>0</v>
          </cell>
          <cell r="N2105">
            <v>0</v>
          </cell>
          <cell r="O2105">
            <v>0</v>
          </cell>
        </row>
        <row r="2106">
          <cell r="A2106" t="str">
            <v>FINREG52013</v>
          </cell>
          <cell r="B2106" t="str">
            <v>FIN</v>
          </cell>
          <cell r="C2106" t="str">
            <v>Finland</v>
          </cell>
          <cell r="D2106" t="str">
            <v>Item 5</v>
          </cell>
          <cell r="E2106" t="str">
            <v>REG5</v>
          </cell>
          <cell r="F2106" t="str">
            <v>Definition of justified or unfair dismissal</v>
          </cell>
          <cell r="G2106">
            <v>2013</v>
          </cell>
          <cell r="H2106">
            <v>2013</v>
          </cell>
          <cell r="I2106"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106">
            <v>2</v>
          </cell>
          <cell r="M2106">
            <v>4</v>
          </cell>
        </row>
        <row r="2107">
          <cell r="A2107" t="str">
            <v>FINREG62013</v>
          </cell>
          <cell r="B2107" t="str">
            <v>FIN</v>
          </cell>
          <cell r="C2107" t="str">
            <v>Finland</v>
          </cell>
          <cell r="D2107" t="str">
            <v>Item 6</v>
          </cell>
          <cell r="E2107" t="str">
            <v>REG6</v>
          </cell>
          <cell r="F2107" t="str">
            <v>Trial period</v>
          </cell>
          <cell r="G2107">
            <v>2013</v>
          </cell>
          <cell r="H2107">
            <v>2013</v>
          </cell>
          <cell r="I2107" t="str">
            <v>4 months (all workers)</v>
          </cell>
          <cell r="J2107">
            <v>4</v>
          </cell>
          <cell r="M2107">
            <v>4</v>
          </cell>
        </row>
        <row r="2108">
          <cell r="A2108" t="str">
            <v>FINREG72013</v>
          </cell>
          <cell r="B2108" t="str">
            <v>FIN</v>
          </cell>
          <cell r="C2108" t="str">
            <v>Finland</v>
          </cell>
          <cell r="D2108" t="str">
            <v>Item 7</v>
          </cell>
          <cell r="E2108" t="str">
            <v>REG7</v>
          </cell>
          <cell r="F2108" t="str">
            <v xml:space="preserve">Compensation following unfair dismissal </v>
          </cell>
          <cell r="G2108">
            <v>2013</v>
          </cell>
          <cell r="H2108">
            <v>2013</v>
          </cell>
          <cell r="I2108"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108">
            <v>14</v>
          </cell>
          <cell r="M2108">
            <v>3</v>
          </cell>
        </row>
        <row r="2109">
          <cell r="A2109" t="str">
            <v>FINREG82013</v>
          </cell>
          <cell r="B2109" t="str">
            <v>FIN</v>
          </cell>
          <cell r="C2109" t="str">
            <v>Finland</v>
          </cell>
          <cell r="D2109" t="str">
            <v>Item 8</v>
          </cell>
          <cell r="E2109" t="str">
            <v>REG8</v>
          </cell>
          <cell r="F2109" t="str">
            <v>Possibility of reinstatement following unfair dismissal</v>
          </cell>
          <cell r="G2109">
            <v>2013</v>
          </cell>
          <cell r="H2109">
            <v>2013</v>
          </cell>
          <cell r="I2109" t="str">
            <v>No reinstatement.</v>
          </cell>
          <cell r="J2109">
            <v>0</v>
          </cell>
          <cell r="M2109">
            <v>0</v>
          </cell>
        </row>
        <row r="2110">
          <cell r="A2110" t="str">
            <v>FINREG92013</v>
          </cell>
          <cell r="B2110" t="str">
            <v>FIN</v>
          </cell>
          <cell r="C2110" t="str">
            <v>Finland</v>
          </cell>
          <cell r="D2110" t="str">
            <v>Item 9</v>
          </cell>
          <cell r="E2110" t="str">
            <v>REG9</v>
          </cell>
          <cell r="F2110" t="str">
            <v>Maximum time for claim</v>
          </cell>
          <cell r="G2110">
            <v>2013</v>
          </cell>
          <cell r="H2110">
            <v>2013</v>
          </cell>
          <cell r="I2110" t="str">
            <v>After the termination of employment the claim for compensation based on unfairness of the dismissal must be filed within 2 years</v>
          </cell>
          <cell r="J2110">
            <v>24</v>
          </cell>
          <cell r="M2110">
            <v>6</v>
          </cell>
        </row>
        <row r="2111">
          <cell r="A2111" t="str">
            <v>FINFTC12013</v>
          </cell>
          <cell r="B2111" t="str">
            <v>FIN</v>
          </cell>
          <cell r="C2111" t="str">
            <v>Finland</v>
          </cell>
          <cell r="D2111" t="str">
            <v>Item 10</v>
          </cell>
          <cell r="E2111" t="str">
            <v>FTC1</v>
          </cell>
          <cell r="F2111" t="str">
            <v>Valid cases for use of fixed-term contracts, other than  “objective”  or “material” situation</v>
          </cell>
          <cell r="G2111">
            <v>2013</v>
          </cell>
          <cell r="H2111">
            <v>2013</v>
          </cell>
          <cell r="I2111"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111">
            <v>2</v>
          </cell>
          <cell r="M2111">
            <v>2</v>
          </cell>
        </row>
        <row r="2112">
          <cell r="A2112" t="str">
            <v>FINFTC22013</v>
          </cell>
          <cell r="B2112" t="str">
            <v>FIN</v>
          </cell>
          <cell r="C2112" t="str">
            <v>Finland</v>
          </cell>
          <cell r="D2112" t="str">
            <v>Item 11</v>
          </cell>
          <cell r="E2112" t="str">
            <v>FTC2</v>
          </cell>
          <cell r="F2112" t="str">
            <v>Maximum number of successive fixed-term contracts</v>
          </cell>
          <cell r="G2112">
            <v>2013</v>
          </cell>
          <cell r="H2112">
            <v>2013</v>
          </cell>
          <cell r="I2112" t="str">
            <v>In case of successive contracts, justification of limitation of contract subject to court examination.
Estimated number: 2.5</v>
          </cell>
          <cell r="J2112">
            <v>2.5</v>
          </cell>
          <cell r="M2112">
            <v>4</v>
          </cell>
        </row>
        <row r="2113">
          <cell r="A2113" t="str">
            <v>FINFTC32013</v>
          </cell>
          <cell r="B2113" t="str">
            <v>FIN</v>
          </cell>
          <cell r="C2113" t="str">
            <v>Finland</v>
          </cell>
          <cell r="D2113" t="str">
            <v>Item 12</v>
          </cell>
          <cell r="E2113" t="str">
            <v>FTC3</v>
          </cell>
          <cell r="F2113" t="str">
            <v>Maximum cumulated duration of successive fixed-term contracts</v>
          </cell>
          <cell r="G2113">
            <v>2013</v>
          </cell>
          <cell r="H2113">
            <v>2013</v>
          </cell>
          <cell r="I2113" t="str">
            <v>No limit</v>
          </cell>
          <cell r="J2113">
            <v>200</v>
          </cell>
          <cell r="M2113">
            <v>0</v>
          </cell>
        </row>
        <row r="2114">
          <cell r="A2114" t="str">
            <v>FINTWA12013</v>
          </cell>
          <cell r="B2114" t="str">
            <v>FIN</v>
          </cell>
          <cell r="C2114" t="str">
            <v>Finland</v>
          </cell>
          <cell r="D2114" t="str">
            <v>Item 13</v>
          </cell>
          <cell r="E2114" t="str">
            <v>TWA1</v>
          </cell>
          <cell r="F2114" t="str">
            <v>Types of work for which TWA employment is legal</v>
          </cell>
          <cell r="G2114">
            <v>2013</v>
          </cell>
          <cell r="H2114">
            <v>2013</v>
          </cell>
          <cell r="I2114"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114">
            <v>3.5</v>
          </cell>
          <cell r="M2114">
            <v>0.75</v>
          </cell>
        </row>
        <row r="2115">
          <cell r="A2115" t="str">
            <v>FINTWA22013</v>
          </cell>
          <cell r="B2115" t="str">
            <v>FIN</v>
          </cell>
          <cell r="C2115" t="str">
            <v>Finland</v>
          </cell>
          <cell r="D2115" t="str">
            <v>Item 14</v>
          </cell>
          <cell r="E2115" t="str">
            <v>TWA2A, TWA2B</v>
          </cell>
          <cell r="F2115" t="str">
            <v>Are there any restrictions on the number of renewals of a TWA contract?</v>
          </cell>
          <cell r="G2115">
            <v>2013</v>
          </cell>
          <cell r="H2115">
            <v>2013</v>
          </cell>
          <cell r="I2115" t="str">
            <v>No for assignments. Same restrictions as for fixed-term contracts if the contract between the agency and the worker is fixed-term. It is not possible to use fixed-term TWA contracts when the agency has a permanent need of labour.</v>
          </cell>
          <cell r="J2115" t="str">
            <v>No</v>
          </cell>
          <cell r="K2115" t="str">
            <v>Yes</v>
          </cell>
          <cell r="M2115">
            <v>2</v>
          </cell>
          <cell r="N2115">
            <v>4</v>
          </cell>
        </row>
        <row r="2116">
          <cell r="A2116" t="str">
            <v>FINTWA32013</v>
          </cell>
          <cell r="B2116" t="str">
            <v>FIN</v>
          </cell>
          <cell r="C2116" t="str">
            <v>Finland</v>
          </cell>
          <cell r="D2116" t="str">
            <v>Item 15</v>
          </cell>
          <cell r="E2116" t="str">
            <v>TWA3A, TWA3B</v>
          </cell>
          <cell r="F2116" t="str">
            <v>Maximum cumulated duration of temporary work contracts</v>
          </cell>
          <cell r="G2116">
            <v>2013</v>
          </cell>
          <cell r="H2116">
            <v>2013</v>
          </cell>
          <cell r="I2116" t="str">
            <v xml:space="preserve">Restrictions on the length of assignments in certain collective agreements.
No limit for contracts, if the latter are open-ended.
</v>
          </cell>
          <cell r="J2116">
            <v>90</v>
          </cell>
          <cell r="K2116">
            <v>100</v>
          </cell>
          <cell r="M2116">
            <v>1</v>
          </cell>
          <cell r="N2116">
            <v>0</v>
          </cell>
        </row>
        <row r="2117">
          <cell r="A2117" t="str">
            <v>FINTWA42013</v>
          </cell>
          <cell r="B2117" t="str">
            <v>FIN</v>
          </cell>
          <cell r="C2117" t="str">
            <v>Finland</v>
          </cell>
          <cell r="D2117" t="str">
            <v>Item 16</v>
          </cell>
          <cell r="E2117" t="str">
            <v>TWA4</v>
          </cell>
          <cell r="F2117" t="str">
            <v>Authorisation and reporting obligations</v>
          </cell>
          <cell r="G2117">
            <v>2013</v>
          </cell>
          <cell r="H2117">
            <v>2013</v>
          </cell>
          <cell r="I2117" t="str">
            <v>No</v>
          </cell>
          <cell r="J2117">
            <v>0</v>
          </cell>
          <cell r="M2117">
            <v>0</v>
          </cell>
        </row>
        <row r="2118">
          <cell r="A2118" t="str">
            <v>FINTWA52013</v>
          </cell>
          <cell r="B2118" t="str">
            <v>FIN</v>
          </cell>
          <cell r="C2118" t="str">
            <v>Finland</v>
          </cell>
          <cell r="D2118" t="str">
            <v>Item 17</v>
          </cell>
          <cell r="E2118" t="str">
            <v>TWA5</v>
          </cell>
          <cell r="F2118" t="str">
            <v>Equal treatment for TWA workers</v>
          </cell>
          <cell r="G2118">
            <v>2013</v>
          </cell>
          <cell r="H2118">
            <v>2013</v>
          </cell>
          <cell r="I2118" t="str">
            <v>Yes, equal treatment regarding pay and working conditions</v>
          </cell>
          <cell r="J2118">
            <v>2</v>
          </cell>
          <cell r="M2118">
            <v>6</v>
          </cell>
        </row>
        <row r="2119">
          <cell r="A2119" t="str">
            <v>FINCD12013</v>
          </cell>
          <cell r="B2119" t="str">
            <v>FIN</v>
          </cell>
          <cell r="C2119" t="str">
            <v>Finland</v>
          </cell>
          <cell r="D2119" t="str">
            <v>Item 18</v>
          </cell>
          <cell r="E2119" t="str">
            <v>CD1</v>
          </cell>
          <cell r="F2119" t="str">
            <v>Definition of collective dismissal</v>
          </cell>
          <cell r="G2119">
            <v>2013</v>
          </cell>
          <cell r="H2119">
            <v>2013</v>
          </cell>
          <cell r="I2119" t="str">
            <v>&gt;9 workers in firms &gt;20 employees, in case of dismissal for financial or production-related reasons.</v>
          </cell>
          <cell r="J2119">
            <v>3</v>
          </cell>
          <cell r="M2119">
            <v>4.5</v>
          </cell>
        </row>
        <row r="2120">
          <cell r="A2120" t="str">
            <v>FINCD22013</v>
          </cell>
          <cell r="B2120" t="str">
            <v>FIN</v>
          </cell>
          <cell r="C2120" t="str">
            <v>Finland</v>
          </cell>
          <cell r="D2120" t="str">
            <v>Item 19</v>
          </cell>
          <cell r="E2120" t="str">
            <v>CD2</v>
          </cell>
          <cell r="F2120" t="str">
            <v>Additional notification requirements in case of collective dismissals</v>
          </cell>
          <cell r="G2120">
            <v>2013</v>
          </cell>
          <cell r="H2120">
            <v>2013</v>
          </cell>
          <cell r="I2120" t="str">
            <v xml:space="preserve">Notification of employee representatives: Consultation with trade union or personnel representatives.
Notification of public authorities: Notification to local employment office.
</v>
          </cell>
          <cell r="J2120">
            <v>0</v>
          </cell>
          <cell r="M2120">
            <v>0</v>
          </cell>
        </row>
        <row r="2121">
          <cell r="A2121" t="str">
            <v>FINCD32013</v>
          </cell>
          <cell r="B2121" t="str">
            <v>FIN</v>
          </cell>
          <cell r="C2121" t="str">
            <v>Finland</v>
          </cell>
          <cell r="D2121" t="str">
            <v>Item 20</v>
          </cell>
          <cell r="E2121" t="str">
            <v>CD3</v>
          </cell>
          <cell r="F2121" t="str">
            <v>Additional delays involved in case of collective dismissals</v>
          </cell>
          <cell r="G2121">
            <v>2013</v>
          </cell>
          <cell r="H2121">
            <v>2013</v>
          </cell>
          <cell r="I2121" t="str">
            <v>When an employer with more than 30 employees is considering laying off at least 10 employees, the mandatory period for negotiating with employees or their representatives is extended from 14 days to six weeks.</v>
          </cell>
          <cell r="J2121">
            <v>28.5</v>
          </cell>
          <cell r="M2121">
            <v>2</v>
          </cell>
        </row>
        <row r="2122">
          <cell r="A2122" t="str">
            <v>FINCD42013</v>
          </cell>
          <cell r="B2122" t="str">
            <v>FIN</v>
          </cell>
          <cell r="C2122" t="str">
            <v>Finland</v>
          </cell>
          <cell r="D2122" t="str">
            <v>Item 21</v>
          </cell>
          <cell r="E2122" t="str">
            <v>CD4</v>
          </cell>
          <cell r="F2122" t="str">
            <v>Other special costs to employers in case of collective dismissals</v>
          </cell>
          <cell r="G2122">
            <v>2013</v>
          </cell>
          <cell r="H2122">
            <v>2013</v>
          </cell>
          <cell r="I2122"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22">
            <v>0</v>
          </cell>
          <cell r="M2122">
            <v>0</v>
          </cell>
        </row>
        <row r="2123">
          <cell r="A2123" t="str">
            <v>AUTREG12012</v>
          </cell>
          <cell r="B2123" t="str">
            <v>AUT</v>
          </cell>
          <cell r="C2123" t="str">
            <v>Austria</v>
          </cell>
          <cell r="D2123" t="str">
            <v>Item 1</v>
          </cell>
          <cell r="E2123" t="str">
            <v>REG1</v>
          </cell>
          <cell r="F2123" t="str">
            <v>Notification procedures</v>
          </cell>
          <cell r="G2123">
            <v>2012</v>
          </cell>
          <cell r="H2123">
            <v>2012</v>
          </cell>
          <cell r="I2123"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23">
            <v>2</v>
          </cell>
          <cell r="M2123">
            <v>4</v>
          </cell>
        </row>
        <row r="2124">
          <cell r="A2124" t="str">
            <v>AUTREG22012</v>
          </cell>
          <cell r="B2124" t="str">
            <v>AUT</v>
          </cell>
          <cell r="C2124" t="str">
            <v>Austria</v>
          </cell>
          <cell r="D2124" t="str">
            <v>Item 2</v>
          </cell>
          <cell r="E2124" t="str">
            <v>REG2</v>
          </cell>
          <cell r="F2124" t="str">
            <v>Delay before notice can start</v>
          </cell>
          <cell r="G2124">
            <v>2012</v>
          </cell>
          <cell r="H2124">
            <v>2012</v>
          </cell>
          <cell r="I2124" t="str">
            <v xml:space="preserve">Maximum one week for Works Council to react. Notice can then be served, usually orally.
Calculation: 1 day to notify Works Council + 7 days for response + 1 days for oral notification 
</v>
          </cell>
          <cell r="J2124">
            <v>9</v>
          </cell>
          <cell r="M2124">
            <v>1</v>
          </cell>
          <cell r="P2124" t="str">
            <v>(from June 6th 2011)</v>
          </cell>
        </row>
        <row r="2125">
          <cell r="A2125" t="str">
            <v>AUTREG32012</v>
          </cell>
          <cell r="B2125" t="str">
            <v>AUT</v>
          </cell>
          <cell r="C2125" t="str">
            <v>Austria</v>
          </cell>
          <cell r="D2125" t="str">
            <v>Item 3</v>
          </cell>
          <cell r="E2125" t="str">
            <v>REG3A, REG3B, REG3C</v>
          </cell>
          <cell r="F2125" t="str">
            <v>Notice / tenure</v>
          </cell>
          <cell r="G2125">
            <v>2012</v>
          </cell>
          <cell r="H2125">
            <v>2012</v>
          </cell>
          <cell r="I2125"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25">
            <v>1</v>
          </cell>
          <cell r="K2125">
            <v>1.25</v>
          </cell>
          <cell r="L2125">
            <v>2.25</v>
          </cell>
          <cell r="M2125">
            <v>3</v>
          </cell>
          <cell r="N2125">
            <v>2</v>
          </cell>
          <cell r="O2125">
            <v>1</v>
          </cell>
        </row>
        <row r="2126">
          <cell r="A2126" t="str">
            <v>AUTREG42012</v>
          </cell>
          <cell r="B2126" t="str">
            <v>AUT</v>
          </cell>
          <cell r="C2126" t="str">
            <v>Austria</v>
          </cell>
          <cell r="D2126" t="str">
            <v>Item 4</v>
          </cell>
          <cell r="E2126" t="str">
            <v>REG4A, REG4B, REG4C</v>
          </cell>
          <cell r="F2126" t="str">
            <v>Severance pay / tenure</v>
          </cell>
          <cell r="G2126">
            <v>2012</v>
          </cell>
          <cell r="H2126">
            <v>2012</v>
          </cell>
          <cell r="I212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26">
            <v>0</v>
          </cell>
          <cell r="K2126">
            <v>0</v>
          </cell>
          <cell r="L2126">
            <v>0</v>
          </cell>
          <cell r="M2126">
            <v>0</v>
          </cell>
          <cell r="N2126">
            <v>0</v>
          </cell>
          <cell r="O2126">
            <v>0</v>
          </cell>
        </row>
        <row r="2127">
          <cell r="A2127" t="str">
            <v>AUTREG52012</v>
          </cell>
          <cell r="B2127" t="str">
            <v>AUT</v>
          </cell>
          <cell r="C2127" t="str">
            <v>Austria</v>
          </cell>
          <cell r="D2127" t="str">
            <v>Item 5</v>
          </cell>
          <cell r="E2127" t="str">
            <v>REG5</v>
          </cell>
          <cell r="F2127" t="str">
            <v>Definition of justified or unfair dismissal</v>
          </cell>
          <cell r="G2127">
            <v>2012</v>
          </cell>
          <cell r="H2127">
            <v>2012</v>
          </cell>
          <cell r="I212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27">
            <v>1</v>
          </cell>
          <cell r="M2127">
            <v>2</v>
          </cell>
        </row>
        <row r="2128">
          <cell r="A2128" t="str">
            <v>AUTREG62012</v>
          </cell>
          <cell r="B2128" t="str">
            <v>AUT</v>
          </cell>
          <cell r="C2128" t="str">
            <v>Austria</v>
          </cell>
          <cell r="D2128" t="str">
            <v>Item 6</v>
          </cell>
          <cell r="E2128" t="str">
            <v>REG6</v>
          </cell>
          <cell r="F2128" t="str">
            <v>Trial period</v>
          </cell>
          <cell r="G2128">
            <v>2012</v>
          </cell>
          <cell r="H2128">
            <v>2012</v>
          </cell>
          <cell r="I2128" t="str">
            <v>Usually 1 month</v>
          </cell>
          <cell r="J2128">
            <v>1</v>
          </cell>
          <cell r="M2128">
            <v>6</v>
          </cell>
        </row>
        <row r="2129">
          <cell r="A2129" t="str">
            <v>AUTREG72012</v>
          </cell>
          <cell r="B2129" t="str">
            <v>AUT</v>
          </cell>
          <cell r="C2129" t="str">
            <v>Austria</v>
          </cell>
          <cell r="D2129" t="str">
            <v>Item 7</v>
          </cell>
          <cell r="E2129" t="str">
            <v>REG7</v>
          </cell>
          <cell r="F2129" t="str">
            <v xml:space="preserve">Compensation following unfair dismissal </v>
          </cell>
          <cell r="G2129">
            <v>2012</v>
          </cell>
          <cell r="H2129">
            <v>2012</v>
          </cell>
          <cell r="I21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29">
            <v>6</v>
          </cell>
          <cell r="M2129">
            <v>1</v>
          </cell>
        </row>
        <row r="2130">
          <cell r="A2130" t="str">
            <v>AUTREG82012</v>
          </cell>
          <cell r="B2130" t="str">
            <v>AUT</v>
          </cell>
          <cell r="C2130" t="str">
            <v>Austria</v>
          </cell>
          <cell r="D2130" t="str">
            <v>Item 8</v>
          </cell>
          <cell r="E2130" t="str">
            <v>REG8</v>
          </cell>
          <cell r="F2130" t="str">
            <v>Possibility of reinstatement following unfair dismissal</v>
          </cell>
          <cell r="G2130">
            <v>2012</v>
          </cell>
          <cell r="H2130">
            <v>2012</v>
          </cell>
          <cell r="I2130" t="str">
            <v>The employee has the right to choose between reinstatement and compensation, although this option is rarely taken up by the employee concerned</v>
          </cell>
          <cell r="J2130">
            <v>3</v>
          </cell>
          <cell r="M2130">
            <v>6</v>
          </cell>
        </row>
        <row r="2131">
          <cell r="A2131" t="str">
            <v>AUTREG92012</v>
          </cell>
          <cell r="B2131" t="str">
            <v>AUT</v>
          </cell>
          <cell r="C2131" t="str">
            <v>Austria</v>
          </cell>
          <cell r="D2131" t="str">
            <v>Item 9</v>
          </cell>
          <cell r="E2131" t="str">
            <v>REG9</v>
          </cell>
          <cell r="F2131" t="str">
            <v>Maximum time for claim</v>
          </cell>
          <cell r="G2131">
            <v>2012</v>
          </cell>
          <cell r="H2131">
            <v>2012</v>
          </cell>
          <cell r="I2131"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31">
            <v>0</v>
          </cell>
          <cell r="M2131">
            <v>0</v>
          </cell>
        </row>
        <row r="2132">
          <cell r="A2132" t="str">
            <v>AUTFTC12012</v>
          </cell>
          <cell r="B2132" t="str">
            <v>AUT</v>
          </cell>
          <cell r="C2132" t="str">
            <v>Austria</v>
          </cell>
          <cell r="D2132" t="str">
            <v>Item 10</v>
          </cell>
          <cell r="E2132" t="str">
            <v>FTC1</v>
          </cell>
          <cell r="F2132" t="str">
            <v>Valid cases for use of fixed-term contracts, other than  “objective”  or “material” situation</v>
          </cell>
          <cell r="G2132">
            <v>2012</v>
          </cell>
          <cell r="H2132">
            <v>2012</v>
          </cell>
          <cell r="I2132" t="str">
            <v xml:space="preserve">No restrictions for first contract. </v>
          </cell>
          <cell r="J2132">
            <v>2.5</v>
          </cell>
          <cell r="M2132">
            <v>1</v>
          </cell>
        </row>
        <row r="2133">
          <cell r="A2133" t="str">
            <v>AUTFTC22012</v>
          </cell>
          <cell r="B2133" t="str">
            <v>AUT</v>
          </cell>
          <cell r="C2133" t="str">
            <v>Austria</v>
          </cell>
          <cell r="D2133" t="str">
            <v>Item 11</v>
          </cell>
          <cell r="E2133" t="str">
            <v>FTC2</v>
          </cell>
          <cell r="F2133" t="str">
            <v>Maximum number of successive fixed-term contracts</v>
          </cell>
          <cell r="G2133">
            <v>2012</v>
          </cell>
          <cell r="H2133">
            <v>2012</v>
          </cell>
          <cell r="I2133" t="str">
            <v xml:space="preserve">Estimated 1.5. A succession of  fixed-term contracts will automatically result in an open-ended employment contract of indeterminate length unless objective or material reasons can be shown to justify the need to renew a fixed-term contract. </v>
          </cell>
          <cell r="J2133">
            <v>1.5</v>
          </cell>
          <cell r="M2133">
            <v>5</v>
          </cell>
        </row>
        <row r="2134">
          <cell r="A2134" t="str">
            <v>AUTFTC32012</v>
          </cell>
          <cell r="B2134" t="str">
            <v>AUT</v>
          </cell>
          <cell r="C2134" t="str">
            <v>Austria</v>
          </cell>
          <cell r="D2134" t="str">
            <v>Item 12</v>
          </cell>
          <cell r="E2134" t="str">
            <v>FTC3</v>
          </cell>
          <cell r="F2134" t="str">
            <v>Maximum cumulated duration of successive fixed-term contracts</v>
          </cell>
          <cell r="G2134">
            <v>2012</v>
          </cell>
          <cell r="H2134">
            <v>2012</v>
          </cell>
          <cell r="I2134" t="str">
            <v>No limit specified.</v>
          </cell>
          <cell r="J2134">
            <v>200</v>
          </cell>
          <cell r="M2134">
            <v>0</v>
          </cell>
        </row>
        <row r="2135">
          <cell r="A2135" t="str">
            <v>AUTTWA12012</v>
          </cell>
          <cell r="B2135" t="str">
            <v>AUT</v>
          </cell>
          <cell r="C2135" t="str">
            <v>Austria</v>
          </cell>
          <cell r="D2135" t="str">
            <v>Item 13</v>
          </cell>
          <cell r="E2135" t="str">
            <v>TWA1</v>
          </cell>
          <cell r="F2135" t="str">
            <v>Types of work for which TWA employment is legal</v>
          </cell>
          <cell r="G2135">
            <v>2012</v>
          </cell>
          <cell r="H2135">
            <v>2012</v>
          </cell>
          <cell r="I2135"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35">
            <v>3.5</v>
          </cell>
          <cell r="M2135">
            <v>0.75</v>
          </cell>
        </row>
        <row r="2136">
          <cell r="A2136" t="str">
            <v>AUTTWA22012</v>
          </cell>
          <cell r="B2136" t="str">
            <v>AUT</v>
          </cell>
          <cell r="C2136" t="str">
            <v>Austria</v>
          </cell>
          <cell r="D2136" t="str">
            <v>Item 14</v>
          </cell>
          <cell r="E2136" t="str">
            <v>TWA2A, TWA2B</v>
          </cell>
          <cell r="F2136" t="str">
            <v>Are there any restrictions on the number of renewals of a TWA contract?</v>
          </cell>
          <cell r="G2136">
            <v>2012</v>
          </cell>
          <cell r="H2136">
            <v>2012</v>
          </cell>
          <cell r="I213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36" t="str">
            <v>No</v>
          </cell>
          <cell r="K2136" t="str">
            <v>Yes</v>
          </cell>
          <cell r="M2136">
            <v>2</v>
          </cell>
          <cell r="N2136">
            <v>4</v>
          </cell>
        </row>
        <row r="2137">
          <cell r="A2137" t="str">
            <v>AUTTWA32012</v>
          </cell>
          <cell r="B2137" t="str">
            <v>AUT</v>
          </cell>
          <cell r="C2137" t="str">
            <v>Austria</v>
          </cell>
          <cell r="D2137" t="str">
            <v>Item 15</v>
          </cell>
          <cell r="E2137" t="str">
            <v>TWA3A, TWA3B</v>
          </cell>
          <cell r="F2137" t="str">
            <v>Maximum cumulated duration of temporary work contracts</v>
          </cell>
          <cell r="G2137">
            <v>2012</v>
          </cell>
          <cell r="H2137">
            <v>2012</v>
          </cell>
          <cell r="I2137" t="str">
            <v>The personnel leasing act knows no constraints on the duration of employment contracts or the duration of the assignments/leases.</v>
          </cell>
          <cell r="J2137">
            <v>100</v>
          </cell>
          <cell r="K2137">
            <v>100</v>
          </cell>
          <cell r="M2137">
            <v>0</v>
          </cell>
          <cell r="N2137">
            <v>0</v>
          </cell>
        </row>
        <row r="2138">
          <cell r="A2138" t="str">
            <v>AUTTWA42012</v>
          </cell>
          <cell r="B2138" t="str">
            <v>AUT</v>
          </cell>
          <cell r="C2138" t="str">
            <v>Austria</v>
          </cell>
          <cell r="D2138" t="str">
            <v>Item 16</v>
          </cell>
          <cell r="E2138" t="str">
            <v>TWA4</v>
          </cell>
          <cell r="F2138" t="str">
            <v>Authorisation and reporting obligations</v>
          </cell>
          <cell r="G2138">
            <v>2012</v>
          </cell>
          <cell r="H2138">
            <v>2012</v>
          </cell>
          <cell r="I2138" t="str">
            <v>Requires special administrative authorisation as well as periodic reporting obligations.</v>
          </cell>
          <cell r="J2138">
            <v>3</v>
          </cell>
          <cell r="M2138">
            <v>6</v>
          </cell>
        </row>
        <row r="2139">
          <cell r="A2139" t="str">
            <v>AUTTWA52012</v>
          </cell>
          <cell r="B2139" t="str">
            <v>AUT</v>
          </cell>
          <cell r="C2139" t="str">
            <v>Austria</v>
          </cell>
          <cell r="D2139" t="str">
            <v>Item 17</v>
          </cell>
          <cell r="E2139" t="str">
            <v>TWA5</v>
          </cell>
          <cell r="F2139" t="str">
            <v>Equal treatment for TWA workers</v>
          </cell>
          <cell r="G2139">
            <v>2012</v>
          </cell>
          <cell r="H2139">
            <v>2012</v>
          </cell>
          <cell r="I2139" t="str">
            <v>Regulations ensure equal treatment regarding pay as well as other working conditions.</v>
          </cell>
          <cell r="J2139">
            <v>2</v>
          </cell>
          <cell r="M2139">
            <v>6</v>
          </cell>
        </row>
        <row r="2140">
          <cell r="A2140" t="str">
            <v>AUTCD12012</v>
          </cell>
          <cell r="B2140" t="str">
            <v>AUT</v>
          </cell>
          <cell r="C2140" t="str">
            <v>Austria</v>
          </cell>
          <cell r="D2140" t="str">
            <v>Item 18</v>
          </cell>
          <cell r="E2140" t="str">
            <v>CD1</v>
          </cell>
          <cell r="F2140" t="str">
            <v>Definition of collective dismissal</v>
          </cell>
          <cell r="G2140">
            <v>2012</v>
          </cell>
          <cell r="H2140">
            <v>2012</v>
          </cell>
          <cell r="I2140" t="str">
            <v xml:space="preserve">Within 30 days, 5+ workers in firms 20-99; 5%+ in firms 100-599; 30+ workers in firms&gt;600; 5+ workers &gt;50 years old.
Firms with less than 20 employees are exempt from requirements for collective dismissals.
</v>
          </cell>
          <cell r="J2140">
            <v>4</v>
          </cell>
          <cell r="M2140">
            <v>6</v>
          </cell>
        </row>
        <row r="2141">
          <cell r="A2141" t="str">
            <v>AUTCD22012</v>
          </cell>
          <cell r="B2141" t="str">
            <v>AUT</v>
          </cell>
          <cell r="C2141" t="str">
            <v>Austria</v>
          </cell>
          <cell r="D2141" t="str">
            <v>Item 19</v>
          </cell>
          <cell r="E2141" t="str">
            <v>CD2</v>
          </cell>
          <cell r="F2141" t="str">
            <v>Additional notification requirements in case of collective dismissals</v>
          </cell>
          <cell r="G2141">
            <v>2012</v>
          </cell>
          <cell r="H2141">
            <v>2012</v>
          </cell>
          <cell r="I2141" t="str">
            <v>Notification of employee representatives: General duty to inform the Works Council about changes affecting the business. Notification of public authorities: Notification of local employment office.</v>
          </cell>
          <cell r="J2141">
            <v>1</v>
          </cell>
          <cell r="M2141">
            <v>3</v>
          </cell>
        </row>
        <row r="2142">
          <cell r="A2142" t="str">
            <v>AUTCD32012</v>
          </cell>
          <cell r="B2142" t="str">
            <v>AUT</v>
          </cell>
          <cell r="C2142" t="str">
            <v>Austria</v>
          </cell>
          <cell r="D2142" t="str">
            <v>Item 20</v>
          </cell>
          <cell r="E2142" t="str">
            <v>CD3</v>
          </cell>
          <cell r="F2142" t="str">
            <v>Additional delays involved in case of collective dismissals</v>
          </cell>
          <cell r="G2142">
            <v>2012</v>
          </cell>
          <cell r="H2142">
            <v>2012</v>
          </cell>
          <cell r="I2142" t="str">
            <v xml:space="preserve">30 days waiting period before first notice can become effective.
Calculation: 30 days waiting period – 9 days for individual dismissal (item 2)
</v>
          </cell>
          <cell r="J2142">
            <v>21</v>
          </cell>
          <cell r="M2142">
            <v>1</v>
          </cell>
          <cell r="P2142" t="str">
            <v>(from June 6th 2011)</v>
          </cell>
        </row>
        <row r="2143">
          <cell r="A2143" t="str">
            <v>AUTCD42012</v>
          </cell>
          <cell r="B2143" t="str">
            <v>AUT</v>
          </cell>
          <cell r="C2143" t="str">
            <v>Austria</v>
          </cell>
          <cell r="D2143" t="str">
            <v>Item 21</v>
          </cell>
          <cell r="E2143" t="str">
            <v>CD4</v>
          </cell>
          <cell r="F2143" t="str">
            <v>Other special costs to employers in case of collective dismissals</v>
          </cell>
          <cell r="G2143">
            <v>2012</v>
          </cell>
          <cell r="H2143">
            <v>2012</v>
          </cell>
          <cell r="I214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43">
            <v>1</v>
          </cell>
          <cell r="M2143">
            <v>3</v>
          </cell>
        </row>
        <row r="2144">
          <cell r="A2144" t="str">
            <v>AUTREG12013</v>
          </cell>
          <cell r="B2144" t="str">
            <v>AUT</v>
          </cell>
          <cell r="C2144" t="str">
            <v>Austria</v>
          </cell>
          <cell r="D2144" t="str">
            <v>Item 1</v>
          </cell>
          <cell r="E2144" t="str">
            <v>REG1</v>
          </cell>
          <cell r="F2144" t="str">
            <v>Notification procedures</v>
          </cell>
          <cell r="G2144">
            <v>2013</v>
          </cell>
          <cell r="H2144">
            <v>2013</v>
          </cell>
          <cell r="I2144"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44">
            <v>2</v>
          </cell>
          <cell r="M2144">
            <v>4</v>
          </cell>
        </row>
        <row r="2145">
          <cell r="A2145" t="str">
            <v>AUTREG22013</v>
          </cell>
          <cell r="B2145" t="str">
            <v>AUT</v>
          </cell>
          <cell r="C2145" t="str">
            <v>Austria</v>
          </cell>
          <cell r="D2145" t="str">
            <v>Item 2</v>
          </cell>
          <cell r="E2145" t="str">
            <v>REG2</v>
          </cell>
          <cell r="F2145" t="str">
            <v>Delay before notice can start</v>
          </cell>
          <cell r="G2145">
            <v>2013</v>
          </cell>
          <cell r="H2145">
            <v>2013</v>
          </cell>
          <cell r="I2145" t="str">
            <v xml:space="preserve">Maximum one week for Works Council to react. Notice can then be served, usually orally.
Calculation: 1 day to notify Works Council + 7 days for response + 1 days for oral notification 
</v>
          </cell>
          <cell r="J2145">
            <v>9</v>
          </cell>
          <cell r="M2145">
            <v>1</v>
          </cell>
          <cell r="P2145" t="str">
            <v>(from June 6th 2011)</v>
          </cell>
        </row>
        <row r="2146">
          <cell r="A2146" t="str">
            <v>AUTREG32013</v>
          </cell>
          <cell r="B2146" t="str">
            <v>AUT</v>
          </cell>
          <cell r="C2146" t="str">
            <v>Austria</v>
          </cell>
          <cell r="D2146" t="str">
            <v>Item 3</v>
          </cell>
          <cell r="E2146" t="str">
            <v>REG3A, REG3B, REG3C</v>
          </cell>
          <cell r="F2146" t="str">
            <v>Notice / tenure</v>
          </cell>
          <cell r="G2146">
            <v>2013</v>
          </cell>
          <cell r="H2146">
            <v>2013</v>
          </cell>
          <cell r="I2146"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46">
            <v>1</v>
          </cell>
          <cell r="K2146">
            <v>1.25</v>
          </cell>
          <cell r="L2146">
            <v>2.25</v>
          </cell>
          <cell r="M2146">
            <v>3</v>
          </cell>
          <cell r="N2146">
            <v>2</v>
          </cell>
          <cell r="O2146">
            <v>1</v>
          </cell>
        </row>
        <row r="2147">
          <cell r="A2147" t="str">
            <v>AUTREG42013</v>
          </cell>
          <cell r="B2147" t="str">
            <v>AUT</v>
          </cell>
          <cell r="C2147" t="str">
            <v>Austria</v>
          </cell>
          <cell r="D2147" t="str">
            <v>Item 4</v>
          </cell>
          <cell r="E2147" t="str">
            <v>REG4A, REG4B, REG4C</v>
          </cell>
          <cell r="F2147" t="str">
            <v>Severance pay / tenure</v>
          </cell>
          <cell r="G2147">
            <v>2013</v>
          </cell>
          <cell r="H2147">
            <v>2013</v>
          </cell>
          <cell r="I2147"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47">
            <v>0</v>
          </cell>
          <cell r="K2147">
            <v>0</v>
          </cell>
          <cell r="L2147">
            <v>0</v>
          </cell>
          <cell r="M2147">
            <v>0</v>
          </cell>
          <cell r="N2147">
            <v>0</v>
          </cell>
          <cell r="O2147">
            <v>0</v>
          </cell>
        </row>
        <row r="2148">
          <cell r="A2148" t="str">
            <v>AUTREG52013</v>
          </cell>
          <cell r="B2148" t="str">
            <v>AUT</v>
          </cell>
          <cell r="C2148" t="str">
            <v>Austria</v>
          </cell>
          <cell r="D2148" t="str">
            <v>Item 5</v>
          </cell>
          <cell r="E2148" t="str">
            <v>REG5</v>
          </cell>
          <cell r="F2148" t="str">
            <v>Definition of justified or unfair dismissal</v>
          </cell>
          <cell r="G2148">
            <v>2013</v>
          </cell>
          <cell r="H2148">
            <v>2013</v>
          </cell>
          <cell r="I2148"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48">
            <v>1</v>
          </cell>
          <cell r="M2148">
            <v>2</v>
          </cell>
        </row>
        <row r="2149">
          <cell r="A2149" t="str">
            <v>AUTREG62013</v>
          </cell>
          <cell r="B2149" t="str">
            <v>AUT</v>
          </cell>
          <cell r="C2149" t="str">
            <v>Austria</v>
          </cell>
          <cell r="D2149" t="str">
            <v>Item 6</v>
          </cell>
          <cell r="E2149" t="str">
            <v>REG6</v>
          </cell>
          <cell r="F2149" t="str">
            <v>Trial period</v>
          </cell>
          <cell r="G2149">
            <v>2013</v>
          </cell>
          <cell r="H2149">
            <v>2013</v>
          </cell>
          <cell r="I2149" t="str">
            <v>Usually 1 month</v>
          </cell>
          <cell r="J2149">
            <v>1</v>
          </cell>
          <cell r="M2149">
            <v>6</v>
          </cell>
        </row>
        <row r="2150">
          <cell r="A2150" t="str">
            <v>AUTREG72013</v>
          </cell>
          <cell r="B2150" t="str">
            <v>AUT</v>
          </cell>
          <cell r="C2150" t="str">
            <v>Austria</v>
          </cell>
          <cell r="D2150" t="str">
            <v>Item 7</v>
          </cell>
          <cell r="E2150" t="str">
            <v>REG7</v>
          </cell>
          <cell r="F2150" t="str">
            <v xml:space="preserve">Compensation following unfair dismissal </v>
          </cell>
          <cell r="G2150">
            <v>2013</v>
          </cell>
          <cell r="H2150">
            <v>2013</v>
          </cell>
          <cell r="I2150"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50">
            <v>6</v>
          </cell>
          <cell r="M2150">
            <v>1</v>
          </cell>
        </row>
        <row r="2151">
          <cell r="A2151" t="str">
            <v>AUTREG82013</v>
          </cell>
          <cell r="B2151" t="str">
            <v>AUT</v>
          </cell>
          <cell r="C2151" t="str">
            <v>Austria</v>
          </cell>
          <cell r="D2151" t="str">
            <v>Item 8</v>
          </cell>
          <cell r="E2151" t="str">
            <v>REG8</v>
          </cell>
          <cell r="F2151" t="str">
            <v>Possibility of reinstatement following unfair dismissal</v>
          </cell>
          <cell r="G2151">
            <v>2013</v>
          </cell>
          <cell r="H2151">
            <v>2013</v>
          </cell>
          <cell r="I2151" t="str">
            <v>The employee has the right to choose between reinstatement and compensation, although this option is rarely taken up by the employee concerned</v>
          </cell>
          <cell r="J2151">
            <v>3</v>
          </cell>
          <cell r="M2151">
            <v>6</v>
          </cell>
        </row>
        <row r="2152">
          <cell r="A2152" t="str">
            <v>AUTREG92013</v>
          </cell>
          <cell r="B2152" t="str">
            <v>AUT</v>
          </cell>
          <cell r="C2152" t="str">
            <v>Austria</v>
          </cell>
          <cell r="D2152" t="str">
            <v>Item 9</v>
          </cell>
          <cell r="E2152" t="str">
            <v>REG9</v>
          </cell>
          <cell r="F2152" t="str">
            <v>Maximum time for claim</v>
          </cell>
          <cell r="G2152">
            <v>2013</v>
          </cell>
          <cell r="H2152">
            <v>2013</v>
          </cell>
          <cell r="I2152"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52">
            <v>0</v>
          </cell>
          <cell r="M2152">
            <v>0</v>
          </cell>
        </row>
        <row r="2153">
          <cell r="A2153" t="str">
            <v>AUTFTC12013</v>
          </cell>
          <cell r="B2153" t="str">
            <v>AUT</v>
          </cell>
          <cell r="C2153" t="str">
            <v>Austria</v>
          </cell>
          <cell r="D2153" t="str">
            <v>Item 10</v>
          </cell>
          <cell r="E2153" t="str">
            <v>FTC1</v>
          </cell>
          <cell r="F2153" t="str">
            <v>Valid cases for use of fixed-term contracts, other than  “objective”  or “material” situation</v>
          </cell>
          <cell r="G2153">
            <v>2013</v>
          </cell>
          <cell r="H2153">
            <v>2013</v>
          </cell>
          <cell r="I2153" t="str">
            <v xml:space="preserve">No restrictions for first contract. </v>
          </cell>
          <cell r="J2153">
            <v>2.5</v>
          </cell>
          <cell r="M2153">
            <v>1</v>
          </cell>
        </row>
        <row r="2154">
          <cell r="A2154" t="str">
            <v>AUTFTC22013</v>
          </cell>
          <cell r="B2154" t="str">
            <v>AUT</v>
          </cell>
          <cell r="C2154" t="str">
            <v>Austria</v>
          </cell>
          <cell r="D2154" t="str">
            <v>Item 11</v>
          </cell>
          <cell r="E2154" t="str">
            <v>FTC2</v>
          </cell>
          <cell r="F2154" t="str">
            <v>Maximum number of successive fixed-term contracts</v>
          </cell>
          <cell r="G2154">
            <v>2013</v>
          </cell>
          <cell r="H2154">
            <v>2013</v>
          </cell>
          <cell r="I2154" t="str">
            <v xml:space="preserve">Estimated 1.5. A succession of  fixed-term contracts will automatically result in an open-ended employment contract of indeterminate length unless objective or material reasons can be shown to justify the need to renew a fixed-term contract. </v>
          </cell>
          <cell r="J2154">
            <v>1.5</v>
          </cell>
          <cell r="M2154">
            <v>5</v>
          </cell>
        </row>
        <row r="2155">
          <cell r="A2155" t="str">
            <v>AUTFTC32013</v>
          </cell>
          <cell r="B2155" t="str">
            <v>AUT</v>
          </cell>
          <cell r="C2155" t="str">
            <v>Austria</v>
          </cell>
          <cell r="D2155" t="str">
            <v>Item 12</v>
          </cell>
          <cell r="E2155" t="str">
            <v>FTC3</v>
          </cell>
          <cell r="F2155" t="str">
            <v>Maximum cumulated duration of successive fixed-term contracts</v>
          </cell>
          <cell r="G2155">
            <v>2013</v>
          </cell>
          <cell r="H2155">
            <v>2013</v>
          </cell>
          <cell r="I2155" t="str">
            <v>No limit specified.</v>
          </cell>
          <cell r="J2155">
            <v>200</v>
          </cell>
          <cell r="M2155">
            <v>0</v>
          </cell>
        </row>
        <row r="2156">
          <cell r="A2156" t="str">
            <v>AUTTWA12013</v>
          </cell>
          <cell r="B2156" t="str">
            <v>AUT</v>
          </cell>
          <cell r="C2156" t="str">
            <v>Austria</v>
          </cell>
          <cell r="D2156" t="str">
            <v>Item 13</v>
          </cell>
          <cell r="E2156" t="str">
            <v>TWA1</v>
          </cell>
          <cell r="F2156" t="str">
            <v>Types of work for which TWA employment is legal</v>
          </cell>
          <cell r="G2156">
            <v>2013</v>
          </cell>
          <cell r="H2156">
            <v>2013</v>
          </cell>
          <cell r="I2156"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56">
            <v>3.5</v>
          </cell>
          <cell r="M2156">
            <v>0.75</v>
          </cell>
        </row>
        <row r="2157">
          <cell r="A2157" t="str">
            <v>AUTTWA22013</v>
          </cell>
          <cell r="B2157" t="str">
            <v>AUT</v>
          </cell>
          <cell r="C2157" t="str">
            <v>Austria</v>
          </cell>
          <cell r="D2157" t="str">
            <v>Item 14</v>
          </cell>
          <cell r="E2157" t="str">
            <v>TWA2A, TWA2B</v>
          </cell>
          <cell r="F2157" t="str">
            <v>Are there any restrictions on the number of renewals of a TWA contract?</v>
          </cell>
          <cell r="G2157">
            <v>2013</v>
          </cell>
          <cell r="H2157">
            <v>2013</v>
          </cell>
          <cell r="I2157"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57" t="str">
            <v>No</v>
          </cell>
          <cell r="K2157" t="str">
            <v>Yes</v>
          </cell>
          <cell r="M2157">
            <v>2</v>
          </cell>
          <cell r="N2157">
            <v>4</v>
          </cell>
        </row>
        <row r="2158">
          <cell r="A2158" t="str">
            <v>AUTTWA32013</v>
          </cell>
          <cell r="B2158" t="str">
            <v>AUT</v>
          </cell>
          <cell r="C2158" t="str">
            <v>Austria</v>
          </cell>
          <cell r="D2158" t="str">
            <v>Item 15</v>
          </cell>
          <cell r="E2158" t="str">
            <v>TWA3A, TWA3B</v>
          </cell>
          <cell r="F2158" t="str">
            <v>Maximum cumulated duration of temporary work contracts</v>
          </cell>
          <cell r="G2158">
            <v>2013</v>
          </cell>
          <cell r="H2158">
            <v>2013</v>
          </cell>
          <cell r="I2158" t="str">
            <v>The personnel leasing act knows no constraints on the duration of employment contracts or the duration of the assignments/leases.</v>
          </cell>
          <cell r="J2158">
            <v>100</v>
          </cell>
          <cell r="K2158">
            <v>100</v>
          </cell>
          <cell r="M2158">
            <v>0</v>
          </cell>
          <cell r="N2158">
            <v>0</v>
          </cell>
        </row>
        <row r="2159">
          <cell r="A2159" t="str">
            <v>AUTTWA42013</v>
          </cell>
          <cell r="B2159" t="str">
            <v>AUT</v>
          </cell>
          <cell r="C2159" t="str">
            <v>Austria</v>
          </cell>
          <cell r="D2159" t="str">
            <v>Item 16</v>
          </cell>
          <cell r="E2159" t="str">
            <v>TWA4</v>
          </cell>
          <cell r="F2159" t="str">
            <v>Authorisation and reporting obligations</v>
          </cell>
          <cell r="G2159">
            <v>2013</v>
          </cell>
          <cell r="H2159">
            <v>2013</v>
          </cell>
          <cell r="I2159" t="str">
            <v>Requires special administrative authorisation as well as periodic reporting obligations.</v>
          </cell>
          <cell r="J2159">
            <v>3</v>
          </cell>
          <cell r="M2159">
            <v>6</v>
          </cell>
        </row>
        <row r="2160">
          <cell r="A2160" t="str">
            <v>AUTTWA52013</v>
          </cell>
          <cell r="B2160" t="str">
            <v>AUT</v>
          </cell>
          <cell r="C2160" t="str">
            <v>Austria</v>
          </cell>
          <cell r="D2160" t="str">
            <v>Item 17</v>
          </cell>
          <cell r="E2160" t="str">
            <v>TWA5</v>
          </cell>
          <cell r="F2160" t="str">
            <v>Equal treatment for TWA workers</v>
          </cell>
          <cell r="G2160">
            <v>2013</v>
          </cell>
          <cell r="H2160">
            <v>2013</v>
          </cell>
          <cell r="I2160" t="str">
            <v>Regulations ensure equal treatment regarding pay as well as other working conditions.</v>
          </cell>
          <cell r="J2160">
            <v>2</v>
          </cell>
          <cell r="M2160">
            <v>6</v>
          </cell>
        </row>
        <row r="2161">
          <cell r="A2161" t="str">
            <v>AUTCD12013</v>
          </cell>
          <cell r="B2161" t="str">
            <v>AUT</v>
          </cell>
          <cell r="C2161" t="str">
            <v>Austria</v>
          </cell>
          <cell r="D2161" t="str">
            <v>Item 18</v>
          </cell>
          <cell r="E2161" t="str">
            <v>CD1</v>
          </cell>
          <cell r="F2161" t="str">
            <v>Definition of collective dismissal</v>
          </cell>
          <cell r="G2161">
            <v>2013</v>
          </cell>
          <cell r="H2161">
            <v>2013</v>
          </cell>
          <cell r="I2161" t="str">
            <v xml:space="preserve">Within 30 days, 5+ workers in firms 20-99; 5%+ in firms 100-599; 30+ workers in firms&gt;600; 5+ workers &gt;50 years old.
Firms with less than 20 employees are exempt from requirements for collective dismissals.
</v>
          </cell>
          <cell r="J2161">
            <v>4</v>
          </cell>
          <cell r="M2161">
            <v>6</v>
          </cell>
        </row>
        <row r="2162">
          <cell r="A2162" t="str">
            <v>AUTCD22013</v>
          </cell>
          <cell r="B2162" t="str">
            <v>AUT</v>
          </cell>
          <cell r="C2162" t="str">
            <v>Austria</v>
          </cell>
          <cell r="D2162" t="str">
            <v>Item 19</v>
          </cell>
          <cell r="E2162" t="str">
            <v>CD2</v>
          </cell>
          <cell r="F2162" t="str">
            <v>Additional notification requirements in case of collective dismissals</v>
          </cell>
          <cell r="G2162">
            <v>2013</v>
          </cell>
          <cell r="H2162">
            <v>2013</v>
          </cell>
          <cell r="I2162" t="str">
            <v>Notification of employee representatives: General duty to inform the Works Council about changes affecting the business. Notification of public authorities: Notification of local employment office.</v>
          </cell>
          <cell r="J2162">
            <v>1</v>
          </cell>
          <cell r="M2162">
            <v>3</v>
          </cell>
        </row>
        <row r="2163">
          <cell r="A2163" t="str">
            <v>AUTCD32013</v>
          </cell>
          <cell r="B2163" t="str">
            <v>AUT</v>
          </cell>
          <cell r="C2163" t="str">
            <v>Austria</v>
          </cell>
          <cell r="D2163" t="str">
            <v>Item 20</v>
          </cell>
          <cell r="E2163" t="str">
            <v>CD3</v>
          </cell>
          <cell r="F2163" t="str">
            <v>Additional delays involved in case of collective dismissals</v>
          </cell>
          <cell r="G2163">
            <v>2013</v>
          </cell>
          <cell r="H2163">
            <v>2013</v>
          </cell>
          <cell r="I2163" t="str">
            <v xml:space="preserve">30 days waiting period before first notice can become effective.
Calculation: 30 days waiting period – 9 days for individual dismissal (item 2)
</v>
          </cell>
          <cell r="J2163">
            <v>21</v>
          </cell>
          <cell r="M2163">
            <v>1</v>
          </cell>
          <cell r="P2163" t="str">
            <v>(from June 6th 2011)</v>
          </cell>
        </row>
        <row r="2164">
          <cell r="A2164" t="str">
            <v>AUTCD42013</v>
          </cell>
          <cell r="B2164" t="str">
            <v>AUT</v>
          </cell>
          <cell r="C2164" t="str">
            <v>Austria</v>
          </cell>
          <cell r="D2164" t="str">
            <v>Item 21</v>
          </cell>
          <cell r="E2164" t="str">
            <v>CD4</v>
          </cell>
          <cell r="F2164" t="str">
            <v>Other special costs to employers in case of collective dismissals</v>
          </cell>
          <cell r="G2164">
            <v>2013</v>
          </cell>
          <cell r="H2164">
            <v>2013</v>
          </cell>
          <cell r="I2164"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64">
            <v>1</v>
          </cell>
          <cell r="M2164">
            <v>3</v>
          </cell>
        </row>
        <row r="2165">
          <cell r="A2165" t="str">
            <v>BELREG12012</v>
          </cell>
          <cell r="B2165" t="str">
            <v>BEL</v>
          </cell>
          <cell r="C2165" t="str">
            <v>Belgium</v>
          </cell>
          <cell r="D2165" t="str">
            <v>Item 1</v>
          </cell>
          <cell r="E2165" t="str">
            <v>REG1</v>
          </cell>
          <cell r="F2165" t="str">
            <v>Notification procedures</v>
          </cell>
          <cell r="G2165">
            <v>2012</v>
          </cell>
          <cell r="H2165">
            <v>2012</v>
          </cell>
          <cell r="I2165" t="str">
            <v>Notification of employee by registered letter. Oral notification possible if the employer chooses severance pay in lieu of notice but only if the worker does not challenge the dismissal.</v>
          </cell>
          <cell r="J2165">
            <v>1</v>
          </cell>
          <cell r="M2165">
            <v>2</v>
          </cell>
        </row>
        <row r="2166">
          <cell r="A2166" t="str">
            <v>BELREG22012</v>
          </cell>
          <cell r="B2166" t="str">
            <v>BEL</v>
          </cell>
          <cell r="C2166" t="str">
            <v>Belgium</v>
          </cell>
          <cell r="D2166" t="str">
            <v>Item 2</v>
          </cell>
          <cell r="E2166" t="str">
            <v>REG2</v>
          </cell>
          <cell r="F2166" t="str">
            <v>Delay before notice can start</v>
          </cell>
          <cell r="G2166">
            <v>2012</v>
          </cell>
          <cell r="H2166">
            <v>2012</v>
          </cell>
          <cell r="I2166"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66">
            <v>12.25</v>
          </cell>
          <cell r="M2166">
            <v>2</v>
          </cell>
        </row>
        <row r="2167">
          <cell r="A2167" t="str">
            <v>BELREG32012</v>
          </cell>
          <cell r="B2167" t="str">
            <v>BEL</v>
          </cell>
          <cell r="C2167" t="str">
            <v>Belgium</v>
          </cell>
          <cell r="D2167" t="str">
            <v>Item 3</v>
          </cell>
          <cell r="E2167" t="str">
            <v>REG3A, REG3B, REG3C</v>
          </cell>
          <cell r="F2167" t="str">
            <v>Notice / tenure</v>
          </cell>
          <cell r="G2167">
            <v>2012</v>
          </cell>
          <cell r="H2167">
            <v>2012</v>
          </cell>
          <cell r="I2167"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67">
            <v>2.15</v>
          </cell>
          <cell r="K2167">
            <v>2.65</v>
          </cell>
          <cell r="L2167">
            <v>11.15</v>
          </cell>
          <cell r="M2167">
            <v>6</v>
          </cell>
          <cell r="N2167">
            <v>5</v>
          </cell>
          <cell r="O2167">
            <v>6</v>
          </cell>
          <cell r="P2167" t="str">
            <v>1er janvier 2012</v>
          </cell>
        </row>
        <row r="2168">
          <cell r="A2168" t="str">
            <v>BELREG42012</v>
          </cell>
          <cell r="B2168" t="str">
            <v>BEL</v>
          </cell>
          <cell r="C2168" t="str">
            <v>Belgium</v>
          </cell>
          <cell r="D2168" t="str">
            <v>Item 4</v>
          </cell>
          <cell r="E2168" t="str">
            <v>REG4A, REG4B, REG4C</v>
          </cell>
          <cell r="F2168" t="str">
            <v>Severance pay / tenure</v>
          </cell>
          <cell r="G2168">
            <v>2012</v>
          </cell>
          <cell r="H2168">
            <v>2012</v>
          </cell>
          <cell r="I2168" t="str">
            <v>In the event of dismissal without a notice period, severance pay depends on the length of the notice period that should have been observed. For example, if the notice period is 3 months, severance pay shall be equivalent to 3 months’ salary.</v>
          </cell>
          <cell r="J2168">
            <v>0</v>
          </cell>
          <cell r="K2168">
            <v>0</v>
          </cell>
          <cell r="L2168">
            <v>0</v>
          </cell>
          <cell r="M2168">
            <v>0</v>
          </cell>
          <cell r="N2168">
            <v>0</v>
          </cell>
          <cell r="O2168">
            <v>0</v>
          </cell>
          <cell r="P2168" t="str">
            <v xml:space="preserve">In 2010 and 2011
9 months: 0.1 months; 
4 years: 0.1 months; 
20 years: 0.1 </v>
          </cell>
        </row>
        <row r="2169">
          <cell r="A2169" t="str">
            <v>BELREG52012</v>
          </cell>
          <cell r="B2169" t="str">
            <v>BEL</v>
          </cell>
          <cell r="C2169" t="str">
            <v>Belgium</v>
          </cell>
          <cell r="D2169" t="str">
            <v>Item 5</v>
          </cell>
          <cell r="E2169" t="str">
            <v>REG5</v>
          </cell>
          <cell r="F2169" t="str">
            <v>Definition of justified or unfair dismissal</v>
          </cell>
          <cell r="G2169">
            <v>2012</v>
          </cell>
          <cell r="H2169">
            <v>2012</v>
          </cell>
          <cell r="I2169"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69">
            <v>0</v>
          </cell>
          <cell r="M2169">
            <v>0</v>
          </cell>
        </row>
        <row r="2170">
          <cell r="A2170" t="str">
            <v>BELREG62012</v>
          </cell>
          <cell r="B2170" t="str">
            <v>BEL</v>
          </cell>
          <cell r="C2170" t="str">
            <v>Belgium</v>
          </cell>
          <cell r="D2170" t="str">
            <v>Item 6</v>
          </cell>
          <cell r="E2170" t="str">
            <v>REG6</v>
          </cell>
          <cell r="F2170" t="str">
            <v>Trial period</v>
          </cell>
          <cell r="G2170">
            <v>2012</v>
          </cell>
          <cell r="H2170">
            <v>2012</v>
          </cell>
          <cell r="I2170"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70">
            <v>4.75</v>
          </cell>
          <cell r="M2170">
            <v>4</v>
          </cell>
        </row>
        <row r="2171">
          <cell r="A2171" t="str">
            <v>BELREG72012</v>
          </cell>
          <cell r="B2171" t="str">
            <v>BEL</v>
          </cell>
          <cell r="C2171" t="str">
            <v>Belgium</v>
          </cell>
          <cell r="D2171" t="str">
            <v>Item 7</v>
          </cell>
          <cell r="E2171" t="str">
            <v>REG7</v>
          </cell>
          <cell r="F2171" t="str">
            <v xml:space="preserve">Compensation following unfair dismissal </v>
          </cell>
          <cell r="G2171">
            <v>2012</v>
          </cell>
          <cell r="H2171">
            <v>2012</v>
          </cell>
          <cell r="I2171"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2171">
            <v>3</v>
          </cell>
          <cell r="M2171">
            <v>0</v>
          </cell>
        </row>
        <row r="2172">
          <cell r="A2172" t="str">
            <v>BELREG82012</v>
          </cell>
          <cell r="B2172" t="str">
            <v>BEL</v>
          </cell>
          <cell r="C2172" t="str">
            <v>Belgium</v>
          </cell>
          <cell r="D2172" t="str">
            <v>Item 8</v>
          </cell>
          <cell r="E2172" t="str">
            <v>REG8</v>
          </cell>
          <cell r="F2172" t="str">
            <v>Possibility of reinstatement following unfair dismissal</v>
          </cell>
          <cell r="G2172">
            <v>2012</v>
          </cell>
          <cell r="H2172">
            <v>2012</v>
          </cell>
          <cell r="I2172" t="str">
            <v xml:space="preserve">There is no right to reinstatement. </v>
          </cell>
          <cell r="J2172">
            <v>0</v>
          </cell>
          <cell r="M2172">
            <v>0</v>
          </cell>
        </row>
        <row r="2173">
          <cell r="A2173" t="str">
            <v>BELREG92012</v>
          </cell>
          <cell r="B2173" t="str">
            <v>BEL</v>
          </cell>
          <cell r="C2173" t="str">
            <v>Belgium</v>
          </cell>
          <cell r="D2173" t="str">
            <v>Item 9</v>
          </cell>
          <cell r="E2173" t="str">
            <v>REG9</v>
          </cell>
          <cell r="F2173" t="str">
            <v>Maximum time for claim</v>
          </cell>
          <cell r="G2173">
            <v>2012</v>
          </cell>
          <cell r="H2173">
            <v>2012</v>
          </cell>
          <cell r="I2173" t="str">
            <v xml:space="preserve">The time limit for making a claim of unfair dismissal is 1 year from the date at which the contract is terminated. </v>
          </cell>
          <cell r="J2173">
            <v>12</v>
          </cell>
          <cell r="M2173">
            <v>5</v>
          </cell>
        </row>
        <row r="2174">
          <cell r="A2174" t="str">
            <v>BELFTC12012</v>
          </cell>
          <cell r="B2174" t="str">
            <v>BEL</v>
          </cell>
          <cell r="C2174" t="str">
            <v>Belgium</v>
          </cell>
          <cell r="D2174" t="str">
            <v>Item 10</v>
          </cell>
          <cell r="E2174" t="str">
            <v>FTC1</v>
          </cell>
          <cell r="F2174" t="str">
            <v>Valid cases for use of fixed-term contracts, other than  “objective”  or “material” situation</v>
          </cell>
          <cell r="G2174">
            <v>2012</v>
          </cell>
          <cell r="H2174">
            <v>2012</v>
          </cell>
          <cell r="I2174" t="str">
            <v>Fixed-term contracts are permitted without specifying an objective reason.</v>
          </cell>
          <cell r="J2174">
            <v>3</v>
          </cell>
          <cell r="M2174">
            <v>0</v>
          </cell>
        </row>
        <row r="2175">
          <cell r="A2175" t="str">
            <v>BELFTC22012</v>
          </cell>
          <cell r="B2175" t="str">
            <v>BEL</v>
          </cell>
          <cell r="C2175" t="str">
            <v>Belgium</v>
          </cell>
          <cell r="D2175" t="str">
            <v>Item 11</v>
          </cell>
          <cell r="E2175" t="str">
            <v>FTC2</v>
          </cell>
          <cell r="F2175" t="str">
            <v>Maximum number of successive fixed-term contracts</v>
          </cell>
          <cell r="G2175">
            <v>2012</v>
          </cell>
          <cell r="H2175">
            <v>2012</v>
          </cell>
          <cell r="I2175"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75">
            <v>4</v>
          </cell>
          <cell r="M2175">
            <v>2</v>
          </cell>
        </row>
        <row r="2176">
          <cell r="A2176" t="str">
            <v>BELFTC32012</v>
          </cell>
          <cell r="B2176" t="str">
            <v>BEL</v>
          </cell>
          <cell r="C2176" t="str">
            <v>Belgium</v>
          </cell>
          <cell r="D2176" t="str">
            <v>Item 12</v>
          </cell>
          <cell r="E2176" t="str">
            <v>FTC3</v>
          </cell>
          <cell r="F2176" t="str">
            <v>Maximum cumulated duration of successive fixed-term contracts</v>
          </cell>
          <cell r="G2176">
            <v>2012</v>
          </cell>
          <cell r="H2176">
            <v>2012</v>
          </cell>
          <cell r="I2176"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76">
            <v>30</v>
          </cell>
          <cell r="M2176">
            <v>2</v>
          </cell>
        </row>
        <row r="2177">
          <cell r="A2177" t="str">
            <v>BELTWA12012</v>
          </cell>
          <cell r="B2177" t="str">
            <v>BEL</v>
          </cell>
          <cell r="C2177" t="str">
            <v>Belgium</v>
          </cell>
          <cell r="D2177" t="str">
            <v>Item 13</v>
          </cell>
          <cell r="E2177" t="str">
            <v>TWA1</v>
          </cell>
          <cell r="F2177" t="str">
            <v>Types of work for which TWA employment is legal</v>
          </cell>
          <cell r="G2177">
            <v>2012</v>
          </cell>
          <cell r="H2177">
            <v>2012</v>
          </cell>
          <cell r="I2177" t="str">
            <v xml:space="preserve">Use of services of temporary work agencies (TWA): temporary replacement of a permanent employee; temporary increase in workload; work of an exceptional nature.  </v>
          </cell>
          <cell r="J2177">
            <v>2</v>
          </cell>
          <cell r="M2177">
            <v>3</v>
          </cell>
        </row>
        <row r="2178">
          <cell r="A2178" t="str">
            <v>BELTWA22012</v>
          </cell>
          <cell r="B2178" t="str">
            <v>BEL</v>
          </cell>
          <cell r="C2178" t="str">
            <v>Belgium</v>
          </cell>
          <cell r="D2178" t="str">
            <v>Item 14</v>
          </cell>
          <cell r="E2178" t="str">
            <v>TWA2A, TWA2B</v>
          </cell>
          <cell r="F2178" t="str">
            <v>Are there any restrictions on the number of renewals of a TWA contract?</v>
          </cell>
          <cell r="G2178">
            <v>2012</v>
          </cell>
          <cell r="H2178">
            <v>2012</v>
          </cell>
          <cell r="I2178" t="str">
            <v xml:space="preserve">Authorisation procedures and time limit on the use of temporary employment.
No particular restrictions with regard to the contract between the TWA and the worker. 
</v>
          </cell>
          <cell r="J2178" t="str">
            <v>Yes</v>
          </cell>
          <cell r="K2178" t="str">
            <v>No</v>
          </cell>
          <cell r="M2178">
            <v>4</v>
          </cell>
          <cell r="N2178">
            <v>2</v>
          </cell>
        </row>
        <row r="2179">
          <cell r="A2179" t="str">
            <v>BELTWA32012</v>
          </cell>
          <cell r="B2179" t="str">
            <v>BEL</v>
          </cell>
          <cell r="C2179" t="str">
            <v>Belgium</v>
          </cell>
          <cell r="D2179" t="str">
            <v>Item 15</v>
          </cell>
          <cell r="E2179" t="str">
            <v>TWA3A, TWA3B</v>
          </cell>
          <cell r="F2179" t="str">
            <v>Maximum cumulated duration of temporary work contracts</v>
          </cell>
          <cell r="G2179">
            <v>2012</v>
          </cell>
          <cell r="H2179">
            <v>2012</v>
          </cell>
          <cell r="I2179"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179">
            <v>11</v>
          </cell>
          <cell r="K2179">
            <v>100</v>
          </cell>
          <cell r="M2179">
            <v>5</v>
          </cell>
          <cell r="N2179">
            <v>0</v>
          </cell>
        </row>
        <row r="2180">
          <cell r="A2180" t="str">
            <v>BELTWA42012</v>
          </cell>
          <cell r="B2180" t="str">
            <v>BEL</v>
          </cell>
          <cell r="C2180" t="str">
            <v>Belgium</v>
          </cell>
          <cell r="D2180" t="str">
            <v>Item 16</v>
          </cell>
          <cell r="E2180" t="str">
            <v>TWA4</v>
          </cell>
          <cell r="F2180" t="str">
            <v>Authorisation and reporting obligations</v>
          </cell>
          <cell r="G2180">
            <v>2012</v>
          </cell>
          <cell r="H2180">
            <v>2012</v>
          </cell>
          <cell r="I2180" t="str">
            <v>Authorisation from regional authorities is required for the setting up of a TWA.</v>
          </cell>
          <cell r="J2180">
            <v>1</v>
          </cell>
          <cell r="M2180">
            <v>2</v>
          </cell>
        </row>
        <row r="2181">
          <cell r="A2181" t="str">
            <v>BELTWA52012</v>
          </cell>
          <cell r="B2181" t="str">
            <v>BEL</v>
          </cell>
          <cell r="C2181" t="str">
            <v>Belgium</v>
          </cell>
          <cell r="D2181" t="str">
            <v>Item 17</v>
          </cell>
          <cell r="E2181" t="str">
            <v>TWA5</v>
          </cell>
          <cell r="F2181" t="str">
            <v>Equal treatment for TWA workers</v>
          </cell>
          <cell r="G2181">
            <v>2012</v>
          </cell>
          <cell r="H2181">
            <v>2012</v>
          </cell>
          <cell r="I2181" t="str">
            <v>Yes</v>
          </cell>
          <cell r="J2181">
            <v>2</v>
          </cell>
          <cell r="M2181">
            <v>6</v>
          </cell>
        </row>
        <row r="2182">
          <cell r="A2182" t="str">
            <v>BELCD12012</v>
          </cell>
          <cell r="B2182" t="str">
            <v>BEL</v>
          </cell>
          <cell r="C2182" t="str">
            <v>Belgium</v>
          </cell>
          <cell r="D2182" t="str">
            <v>Item 18</v>
          </cell>
          <cell r="E2182" t="str">
            <v>CD1</v>
          </cell>
          <cell r="F2182" t="str">
            <v>Definition of collective dismissal</v>
          </cell>
          <cell r="G2182">
            <v>2012</v>
          </cell>
          <cell r="H2182">
            <v>2012</v>
          </cell>
          <cell r="I2182"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182">
            <v>3</v>
          </cell>
          <cell r="M2182">
            <v>4.5</v>
          </cell>
        </row>
        <row r="2183">
          <cell r="A2183" t="str">
            <v>BELCD22012</v>
          </cell>
          <cell r="B2183" t="str">
            <v>BEL</v>
          </cell>
          <cell r="C2183" t="str">
            <v>Belgium</v>
          </cell>
          <cell r="D2183" t="str">
            <v>Item 19</v>
          </cell>
          <cell r="E2183" t="str">
            <v>CD2</v>
          </cell>
          <cell r="F2183" t="str">
            <v>Additional notification requirements in case of collective dismissals</v>
          </cell>
          <cell r="G2183">
            <v>2012</v>
          </cell>
          <cell r="H2183">
            <v>2012</v>
          </cell>
          <cell r="I2183"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183">
            <v>2</v>
          </cell>
          <cell r="M2183">
            <v>6</v>
          </cell>
        </row>
        <row r="2184">
          <cell r="A2184" t="str">
            <v>BELCD32012</v>
          </cell>
          <cell r="B2184" t="str">
            <v>BEL</v>
          </cell>
          <cell r="C2184" t="str">
            <v>Belgium</v>
          </cell>
          <cell r="D2184" t="str">
            <v>Item 20</v>
          </cell>
          <cell r="E2184" t="str">
            <v>CD3</v>
          </cell>
          <cell r="F2184" t="str">
            <v>Additional delays involved in case of collective dismissals</v>
          </cell>
          <cell r="G2184">
            <v>2012</v>
          </cell>
          <cell r="H2184">
            <v>2012</v>
          </cell>
          <cell r="I2184"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184">
            <v>50</v>
          </cell>
          <cell r="M2184">
            <v>4</v>
          </cell>
        </row>
        <row r="2185">
          <cell r="A2185" t="str">
            <v>BELCD42012</v>
          </cell>
          <cell r="B2185" t="str">
            <v>BEL</v>
          </cell>
          <cell r="C2185" t="str">
            <v>Belgium</v>
          </cell>
          <cell r="D2185" t="str">
            <v>Item 21</v>
          </cell>
          <cell r="E2185" t="str">
            <v>CD4</v>
          </cell>
          <cell r="F2185" t="str">
            <v>Other special costs to employers in case of collective dismissals</v>
          </cell>
          <cell r="G2185">
            <v>2012</v>
          </cell>
          <cell r="H2185">
            <v>2012</v>
          </cell>
          <cell r="I2185"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185">
            <v>2</v>
          </cell>
          <cell r="M2185">
            <v>6</v>
          </cell>
        </row>
        <row r="2186">
          <cell r="A2186" t="str">
            <v>BELREG12013</v>
          </cell>
          <cell r="B2186" t="str">
            <v>BEL</v>
          </cell>
          <cell r="C2186" t="str">
            <v>Belgium</v>
          </cell>
          <cell r="D2186" t="str">
            <v>Item 1</v>
          </cell>
          <cell r="E2186" t="str">
            <v>REG1</v>
          </cell>
          <cell r="F2186" t="str">
            <v>Notification procedures</v>
          </cell>
          <cell r="G2186">
            <v>2013</v>
          </cell>
          <cell r="H2186">
            <v>2013</v>
          </cell>
          <cell r="I2186" t="str">
            <v>Notification of employee by registered letter. Oral notification possible if the employer chooses severance pay in lieu of notice but only if the worker does not challenge the dismissal.</v>
          </cell>
          <cell r="J2186">
            <v>1</v>
          </cell>
          <cell r="M2186">
            <v>2</v>
          </cell>
        </row>
        <row r="2187">
          <cell r="A2187" t="str">
            <v>BELREG22013</v>
          </cell>
          <cell r="B2187" t="str">
            <v>BEL</v>
          </cell>
          <cell r="C2187" t="str">
            <v>Belgium</v>
          </cell>
          <cell r="D2187" t="str">
            <v>Item 2</v>
          </cell>
          <cell r="E2187" t="str">
            <v>REG2</v>
          </cell>
          <cell r="F2187" t="str">
            <v>Delay before notice can start</v>
          </cell>
          <cell r="G2187">
            <v>2013</v>
          </cell>
          <cell r="H2187">
            <v>2013</v>
          </cell>
          <cell r="I2187"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87">
            <v>12.25</v>
          </cell>
          <cell r="M2187">
            <v>2</v>
          </cell>
        </row>
        <row r="2188">
          <cell r="A2188" t="str">
            <v>BELREG32013</v>
          </cell>
          <cell r="B2188" t="str">
            <v>BEL</v>
          </cell>
          <cell r="C2188" t="str">
            <v>Belgium</v>
          </cell>
          <cell r="D2188" t="str">
            <v>Item 3</v>
          </cell>
          <cell r="E2188" t="str">
            <v>REG3A, REG3B, REG3C</v>
          </cell>
          <cell r="F2188" t="str">
            <v>Notice / tenure</v>
          </cell>
          <cell r="G2188">
            <v>2013</v>
          </cell>
          <cell r="H2188">
            <v>2013</v>
          </cell>
          <cell r="I2188"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88">
            <v>2.15</v>
          </cell>
          <cell r="K2188">
            <v>2.65</v>
          </cell>
          <cell r="L2188">
            <v>11.15</v>
          </cell>
          <cell r="M2188">
            <v>6</v>
          </cell>
          <cell r="N2188">
            <v>5</v>
          </cell>
          <cell r="O2188">
            <v>6</v>
          </cell>
          <cell r="P2188" t="str">
            <v>1er janvier 2012</v>
          </cell>
        </row>
        <row r="2189">
          <cell r="A2189" t="str">
            <v>BELREG42013</v>
          </cell>
          <cell r="B2189" t="str">
            <v>BEL</v>
          </cell>
          <cell r="C2189" t="str">
            <v>Belgium</v>
          </cell>
          <cell r="D2189" t="str">
            <v>Item 4</v>
          </cell>
          <cell r="E2189" t="str">
            <v>REG4A, REG4B, REG4C</v>
          </cell>
          <cell r="F2189" t="str">
            <v>Severance pay / tenure</v>
          </cell>
          <cell r="G2189">
            <v>2013</v>
          </cell>
          <cell r="H2189">
            <v>2013</v>
          </cell>
          <cell r="I2189" t="str">
            <v>In the event of dismissal without a notice period, severance pay depends on the length of the notice period that should have been observed. For example, if the notice period is 3 months, severance pay shall be equivalent to 3 months’ salary.</v>
          </cell>
          <cell r="J2189">
            <v>0</v>
          </cell>
          <cell r="K2189">
            <v>0</v>
          </cell>
          <cell r="L2189">
            <v>0</v>
          </cell>
          <cell r="M2189">
            <v>0</v>
          </cell>
          <cell r="N2189">
            <v>0</v>
          </cell>
          <cell r="O2189">
            <v>0</v>
          </cell>
        </row>
        <row r="2190">
          <cell r="A2190" t="str">
            <v>BELREG52013</v>
          </cell>
          <cell r="B2190" t="str">
            <v>BEL</v>
          </cell>
          <cell r="C2190" t="str">
            <v>Belgium</v>
          </cell>
          <cell r="D2190" t="str">
            <v>Item 5</v>
          </cell>
          <cell r="E2190" t="str">
            <v>REG5</v>
          </cell>
          <cell r="F2190" t="str">
            <v>Definition of justified or unfair dismissal</v>
          </cell>
          <cell r="G2190">
            <v>2013</v>
          </cell>
          <cell r="H2190">
            <v>2013</v>
          </cell>
          <cell r="I2190"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90">
            <v>0</v>
          </cell>
          <cell r="M2190">
            <v>0</v>
          </cell>
        </row>
        <row r="2191">
          <cell r="A2191" t="str">
            <v>BELREG62013</v>
          </cell>
          <cell r="B2191" t="str">
            <v>BEL</v>
          </cell>
          <cell r="C2191" t="str">
            <v>Belgium</v>
          </cell>
          <cell r="D2191" t="str">
            <v>Item 6</v>
          </cell>
          <cell r="E2191" t="str">
            <v>REG6</v>
          </cell>
          <cell r="F2191" t="str">
            <v>Trial period</v>
          </cell>
          <cell r="G2191">
            <v>2013</v>
          </cell>
          <cell r="H2191">
            <v>2013</v>
          </cell>
          <cell r="I2191"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91">
            <v>4.75</v>
          </cell>
          <cell r="M2191">
            <v>4</v>
          </cell>
        </row>
        <row r="2192">
          <cell r="A2192" t="str">
            <v>BELREG72013</v>
          </cell>
          <cell r="B2192" t="str">
            <v>BEL</v>
          </cell>
          <cell r="C2192" t="str">
            <v>Belgium</v>
          </cell>
          <cell r="D2192" t="str">
            <v>Item 7</v>
          </cell>
          <cell r="E2192" t="str">
            <v>REG7</v>
          </cell>
          <cell r="F2192" t="str">
            <v xml:space="preserve">Compensation following unfair dismissal </v>
          </cell>
          <cell r="G2192">
            <v>2013</v>
          </cell>
          <cell r="H2192">
            <v>2013</v>
          </cell>
          <cell r="I2192"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29 days + 6 months
White collar workers: if gross annual remuneration is not more than EUR 32 254: 15 months. If gross annual remuneration is more than EUR 32 254: minimum of 600 days.
These compensation payments include amounts due for dismissal without a notice period
Calculation: average for blue and white collar workers: (6+0)/2 = 3 months
</v>
          </cell>
          <cell r="J2192">
            <v>3</v>
          </cell>
          <cell r="M2192">
            <v>0</v>
          </cell>
        </row>
        <row r="2193">
          <cell r="A2193" t="str">
            <v>BELREG82013</v>
          </cell>
          <cell r="B2193" t="str">
            <v>BEL</v>
          </cell>
          <cell r="C2193" t="str">
            <v>Belgium</v>
          </cell>
          <cell r="D2193" t="str">
            <v>Item 8</v>
          </cell>
          <cell r="E2193" t="str">
            <v>REG8</v>
          </cell>
          <cell r="F2193" t="str">
            <v>Possibility of reinstatement following unfair dismissal</v>
          </cell>
          <cell r="G2193">
            <v>2013</v>
          </cell>
          <cell r="H2193">
            <v>2013</v>
          </cell>
          <cell r="I2193" t="str">
            <v xml:space="preserve">There is no right to reinstatement. </v>
          </cell>
          <cell r="J2193">
            <v>0</v>
          </cell>
          <cell r="M2193">
            <v>0</v>
          </cell>
        </row>
        <row r="2194">
          <cell r="A2194" t="str">
            <v>BELREG92013</v>
          </cell>
          <cell r="B2194" t="str">
            <v>BEL</v>
          </cell>
          <cell r="C2194" t="str">
            <v>Belgium</v>
          </cell>
          <cell r="D2194" t="str">
            <v>Item 9</v>
          </cell>
          <cell r="E2194" t="str">
            <v>REG9</v>
          </cell>
          <cell r="F2194" t="str">
            <v>Maximum time for claim</v>
          </cell>
          <cell r="G2194">
            <v>2013</v>
          </cell>
          <cell r="H2194">
            <v>2013</v>
          </cell>
          <cell r="I2194" t="str">
            <v xml:space="preserve">The time limit for making a claim of unfair dismissal is 1 year from the date at which the contract is terminated. </v>
          </cell>
          <cell r="J2194">
            <v>12</v>
          </cell>
          <cell r="M2194">
            <v>5</v>
          </cell>
        </row>
        <row r="2195">
          <cell r="A2195" t="str">
            <v>BELFTC12013</v>
          </cell>
          <cell r="B2195" t="str">
            <v>BEL</v>
          </cell>
          <cell r="C2195" t="str">
            <v>Belgium</v>
          </cell>
          <cell r="D2195" t="str">
            <v>Item 10</v>
          </cell>
          <cell r="E2195" t="str">
            <v>FTC1</v>
          </cell>
          <cell r="F2195" t="str">
            <v>Valid cases for use of fixed-term contracts, other than  “objective”  or “material” situation</v>
          </cell>
          <cell r="G2195">
            <v>2013</v>
          </cell>
          <cell r="H2195">
            <v>2013</v>
          </cell>
          <cell r="I2195" t="str">
            <v>Fixed-term contracts are permitted without specifying an objective reason.</v>
          </cell>
          <cell r="J2195">
            <v>3</v>
          </cell>
          <cell r="M2195">
            <v>0</v>
          </cell>
        </row>
        <row r="2196">
          <cell r="A2196" t="str">
            <v>BELFTC22013</v>
          </cell>
          <cell r="B2196" t="str">
            <v>BEL</v>
          </cell>
          <cell r="C2196" t="str">
            <v>Belgium</v>
          </cell>
          <cell r="D2196" t="str">
            <v>Item 11</v>
          </cell>
          <cell r="E2196" t="str">
            <v>FTC2</v>
          </cell>
          <cell r="F2196" t="str">
            <v>Maximum number of successive fixed-term contracts</v>
          </cell>
          <cell r="G2196">
            <v>2013</v>
          </cell>
          <cell r="H2196">
            <v>2013</v>
          </cell>
          <cell r="I2196"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96">
            <v>4</v>
          </cell>
          <cell r="M2196">
            <v>2</v>
          </cell>
        </row>
        <row r="2197">
          <cell r="A2197" t="str">
            <v>BELFTC32013</v>
          </cell>
          <cell r="B2197" t="str">
            <v>BEL</v>
          </cell>
          <cell r="C2197" t="str">
            <v>Belgium</v>
          </cell>
          <cell r="D2197" t="str">
            <v>Item 12</v>
          </cell>
          <cell r="E2197" t="str">
            <v>FTC3</v>
          </cell>
          <cell r="F2197" t="str">
            <v>Maximum cumulated duration of successive fixed-term contracts</v>
          </cell>
          <cell r="G2197">
            <v>2013</v>
          </cell>
          <cell r="H2197">
            <v>2013</v>
          </cell>
          <cell r="I2197"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97">
            <v>30</v>
          </cell>
          <cell r="M2197">
            <v>2</v>
          </cell>
        </row>
        <row r="2198">
          <cell r="A2198" t="str">
            <v>BELTWA12013</v>
          </cell>
          <cell r="B2198" t="str">
            <v>BEL</v>
          </cell>
          <cell r="C2198" t="str">
            <v>Belgium</v>
          </cell>
          <cell r="D2198" t="str">
            <v>Item 13</v>
          </cell>
          <cell r="E2198" t="str">
            <v>TWA1</v>
          </cell>
          <cell r="F2198" t="str">
            <v>Types of work for which TWA employment is legal</v>
          </cell>
          <cell r="G2198">
            <v>2013</v>
          </cell>
          <cell r="H2198">
            <v>2013</v>
          </cell>
          <cell r="I2198" t="str">
            <v xml:space="preserve">Use of services of temporary work agencies (TWA): temporary replacement of a permanent employee; temporary increase in workload; work of an exceptional nature.  </v>
          </cell>
          <cell r="J2198">
            <v>2</v>
          </cell>
          <cell r="M2198">
            <v>3</v>
          </cell>
        </row>
        <row r="2199">
          <cell r="A2199" t="str">
            <v>BELTWA22013</v>
          </cell>
          <cell r="B2199" t="str">
            <v>BEL</v>
          </cell>
          <cell r="C2199" t="str">
            <v>Belgium</v>
          </cell>
          <cell r="D2199" t="str">
            <v>Item 14</v>
          </cell>
          <cell r="E2199" t="str">
            <v>TWA2A, TWA2B</v>
          </cell>
          <cell r="F2199" t="str">
            <v>Are there any restrictions on the number of renewals of a TWA contract?</v>
          </cell>
          <cell r="G2199">
            <v>2013</v>
          </cell>
          <cell r="H2199">
            <v>2013</v>
          </cell>
          <cell r="I2199" t="str">
            <v xml:space="preserve">Authorisation procedures and time limit on the use of temporary employment.
No particular restrictions with regard to the contract between the TWA and the worker. 
</v>
          </cell>
          <cell r="J2199" t="str">
            <v>Yes</v>
          </cell>
          <cell r="K2199" t="str">
            <v>No</v>
          </cell>
          <cell r="M2199">
            <v>4</v>
          </cell>
          <cell r="N2199">
            <v>2</v>
          </cell>
        </row>
        <row r="2200">
          <cell r="A2200" t="str">
            <v>BELTWA32013</v>
          </cell>
          <cell r="B2200" t="str">
            <v>BEL</v>
          </cell>
          <cell r="C2200" t="str">
            <v>Belgium</v>
          </cell>
          <cell r="D2200" t="str">
            <v>Item 15</v>
          </cell>
          <cell r="E2200" t="str">
            <v>TWA3A, TWA3B</v>
          </cell>
          <cell r="F2200" t="str">
            <v>Maximum cumulated duration of temporary work contracts</v>
          </cell>
          <cell r="G2200">
            <v>2013</v>
          </cell>
          <cell r="H2200">
            <v>2013</v>
          </cell>
          <cell r="I2200"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200">
            <v>11</v>
          </cell>
          <cell r="K2200">
            <v>100</v>
          </cell>
          <cell r="M2200">
            <v>5</v>
          </cell>
          <cell r="N2200">
            <v>0</v>
          </cell>
        </row>
        <row r="2201">
          <cell r="A2201" t="str">
            <v>BELTWA42013</v>
          </cell>
          <cell r="B2201" t="str">
            <v>BEL</v>
          </cell>
          <cell r="C2201" t="str">
            <v>Belgium</v>
          </cell>
          <cell r="D2201" t="str">
            <v>Item 16</v>
          </cell>
          <cell r="E2201" t="str">
            <v>TWA4</v>
          </cell>
          <cell r="F2201" t="str">
            <v>Authorisation and reporting obligations</v>
          </cell>
          <cell r="G2201">
            <v>2013</v>
          </cell>
          <cell r="H2201">
            <v>2013</v>
          </cell>
          <cell r="I2201" t="str">
            <v>Authorisation from regional authorities is required for the setting up of a TWA.</v>
          </cell>
          <cell r="J2201">
            <v>1</v>
          </cell>
          <cell r="M2201">
            <v>2</v>
          </cell>
        </row>
        <row r="2202">
          <cell r="A2202" t="str">
            <v>BELTWA52013</v>
          </cell>
          <cell r="B2202" t="str">
            <v>BEL</v>
          </cell>
          <cell r="C2202" t="str">
            <v>Belgium</v>
          </cell>
          <cell r="D2202" t="str">
            <v>Item 17</v>
          </cell>
          <cell r="E2202" t="str">
            <v>TWA5</v>
          </cell>
          <cell r="F2202" t="str">
            <v>Equal treatment for TWA workers</v>
          </cell>
          <cell r="G2202">
            <v>2013</v>
          </cell>
          <cell r="H2202">
            <v>2013</v>
          </cell>
          <cell r="I2202" t="str">
            <v>Yes</v>
          </cell>
          <cell r="J2202">
            <v>2</v>
          </cell>
          <cell r="M2202">
            <v>6</v>
          </cell>
        </row>
        <row r="2203">
          <cell r="A2203" t="str">
            <v>BELCD12013</v>
          </cell>
          <cell r="B2203" t="str">
            <v>BEL</v>
          </cell>
          <cell r="C2203" t="str">
            <v>Belgium</v>
          </cell>
          <cell r="D2203" t="str">
            <v>Item 18</v>
          </cell>
          <cell r="E2203" t="str">
            <v>CD1</v>
          </cell>
          <cell r="F2203" t="str">
            <v>Definition of collective dismissal</v>
          </cell>
          <cell r="G2203">
            <v>2013</v>
          </cell>
          <cell r="H2203">
            <v>2013</v>
          </cell>
          <cell r="I2203"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203">
            <v>3</v>
          </cell>
          <cell r="M2203">
            <v>4.5</v>
          </cell>
        </row>
        <row r="2204">
          <cell r="A2204" t="str">
            <v>BELCD22013</v>
          </cell>
          <cell r="B2204" t="str">
            <v>BEL</v>
          </cell>
          <cell r="C2204" t="str">
            <v>Belgium</v>
          </cell>
          <cell r="D2204" t="str">
            <v>Item 19</v>
          </cell>
          <cell r="E2204" t="str">
            <v>CD2</v>
          </cell>
          <cell r="F2204" t="str">
            <v>Additional notification requirements in case of collective dismissals</v>
          </cell>
          <cell r="G2204">
            <v>2013</v>
          </cell>
          <cell r="H2204">
            <v>2013</v>
          </cell>
          <cell r="I2204"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204">
            <v>2</v>
          </cell>
          <cell r="M2204">
            <v>6</v>
          </cell>
        </row>
        <row r="2205">
          <cell r="A2205" t="str">
            <v>BELCD32013</v>
          </cell>
          <cell r="B2205" t="str">
            <v>BEL</v>
          </cell>
          <cell r="C2205" t="str">
            <v>Belgium</v>
          </cell>
          <cell r="D2205" t="str">
            <v>Item 20</v>
          </cell>
          <cell r="E2205" t="str">
            <v>CD3</v>
          </cell>
          <cell r="F2205" t="str">
            <v>Additional delays involved in case of collective dismissals</v>
          </cell>
          <cell r="G2205">
            <v>2013</v>
          </cell>
          <cell r="H2205">
            <v>2013</v>
          </cell>
          <cell r="I2205"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205">
            <v>50</v>
          </cell>
          <cell r="M2205">
            <v>4</v>
          </cell>
        </row>
        <row r="2206">
          <cell r="A2206" t="str">
            <v>BELCD42013</v>
          </cell>
          <cell r="B2206" t="str">
            <v>BEL</v>
          </cell>
          <cell r="C2206" t="str">
            <v>Belgium</v>
          </cell>
          <cell r="D2206" t="str">
            <v>Item 21</v>
          </cell>
          <cell r="E2206" t="str">
            <v>CD4</v>
          </cell>
          <cell r="F2206" t="str">
            <v>Other special costs to employers in case of collective dismissals</v>
          </cell>
          <cell r="G2206">
            <v>2013</v>
          </cell>
          <cell r="H2206">
            <v>2013</v>
          </cell>
          <cell r="I2206"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206">
            <v>2</v>
          </cell>
          <cell r="M2206">
            <v>6</v>
          </cell>
        </row>
        <row r="2207">
          <cell r="A2207" t="str">
            <v>KORREG12012</v>
          </cell>
          <cell r="B2207" t="str">
            <v>KOR</v>
          </cell>
          <cell r="C2207" t="str">
            <v>Korea</v>
          </cell>
          <cell r="D2207" t="str">
            <v>Item 1</v>
          </cell>
          <cell r="E2207" t="str">
            <v>REG1</v>
          </cell>
          <cell r="F2207" t="str">
            <v>Notification procedures</v>
          </cell>
          <cell r="G2207">
            <v>2012</v>
          </cell>
          <cell r="H2207">
            <v>2012</v>
          </cell>
          <cell r="I220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07">
            <v>1.5</v>
          </cell>
          <cell r="M2207">
            <v>3</v>
          </cell>
        </row>
        <row r="2208">
          <cell r="A2208" t="str">
            <v>KORREG22012</v>
          </cell>
          <cell r="B2208" t="str">
            <v>KOR</v>
          </cell>
          <cell r="C2208" t="str">
            <v>Korea</v>
          </cell>
          <cell r="D2208" t="str">
            <v>Item 2</v>
          </cell>
          <cell r="E2208" t="str">
            <v>REG2</v>
          </cell>
          <cell r="F2208" t="str">
            <v>Delay before notice can start</v>
          </cell>
          <cell r="G2208">
            <v>2012</v>
          </cell>
          <cell r="H2208">
            <v>2012</v>
          </cell>
          <cell r="I220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08">
            <v>20</v>
          </cell>
          <cell r="M2208">
            <v>3</v>
          </cell>
        </row>
        <row r="2209">
          <cell r="A2209" t="str">
            <v>KORREG32012</v>
          </cell>
          <cell r="B2209" t="str">
            <v>KOR</v>
          </cell>
          <cell r="C2209" t="str">
            <v>Korea</v>
          </cell>
          <cell r="D2209" t="str">
            <v>Item 3</v>
          </cell>
          <cell r="E2209" t="str">
            <v>REG3A, REG3B, REG3C</v>
          </cell>
          <cell r="F2209" t="str">
            <v>Notice / tenure</v>
          </cell>
          <cell r="G2209">
            <v>2012</v>
          </cell>
          <cell r="H2209">
            <v>2012</v>
          </cell>
          <cell r="I220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09">
            <v>1</v>
          </cell>
          <cell r="K2209">
            <v>1</v>
          </cell>
          <cell r="L2209">
            <v>1</v>
          </cell>
          <cell r="M2209">
            <v>3</v>
          </cell>
          <cell r="N2209">
            <v>2</v>
          </cell>
          <cell r="O2209">
            <v>1</v>
          </cell>
        </row>
        <row r="2210">
          <cell r="A2210" t="str">
            <v>KORREG42012</v>
          </cell>
          <cell r="B2210" t="str">
            <v>KOR</v>
          </cell>
          <cell r="C2210" t="str">
            <v>Korea</v>
          </cell>
          <cell r="D2210" t="str">
            <v>Item 4</v>
          </cell>
          <cell r="E2210" t="str">
            <v>REG4A, REG4B, REG4C</v>
          </cell>
          <cell r="F2210" t="str">
            <v>Severance pay / tenure</v>
          </cell>
          <cell r="G2210">
            <v>2012</v>
          </cell>
          <cell r="H2210">
            <v>2012</v>
          </cell>
          <cell r="I2210" t="str">
            <v xml:space="preserve">There is no severance pay. All firms are required to pay at least 30 days pay per year of service regardless of the reason for separation (i.e. voluntary quit or involuntary dismissal) to those with at least one year of tenure. </v>
          </cell>
          <cell r="J2210">
            <v>0</v>
          </cell>
          <cell r="K2210">
            <v>0</v>
          </cell>
          <cell r="L2210">
            <v>0</v>
          </cell>
          <cell r="M2210">
            <v>0</v>
          </cell>
          <cell r="N2210">
            <v>0</v>
          </cell>
          <cell r="O2210">
            <v>0</v>
          </cell>
        </row>
        <row r="2211">
          <cell r="A2211" t="str">
            <v>KORREG52012</v>
          </cell>
          <cell r="B2211" t="str">
            <v>KOR</v>
          </cell>
          <cell r="C2211" t="str">
            <v>Korea</v>
          </cell>
          <cell r="D2211" t="str">
            <v>Item 5</v>
          </cell>
          <cell r="E2211" t="str">
            <v>REG5</v>
          </cell>
          <cell r="F2211" t="str">
            <v>Definition of justified or unfair dismissal</v>
          </cell>
          <cell r="G2211">
            <v>2012</v>
          </cell>
          <cell r="H2211">
            <v>2012</v>
          </cell>
          <cell r="I221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11">
            <v>1</v>
          </cell>
          <cell r="M2211">
            <v>2</v>
          </cell>
        </row>
        <row r="2212">
          <cell r="A2212" t="str">
            <v>KORREG62012</v>
          </cell>
          <cell r="B2212" t="str">
            <v>KOR</v>
          </cell>
          <cell r="C2212" t="str">
            <v>Korea</v>
          </cell>
          <cell r="D2212" t="str">
            <v>Item 6</v>
          </cell>
          <cell r="E2212" t="str">
            <v>REG6</v>
          </cell>
          <cell r="F2212" t="str">
            <v>Trial period</v>
          </cell>
          <cell r="G2212">
            <v>2012</v>
          </cell>
          <cell r="H2212">
            <v>2012</v>
          </cell>
          <cell r="I221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12">
            <v>3</v>
          </cell>
          <cell r="M2212">
            <v>4</v>
          </cell>
        </row>
        <row r="2213">
          <cell r="A2213" t="str">
            <v>KORREG72012</v>
          </cell>
          <cell r="B2213" t="str">
            <v>KOR</v>
          </cell>
          <cell r="C2213" t="str">
            <v>Korea</v>
          </cell>
          <cell r="D2213" t="str">
            <v>Item 7</v>
          </cell>
          <cell r="E2213" t="str">
            <v>REG7</v>
          </cell>
          <cell r="F2213" t="str">
            <v xml:space="preserve">Compensation following unfair dismissal </v>
          </cell>
          <cell r="G2213">
            <v>2012</v>
          </cell>
          <cell r="H2213">
            <v>2012</v>
          </cell>
          <cell r="I221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13">
            <v>6</v>
          </cell>
          <cell r="M2213">
            <v>1</v>
          </cell>
        </row>
        <row r="2214">
          <cell r="A2214" t="str">
            <v>KORREG82012</v>
          </cell>
          <cell r="B2214" t="str">
            <v>KOR</v>
          </cell>
          <cell r="C2214" t="str">
            <v>Korea</v>
          </cell>
          <cell r="D2214" t="str">
            <v>Item 8</v>
          </cell>
          <cell r="E2214" t="str">
            <v>REG8</v>
          </cell>
          <cell r="F2214" t="str">
            <v>Possibility of reinstatement following unfair dismissal</v>
          </cell>
          <cell r="G2214">
            <v>2012</v>
          </cell>
          <cell r="H2214">
            <v>2012</v>
          </cell>
          <cell r="I221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14">
            <v>3</v>
          </cell>
          <cell r="M2214">
            <v>6</v>
          </cell>
        </row>
        <row r="2215">
          <cell r="A2215" t="str">
            <v>KORREG92012</v>
          </cell>
          <cell r="B2215" t="str">
            <v>KOR</v>
          </cell>
          <cell r="C2215" t="str">
            <v>Korea</v>
          </cell>
          <cell r="D2215" t="str">
            <v>Item 9</v>
          </cell>
          <cell r="E2215" t="str">
            <v>REG9</v>
          </cell>
          <cell r="F2215" t="str">
            <v>Maximum time for claim</v>
          </cell>
          <cell r="G2215">
            <v>2012</v>
          </cell>
          <cell r="H2215">
            <v>2012</v>
          </cell>
          <cell r="I221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15">
            <v>3</v>
          </cell>
          <cell r="M2215">
            <v>2</v>
          </cell>
        </row>
        <row r="2216">
          <cell r="A2216" t="str">
            <v>KORFTC12012</v>
          </cell>
          <cell r="B2216" t="str">
            <v>KOR</v>
          </cell>
          <cell r="C2216" t="str">
            <v>Korea</v>
          </cell>
          <cell r="D2216" t="str">
            <v>Item 10</v>
          </cell>
          <cell r="E2216" t="str">
            <v>FTC1</v>
          </cell>
          <cell r="F2216" t="str">
            <v>Valid cases for use of fixed-term contracts, other than  “objective”  or “material” situation</v>
          </cell>
          <cell r="G2216">
            <v>2012</v>
          </cell>
          <cell r="H2216">
            <v>2012</v>
          </cell>
          <cell r="I2216" t="str">
            <v xml:space="preserve">Fixed term contracts do not require objective situations or reasons (no restrictions). 
</v>
          </cell>
          <cell r="J2216">
            <v>3</v>
          </cell>
          <cell r="M2216">
            <v>0</v>
          </cell>
        </row>
        <row r="2217">
          <cell r="A2217" t="str">
            <v>KORFTC22012</v>
          </cell>
          <cell r="B2217" t="str">
            <v>KOR</v>
          </cell>
          <cell r="C2217" t="str">
            <v>Korea</v>
          </cell>
          <cell r="D2217" t="str">
            <v>Item 11</v>
          </cell>
          <cell r="E2217" t="str">
            <v>FTC2</v>
          </cell>
          <cell r="F2217" t="str">
            <v>Maximum number of successive fixed-term contracts</v>
          </cell>
          <cell r="G2217">
            <v>2012</v>
          </cell>
          <cell r="H2217">
            <v>2012</v>
          </cell>
          <cell r="I2217" t="str">
            <v>The number of renewals is not limited within the 2-year limit for fixed term contracts.</v>
          </cell>
          <cell r="J2217">
            <v>100</v>
          </cell>
          <cell r="M2217">
            <v>0</v>
          </cell>
        </row>
        <row r="2218">
          <cell r="A2218" t="str">
            <v>KORFTC32012</v>
          </cell>
          <cell r="B2218" t="str">
            <v>KOR</v>
          </cell>
          <cell r="C2218" t="str">
            <v>Korea</v>
          </cell>
          <cell r="D2218" t="str">
            <v>Item 12</v>
          </cell>
          <cell r="E2218" t="str">
            <v>FTC3</v>
          </cell>
          <cell r="F2218" t="str">
            <v>Maximum cumulated duration of successive fixed-term contracts</v>
          </cell>
          <cell r="G2218">
            <v>2012</v>
          </cell>
          <cell r="H2218">
            <v>2012</v>
          </cell>
          <cell r="I221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18">
            <v>24</v>
          </cell>
          <cell r="M2218">
            <v>3</v>
          </cell>
        </row>
        <row r="2219">
          <cell r="A2219" t="str">
            <v>KORTWA12012</v>
          </cell>
          <cell r="B2219" t="str">
            <v>KOR</v>
          </cell>
          <cell r="C2219" t="str">
            <v>Korea</v>
          </cell>
          <cell r="D2219" t="str">
            <v>Item 13</v>
          </cell>
          <cell r="E2219" t="str">
            <v>TWA1</v>
          </cell>
          <cell r="F2219" t="str">
            <v>Types of work for which TWA employment is legal</v>
          </cell>
          <cell r="G2219">
            <v>2012</v>
          </cell>
          <cell r="H2219">
            <v>2012</v>
          </cell>
          <cell r="I221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19">
            <v>2</v>
          </cell>
          <cell r="M2219">
            <v>3</v>
          </cell>
        </row>
        <row r="2220">
          <cell r="A2220" t="str">
            <v>KORTWA22012</v>
          </cell>
          <cell r="B2220" t="str">
            <v>KOR</v>
          </cell>
          <cell r="C2220" t="str">
            <v>Korea</v>
          </cell>
          <cell r="D2220" t="str">
            <v>Item 14</v>
          </cell>
          <cell r="E2220" t="str">
            <v>TWA2A, TWA2B</v>
          </cell>
          <cell r="F2220" t="str">
            <v>Are there any restrictions on the number of renewals of a TWA contract?</v>
          </cell>
          <cell r="G2220">
            <v>2012</v>
          </cell>
          <cell r="H2220">
            <v>2012</v>
          </cell>
          <cell r="I222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20" t="str">
            <v>Yes</v>
          </cell>
          <cell r="K2220" t="str">
            <v>No</v>
          </cell>
          <cell r="M2220">
            <v>4</v>
          </cell>
          <cell r="N2220">
            <v>2</v>
          </cell>
        </row>
        <row r="2221">
          <cell r="A2221" t="str">
            <v>KORTWA32012</v>
          </cell>
          <cell r="B2221" t="str">
            <v>KOR</v>
          </cell>
          <cell r="C2221" t="str">
            <v>Korea</v>
          </cell>
          <cell r="D2221" t="str">
            <v>Item 15</v>
          </cell>
          <cell r="E2221" t="str">
            <v>TWA3A, TWA3B</v>
          </cell>
          <cell r="F2221" t="str">
            <v>Maximum cumulated duration of temporary work contracts</v>
          </cell>
          <cell r="G2221">
            <v>2012</v>
          </cell>
          <cell r="H2221">
            <v>2012</v>
          </cell>
          <cell r="I222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21">
            <v>15</v>
          </cell>
          <cell r="K2221">
            <v>100</v>
          </cell>
          <cell r="M2221">
            <v>4</v>
          </cell>
          <cell r="N2221">
            <v>0</v>
          </cell>
        </row>
        <row r="2222">
          <cell r="A2222" t="str">
            <v>KORTWA42012</v>
          </cell>
          <cell r="B2222" t="str">
            <v>KOR</v>
          </cell>
          <cell r="C2222" t="str">
            <v>Korea</v>
          </cell>
          <cell r="D2222" t="str">
            <v>Item 16</v>
          </cell>
          <cell r="E2222" t="str">
            <v>TWA4</v>
          </cell>
          <cell r="F2222" t="str">
            <v>Authorisation and reporting obligations</v>
          </cell>
          <cell r="G2222">
            <v>2012</v>
          </cell>
          <cell r="H2222">
            <v>2012</v>
          </cell>
          <cell r="I222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22">
            <v>3</v>
          </cell>
          <cell r="M2222">
            <v>6</v>
          </cell>
        </row>
        <row r="2223">
          <cell r="A2223" t="str">
            <v>KORTWA52012</v>
          </cell>
          <cell r="B2223" t="str">
            <v>KOR</v>
          </cell>
          <cell r="C2223" t="str">
            <v>Korea</v>
          </cell>
          <cell r="D2223" t="str">
            <v>Item 17</v>
          </cell>
          <cell r="E2223" t="str">
            <v>TWA5</v>
          </cell>
          <cell r="F2223" t="str">
            <v>Equal treatment for TWA workers</v>
          </cell>
          <cell r="G2223">
            <v>2012</v>
          </cell>
          <cell r="H2223">
            <v>2012</v>
          </cell>
          <cell r="I222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23">
            <v>2</v>
          </cell>
          <cell r="M2223">
            <v>6</v>
          </cell>
        </row>
        <row r="2224">
          <cell r="A2224" t="str">
            <v>KORCD12012</v>
          </cell>
          <cell r="B2224" t="str">
            <v>KOR</v>
          </cell>
          <cell r="C2224" t="str">
            <v>Korea</v>
          </cell>
          <cell r="D2224" t="str">
            <v>Item 18</v>
          </cell>
          <cell r="E2224" t="str">
            <v>CD1</v>
          </cell>
          <cell r="F2224" t="str">
            <v>Definition of collective dismissal</v>
          </cell>
          <cell r="G2224">
            <v>2012</v>
          </cell>
          <cell r="H2224">
            <v>2012</v>
          </cell>
          <cell r="I222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24">
            <v>3</v>
          </cell>
          <cell r="M2224">
            <v>4.5</v>
          </cell>
        </row>
        <row r="2225">
          <cell r="A2225" t="str">
            <v>KORCD22012</v>
          </cell>
          <cell r="B2225" t="str">
            <v>KOR</v>
          </cell>
          <cell r="C2225" t="str">
            <v>Korea</v>
          </cell>
          <cell r="D2225" t="str">
            <v>Item 19</v>
          </cell>
          <cell r="E2225" t="str">
            <v>CD2</v>
          </cell>
          <cell r="F2225" t="str">
            <v>Additional notification requirements in case of collective dismissals</v>
          </cell>
          <cell r="G2225">
            <v>2012</v>
          </cell>
          <cell r="H2225">
            <v>2012</v>
          </cell>
          <cell r="I2225" t="str">
            <v xml:space="preserve">Notification to Ministry of Labor and Employment 30 days before the dismissal is necessary when dismissing a certain number of employees or more. </v>
          </cell>
          <cell r="J2225">
            <v>1</v>
          </cell>
          <cell r="M2225">
            <v>3</v>
          </cell>
        </row>
        <row r="2226">
          <cell r="A2226" t="str">
            <v>KORCD32012</v>
          </cell>
          <cell r="B2226" t="str">
            <v>KOR</v>
          </cell>
          <cell r="C2226" t="str">
            <v>Korea</v>
          </cell>
          <cell r="D2226" t="str">
            <v>Item 20</v>
          </cell>
          <cell r="E2226" t="str">
            <v>CD3</v>
          </cell>
          <cell r="F2226" t="str">
            <v>Additional delays involved in case of collective dismissals</v>
          </cell>
          <cell r="G2226">
            <v>2012</v>
          </cell>
          <cell r="H2226">
            <v>2012</v>
          </cell>
          <cell r="I222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26">
            <v>0</v>
          </cell>
          <cell r="M2226">
            <v>0</v>
          </cell>
        </row>
        <row r="2227">
          <cell r="A2227" t="str">
            <v>KORCD42012</v>
          </cell>
          <cell r="B2227" t="str">
            <v>KOR</v>
          </cell>
          <cell r="C2227" t="str">
            <v>Korea</v>
          </cell>
          <cell r="D2227" t="str">
            <v>Item 21</v>
          </cell>
          <cell r="E2227" t="str">
            <v>CD4</v>
          </cell>
          <cell r="F2227" t="str">
            <v>Other special costs to employers in case of collective dismissals</v>
          </cell>
          <cell r="G2227">
            <v>2012</v>
          </cell>
          <cell r="H2227">
            <v>2012</v>
          </cell>
          <cell r="I222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27">
            <v>0</v>
          </cell>
          <cell r="M2227">
            <v>0</v>
          </cell>
        </row>
        <row r="2228">
          <cell r="A2228" t="str">
            <v>KORREG12013</v>
          </cell>
          <cell r="B2228" t="str">
            <v>KOR</v>
          </cell>
          <cell r="C2228" t="str">
            <v>Korea</v>
          </cell>
          <cell r="D2228" t="str">
            <v>Item 1</v>
          </cell>
          <cell r="E2228" t="str">
            <v>REG1</v>
          </cell>
          <cell r="F2228" t="str">
            <v>Notification procedures</v>
          </cell>
          <cell r="G2228">
            <v>2013</v>
          </cell>
          <cell r="H2228">
            <v>2013</v>
          </cell>
          <cell r="I2228"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28">
            <v>1.5</v>
          </cell>
          <cell r="M2228">
            <v>3</v>
          </cell>
        </row>
        <row r="2229">
          <cell r="A2229" t="str">
            <v>KORREG22013</v>
          </cell>
          <cell r="B2229" t="str">
            <v>KOR</v>
          </cell>
          <cell r="C2229" t="str">
            <v>Korea</v>
          </cell>
          <cell r="D2229" t="str">
            <v>Item 2</v>
          </cell>
          <cell r="E2229" t="str">
            <v>REG2</v>
          </cell>
          <cell r="F2229" t="str">
            <v>Delay before notice can start</v>
          </cell>
          <cell r="G2229">
            <v>2013</v>
          </cell>
          <cell r="H2229">
            <v>2013</v>
          </cell>
          <cell r="I2229"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29">
            <v>20</v>
          </cell>
          <cell r="M2229">
            <v>3</v>
          </cell>
        </row>
        <row r="2230">
          <cell r="A2230" t="str">
            <v>KORREG32013</v>
          </cell>
          <cell r="B2230" t="str">
            <v>KOR</v>
          </cell>
          <cell r="C2230" t="str">
            <v>Korea</v>
          </cell>
          <cell r="D2230" t="str">
            <v>Item 3</v>
          </cell>
          <cell r="E2230" t="str">
            <v>REG3A, REG3B, REG3C</v>
          </cell>
          <cell r="F2230" t="str">
            <v>Notice / tenure</v>
          </cell>
          <cell r="G2230">
            <v>2013</v>
          </cell>
          <cell r="H2230">
            <v>2013</v>
          </cell>
          <cell r="I2230"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30">
            <v>1</v>
          </cell>
          <cell r="K2230">
            <v>1</v>
          </cell>
          <cell r="L2230">
            <v>1</v>
          </cell>
          <cell r="M2230">
            <v>3</v>
          </cell>
          <cell r="N2230">
            <v>2</v>
          </cell>
          <cell r="O2230">
            <v>1</v>
          </cell>
        </row>
        <row r="2231">
          <cell r="A2231" t="str">
            <v>KORREG42013</v>
          </cell>
          <cell r="B2231" t="str">
            <v>KOR</v>
          </cell>
          <cell r="C2231" t="str">
            <v>Korea</v>
          </cell>
          <cell r="D2231" t="str">
            <v>Item 4</v>
          </cell>
          <cell r="E2231" t="str">
            <v>REG4A, REG4B, REG4C</v>
          </cell>
          <cell r="F2231" t="str">
            <v>Severance pay / tenure</v>
          </cell>
          <cell r="G2231">
            <v>2013</v>
          </cell>
          <cell r="H2231">
            <v>2013</v>
          </cell>
          <cell r="I2231" t="str">
            <v xml:space="preserve">There is no severance pay. All firms are required to pay at least 30 days pay per year of service regardless of the reason for separation (i.e. voluntary quit or involuntary dismissal) to those with at least one year of tenure. </v>
          </cell>
          <cell r="J2231">
            <v>0</v>
          </cell>
          <cell r="K2231">
            <v>0</v>
          </cell>
          <cell r="L2231">
            <v>0</v>
          </cell>
          <cell r="M2231">
            <v>0</v>
          </cell>
          <cell r="N2231">
            <v>0</v>
          </cell>
          <cell r="O2231">
            <v>0</v>
          </cell>
        </row>
        <row r="2232">
          <cell r="A2232" t="str">
            <v>KORREG52013</v>
          </cell>
          <cell r="B2232" t="str">
            <v>KOR</v>
          </cell>
          <cell r="C2232" t="str">
            <v>Korea</v>
          </cell>
          <cell r="D2232" t="str">
            <v>Item 5</v>
          </cell>
          <cell r="E2232" t="str">
            <v>REG5</v>
          </cell>
          <cell r="F2232" t="str">
            <v>Definition of justified or unfair dismissal</v>
          </cell>
          <cell r="G2232">
            <v>2013</v>
          </cell>
          <cell r="H2232">
            <v>2013</v>
          </cell>
          <cell r="I2232"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32">
            <v>1</v>
          </cell>
          <cell r="M2232">
            <v>2</v>
          </cell>
        </row>
        <row r="2233">
          <cell r="A2233" t="str">
            <v>KORREG62013</v>
          </cell>
          <cell r="B2233" t="str">
            <v>KOR</v>
          </cell>
          <cell r="C2233" t="str">
            <v>Korea</v>
          </cell>
          <cell r="D2233" t="str">
            <v>Item 6</v>
          </cell>
          <cell r="E2233" t="str">
            <v>REG6</v>
          </cell>
          <cell r="F2233" t="str">
            <v>Trial period</v>
          </cell>
          <cell r="G2233">
            <v>2013</v>
          </cell>
          <cell r="H2233">
            <v>2013</v>
          </cell>
          <cell r="I2233"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33">
            <v>3</v>
          </cell>
          <cell r="M2233">
            <v>4</v>
          </cell>
        </row>
        <row r="2234">
          <cell r="A2234" t="str">
            <v>KORREG72013</v>
          </cell>
          <cell r="B2234" t="str">
            <v>KOR</v>
          </cell>
          <cell r="C2234" t="str">
            <v>Korea</v>
          </cell>
          <cell r="D2234" t="str">
            <v>Item 7</v>
          </cell>
          <cell r="E2234" t="str">
            <v>REG7</v>
          </cell>
          <cell r="F2234" t="str">
            <v xml:space="preserve">Compensation following unfair dismissal </v>
          </cell>
          <cell r="G2234">
            <v>2013</v>
          </cell>
          <cell r="H2234">
            <v>2013</v>
          </cell>
          <cell r="I2234"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34">
            <v>6</v>
          </cell>
          <cell r="M2234">
            <v>1</v>
          </cell>
        </row>
        <row r="2235">
          <cell r="A2235" t="str">
            <v>KORREG82013</v>
          </cell>
          <cell r="B2235" t="str">
            <v>KOR</v>
          </cell>
          <cell r="C2235" t="str">
            <v>Korea</v>
          </cell>
          <cell r="D2235" t="str">
            <v>Item 8</v>
          </cell>
          <cell r="E2235" t="str">
            <v>REG8</v>
          </cell>
          <cell r="F2235" t="str">
            <v>Possibility of reinstatement following unfair dismissal</v>
          </cell>
          <cell r="G2235">
            <v>2013</v>
          </cell>
          <cell r="H2235">
            <v>2013</v>
          </cell>
          <cell r="I2235"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35">
            <v>3</v>
          </cell>
          <cell r="M2235">
            <v>6</v>
          </cell>
        </row>
        <row r="2236">
          <cell r="A2236" t="str">
            <v>KORREG92013</v>
          </cell>
          <cell r="B2236" t="str">
            <v>KOR</v>
          </cell>
          <cell r="C2236" t="str">
            <v>Korea</v>
          </cell>
          <cell r="D2236" t="str">
            <v>Item 9</v>
          </cell>
          <cell r="E2236" t="str">
            <v>REG9</v>
          </cell>
          <cell r="F2236" t="str">
            <v>Maximum time for claim</v>
          </cell>
          <cell r="G2236">
            <v>2013</v>
          </cell>
          <cell r="H2236">
            <v>2013</v>
          </cell>
          <cell r="I2236"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36">
            <v>3</v>
          </cell>
          <cell r="M2236">
            <v>2</v>
          </cell>
        </row>
        <row r="2237">
          <cell r="A2237" t="str">
            <v>KORFTC12013</v>
          </cell>
          <cell r="B2237" t="str">
            <v>KOR</v>
          </cell>
          <cell r="C2237" t="str">
            <v>Korea</v>
          </cell>
          <cell r="D2237" t="str">
            <v>Item 10</v>
          </cell>
          <cell r="E2237" t="str">
            <v>FTC1</v>
          </cell>
          <cell r="F2237" t="str">
            <v>Valid cases for use of fixed-term contracts, other than  “objective”  or “material” situation</v>
          </cell>
          <cell r="G2237">
            <v>2013</v>
          </cell>
          <cell r="H2237">
            <v>2013</v>
          </cell>
          <cell r="I2237" t="str">
            <v xml:space="preserve">Fixed term contracts do not require objective situations or reasons (no restrictions). 
</v>
          </cell>
          <cell r="J2237">
            <v>3</v>
          </cell>
          <cell r="M2237">
            <v>0</v>
          </cell>
        </row>
        <row r="2238">
          <cell r="A2238" t="str">
            <v>KORFTC22013</v>
          </cell>
          <cell r="B2238" t="str">
            <v>KOR</v>
          </cell>
          <cell r="C2238" t="str">
            <v>Korea</v>
          </cell>
          <cell r="D2238" t="str">
            <v>Item 11</v>
          </cell>
          <cell r="E2238" t="str">
            <v>FTC2</v>
          </cell>
          <cell r="F2238" t="str">
            <v>Maximum number of successive fixed-term contracts</v>
          </cell>
          <cell r="G2238">
            <v>2013</v>
          </cell>
          <cell r="H2238">
            <v>2013</v>
          </cell>
          <cell r="I2238" t="str">
            <v>The number of renewals is not limited within the 2-year limit for fixed term contracts.</v>
          </cell>
          <cell r="J2238">
            <v>100</v>
          </cell>
          <cell r="M2238">
            <v>0</v>
          </cell>
        </row>
        <row r="2239">
          <cell r="A2239" t="str">
            <v>KORFTC32013</v>
          </cell>
          <cell r="B2239" t="str">
            <v>KOR</v>
          </cell>
          <cell r="C2239" t="str">
            <v>Korea</v>
          </cell>
          <cell r="D2239" t="str">
            <v>Item 12</v>
          </cell>
          <cell r="E2239" t="str">
            <v>FTC3</v>
          </cell>
          <cell r="F2239" t="str">
            <v>Maximum cumulated duration of successive fixed-term contracts</v>
          </cell>
          <cell r="G2239">
            <v>2013</v>
          </cell>
          <cell r="H2239">
            <v>2013</v>
          </cell>
          <cell r="I2239"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39">
            <v>24</v>
          </cell>
          <cell r="M2239">
            <v>3</v>
          </cell>
        </row>
        <row r="2240">
          <cell r="A2240" t="str">
            <v>KORTWA12013</v>
          </cell>
          <cell r="B2240" t="str">
            <v>KOR</v>
          </cell>
          <cell r="C2240" t="str">
            <v>Korea</v>
          </cell>
          <cell r="D2240" t="str">
            <v>Item 13</v>
          </cell>
          <cell r="E2240" t="str">
            <v>TWA1</v>
          </cell>
          <cell r="F2240" t="str">
            <v>Types of work for which TWA employment is legal</v>
          </cell>
          <cell r="G2240">
            <v>2013</v>
          </cell>
          <cell r="H2240">
            <v>2013</v>
          </cell>
          <cell r="I2240"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40">
            <v>2</v>
          </cell>
          <cell r="M2240">
            <v>3</v>
          </cell>
        </row>
        <row r="2241">
          <cell r="A2241" t="str">
            <v>KORTWA22013</v>
          </cell>
          <cell r="B2241" t="str">
            <v>KOR</v>
          </cell>
          <cell r="C2241" t="str">
            <v>Korea</v>
          </cell>
          <cell r="D2241" t="str">
            <v>Item 14</v>
          </cell>
          <cell r="E2241" t="str">
            <v>TWA2A, TWA2B</v>
          </cell>
          <cell r="F2241" t="str">
            <v>Are there any restrictions on the number of renewals of a TWA contract?</v>
          </cell>
          <cell r="G2241">
            <v>2013</v>
          </cell>
          <cell r="H2241">
            <v>2013</v>
          </cell>
          <cell r="I2241"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41" t="str">
            <v>Yes</v>
          </cell>
          <cell r="K2241" t="str">
            <v>No</v>
          </cell>
          <cell r="M2241">
            <v>4</v>
          </cell>
          <cell r="N2241">
            <v>2</v>
          </cell>
        </row>
        <row r="2242">
          <cell r="A2242" t="str">
            <v>KORTWA32013</v>
          </cell>
          <cell r="B2242" t="str">
            <v>KOR</v>
          </cell>
          <cell r="C2242" t="str">
            <v>Korea</v>
          </cell>
          <cell r="D2242" t="str">
            <v>Item 15</v>
          </cell>
          <cell r="E2242" t="str">
            <v>TWA3A, TWA3B</v>
          </cell>
          <cell r="F2242" t="str">
            <v>Maximum cumulated duration of temporary work contracts</v>
          </cell>
          <cell r="G2242">
            <v>2013</v>
          </cell>
          <cell r="H2242">
            <v>2013</v>
          </cell>
          <cell r="I2242"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42">
            <v>15</v>
          </cell>
          <cell r="K2242">
            <v>100</v>
          </cell>
          <cell r="M2242">
            <v>4</v>
          </cell>
          <cell r="N2242">
            <v>0</v>
          </cell>
        </row>
        <row r="2243">
          <cell r="A2243" t="str">
            <v>KORTWA42013</v>
          </cell>
          <cell r="B2243" t="str">
            <v>KOR</v>
          </cell>
          <cell r="C2243" t="str">
            <v>Korea</v>
          </cell>
          <cell r="D2243" t="str">
            <v>Item 16</v>
          </cell>
          <cell r="E2243" t="str">
            <v>TWA4</v>
          </cell>
          <cell r="F2243" t="str">
            <v>Authorisation and reporting obligations</v>
          </cell>
          <cell r="G2243">
            <v>2013</v>
          </cell>
          <cell r="H2243">
            <v>2013</v>
          </cell>
          <cell r="I2243"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43">
            <v>3</v>
          </cell>
          <cell r="M2243">
            <v>6</v>
          </cell>
        </row>
        <row r="2244">
          <cell r="A2244" t="str">
            <v>KORTWA52013</v>
          </cell>
          <cell r="B2244" t="str">
            <v>KOR</v>
          </cell>
          <cell r="C2244" t="str">
            <v>Korea</v>
          </cell>
          <cell r="D2244" t="str">
            <v>Item 17</v>
          </cell>
          <cell r="E2244" t="str">
            <v>TWA5</v>
          </cell>
          <cell r="F2244" t="str">
            <v>Equal treatment for TWA workers</v>
          </cell>
          <cell r="G2244">
            <v>2013</v>
          </cell>
          <cell r="H2244">
            <v>2013</v>
          </cell>
          <cell r="I2244"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44">
            <v>2</v>
          </cell>
          <cell r="M2244">
            <v>6</v>
          </cell>
        </row>
        <row r="2245">
          <cell r="A2245" t="str">
            <v>KORCD12013</v>
          </cell>
          <cell r="B2245" t="str">
            <v>KOR</v>
          </cell>
          <cell r="C2245" t="str">
            <v>Korea</v>
          </cell>
          <cell r="D2245" t="str">
            <v>Item 18</v>
          </cell>
          <cell r="E2245" t="str">
            <v>CD1</v>
          </cell>
          <cell r="F2245" t="str">
            <v>Definition of collective dismissal</v>
          </cell>
          <cell r="G2245">
            <v>2013</v>
          </cell>
          <cell r="H2245">
            <v>2013</v>
          </cell>
          <cell r="I2245"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45">
            <v>3</v>
          </cell>
          <cell r="M2245">
            <v>4.5</v>
          </cell>
        </row>
        <row r="2246">
          <cell r="A2246" t="str">
            <v>KORCD22013</v>
          </cell>
          <cell r="B2246" t="str">
            <v>KOR</v>
          </cell>
          <cell r="C2246" t="str">
            <v>Korea</v>
          </cell>
          <cell r="D2246" t="str">
            <v>Item 19</v>
          </cell>
          <cell r="E2246" t="str">
            <v>CD2</v>
          </cell>
          <cell r="F2246" t="str">
            <v>Additional notification requirements in case of collective dismissals</v>
          </cell>
          <cell r="G2246">
            <v>2013</v>
          </cell>
          <cell r="H2246">
            <v>2013</v>
          </cell>
          <cell r="I2246" t="str">
            <v xml:space="preserve">Notification to Ministry of Labor and Employment 30 days before the dismissal is necessary when dismissing a certain number of employees or more. </v>
          </cell>
          <cell r="J2246">
            <v>1</v>
          </cell>
          <cell r="M2246">
            <v>3</v>
          </cell>
        </row>
        <row r="2247">
          <cell r="A2247" t="str">
            <v>KORCD32013</v>
          </cell>
          <cell r="B2247" t="str">
            <v>KOR</v>
          </cell>
          <cell r="C2247" t="str">
            <v>Korea</v>
          </cell>
          <cell r="D2247" t="str">
            <v>Item 20</v>
          </cell>
          <cell r="E2247" t="str">
            <v>CD3</v>
          </cell>
          <cell r="F2247" t="str">
            <v>Additional delays involved in case of collective dismissals</v>
          </cell>
          <cell r="G2247">
            <v>2013</v>
          </cell>
          <cell r="H2247">
            <v>2013</v>
          </cell>
          <cell r="I2247"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47">
            <v>0</v>
          </cell>
          <cell r="M2247">
            <v>0</v>
          </cell>
        </row>
        <row r="2248">
          <cell r="A2248" t="str">
            <v>KORCD42013</v>
          </cell>
          <cell r="B2248" t="str">
            <v>KOR</v>
          </cell>
          <cell r="C2248" t="str">
            <v>Korea</v>
          </cell>
          <cell r="D2248" t="str">
            <v>Item 21</v>
          </cell>
          <cell r="E2248" t="str">
            <v>CD4</v>
          </cell>
          <cell r="F2248" t="str">
            <v>Other special costs to employers in case of collective dismissals</v>
          </cell>
          <cell r="G2248">
            <v>2013</v>
          </cell>
          <cell r="H2248">
            <v>2013</v>
          </cell>
          <cell r="I2248"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48">
            <v>0</v>
          </cell>
          <cell r="M2248">
            <v>0</v>
          </cell>
        </row>
        <row r="2249">
          <cell r="A2249" t="str">
            <v>CHLREG12012</v>
          </cell>
          <cell r="B2249" t="str">
            <v>CHL</v>
          </cell>
          <cell r="C2249" t="str">
            <v>Chile</v>
          </cell>
          <cell r="D2249" t="str">
            <v>Item 1</v>
          </cell>
          <cell r="E2249" t="str">
            <v>REG1</v>
          </cell>
          <cell r="F2249" t="str">
            <v>Notification procedures</v>
          </cell>
          <cell r="G2249">
            <v>2012</v>
          </cell>
          <cell r="H2249">
            <v>2012</v>
          </cell>
          <cell r="I2249"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49">
            <v>2</v>
          </cell>
          <cell r="M2249">
            <v>4</v>
          </cell>
        </row>
        <row r="2250">
          <cell r="A2250" t="str">
            <v>CHLREG22012</v>
          </cell>
          <cell r="B2250" t="str">
            <v>CHL</v>
          </cell>
          <cell r="C2250" t="str">
            <v>Chile</v>
          </cell>
          <cell r="D2250" t="str">
            <v>Item 2</v>
          </cell>
          <cell r="E2250" t="str">
            <v>REG2</v>
          </cell>
          <cell r="F2250" t="str">
            <v>Delay before notice can start</v>
          </cell>
          <cell r="G2250">
            <v>2012</v>
          </cell>
          <cell r="H2250">
            <v>2012</v>
          </cell>
          <cell r="I2250"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50">
            <v>2</v>
          </cell>
          <cell r="M2250">
            <v>0</v>
          </cell>
        </row>
        <row r="2251">
          <cell r="A2251" t="str">
            <v>CHLREG32012</v>
          </cell>
          <cell r="B2251" t="str">
            <v>CHL</v>
          </cell>
          <cell r="C2251" t="str">
            <v>Chile</v>
          </cell>
          <cell r="D2251" t="str">
            <v>Item 3</v>
          </cell>
          <cell r="E2251" t="str">
            <v>REG3A, REG3B, REG3C</v>
          </cell>
          <cell r="F2251" t="str">
            <v>Notice / tenure</v>
          </cell>
          <cell r="G2251">
            <v>2012</v>
          </cell>
          <cell r="H2251">
            <v>2012</v>
          </cell>
          <cell r="I2251"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51">
            <v>1</v>
          </cell>
          <cell r="K2251">
            <v>1</v>
          </cell>
          <cell r="L2251">
            <v>1</v>
          </cell>
          <cell r="M2251">
            <v>3</v>
          </cell>
          <cell r="N2251">
            <v>2</v>
          </cell>
          <cell r="O2251">
            <v>1</v>
          </cell>
        </row>
        <row r="2252">
          <cell r="A2252" t="str">
            <v>CHLREG42012</v>
          </cell>
          <cell r="B2252" t="str">
            <v>CHL</v>
          </cell>
          <cell r="C2252" t="str">
            <v>Chile</v>
          </cell>
          <cell r="D2252" t="str">
            <v>Item 4</v>
          </cell>
          <cell r="E2252" t="str">
            <v>REG4A, REG4B, REG4C</v>
          </cell>
          <cell r="F2252" t="str">
            <v>Severance pay / tenure</v>
          </cell>
          <cell r="G2252">
            <v>2012</v>
          </cell>
          <cell r="H2252">
            <v>2012</v>
          </cell>
          <cell r="I2252"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52">
            <v>0</v>
          </cell>
          <cell r="K2252">
            <v>3.2</v>
          </cell>
          <cell r="L2252">
            <v>8.8000000000000007</v>
          </cell>
          <cell r="M2252">
            <v>0</v>
          </cell>
          <cell r="N2252">
            <v>5</v>
          </cell>
          <cell r="O2252">
            <v>3</v>
          </cell>
        </row>
        <row r="2253">
          <cell r="A2253" t="str">
            <v>CHLREG52012</v>
          </cell>
          <cell r="B2253" t="str">
            <v>CHL</v>
          </cell>
          <cell r="C2253" t="str">
            <v>Chile</v>
          </cell>
          <cell r="D2253" t="str">
            <v>Item 5</v>
          </cell>
          <cell r="E2253" t="str">
            <v>REG5</v>
          </cell>
          <cell r="F2253" t="str">
            <v>Definition of justified or unfair dismissal</v>
          </cell>
          <cell r="G2253">
            <v>2012</v>
          </cell>
          <cell r="H2253">
            <v>2012</v>
          </cell>
          <cell r="I2253"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53">
            <v>3</v>
          </cell>
          <cell r="M2253">
            <v>6</v>
          </cell>
        </row>
        <row r="2254">
          <cell r="A2254" t="str">
            <v>CHLREG62012</v>
          </cell>
          <cell r="B2254" t="str">
            <v>CHL</v>
          </cell>
          <cell r="C2254" t="str">
            <v>Chile</v>
          </cell>
          <cell r="D2254" t="str">
            <v>Item 6</v>
          </cell>
          <cell r="E2254" t="str">
            <v>REG6</v>
          </cell>
          <cell r="F2254" t="str">
            <v>Trial period</v>
          </cell>
          <cell r="G2254">
            <v>2012</v>
          </cell>
          <cell r="H2254">
            <v>2012</v>
          </cell>
          <cell r="I2254" t="str">
            <v>No trial period is admitted in legislation (except for domestic workers).</v>
          </cell>
          <cell r="J2254">
            <v>0</v>
          </cell>
          <cell r="M2254">
            <v>6</v>
          </cell>
        </row>
        <row r="2255">
          <cell r="A2255" t="str">
            <v>CHLREG72012</v>
          </cell>
          <cell r="B2255" t="str">
            <v>CHL</v>
          </cell>
          <cell r="C2255" t="str">
            <v>Chile</v>
          </cell>
          <cell r="D2255" t="str">
            <v>Item 7</v>
          </cell>
          <cell r="E2255" t="str">
            <v>REG7</v>
          </cell>
          <cell r="F2255" t="str">
            <v xml:space="preserve">Compensation following unfair dismissal </v>
          </cell>
          <cell r="G2255">
            <v>2012</v>
          </cell>
          <cell r="H2255">
            <v>2012</v>
          </cell>
          <cell r="I2255"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v>
          </cell>
          <cell r="J2255">
            <v>7.2</v>
          </cell>
          <cell r="M2255">
            <v>1</v>
          </cell>
        </row>
        <row r="2256">
          <cell r="A2256" t="str">
            <v>CHLREG82012</v>
          </cell>
          <cell r="B2256" t="str">
            <v>CHL</v>
          </cell>
          <cell r="C2256" t="str">
            <v>Chile</v>
          </cell>
          <cell r="D2256" t="str">
            <v>Item 8</v>
          </cell>
          <cell r="E2256" t="str">
            <v>REG8</v>
          </cell>
          <cell r="F2256" t="str">
            <v>Possibility of reinstatement following unfair dismissal</v>
          </cell>
          <cell r="G2256">
            <v>2012</v>
          </cell>
          <cell r="H2256">
            <v>2012</v>
          </cell>
          <cell r="I2256"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56">
            <v>0.5</v>
          </cell>
          <cell r="M2256">
            <v>1</v>
          </cell>
          <cell r="P2256" t="str">
            <v xml:space="preserve">Different dates according to the administrative Region of the Country. The earliest was March 31, 2008, and the latest October 30, 2009.
No change in score
</v>
          </cell>
        </row>
        <row r="2257">
          <cell r="A2257" t="str">
            <v>CHLREG92012</v>
          </cell>
          <cell r="B2257" t="str">
            <v>CHL</v>
          </cell>
          <cell r="C2257" t="str">
            <v>Chile</v>
          </cell>
          <cell r="D2257" t="str">
            <v>Item 9</v>
          </cell>
          <cell r="E2257" t="str">
            <v>REG9</v>
          </cell>
          <cell r="F2257" t="str">
            <v>Maximum time for claim</v>
          </cell>
          <cell r="G2257">
            <v>2012</v>
          </cell>
          <cell r="H2257">
            <v>2012</v>
          </cell>
          <cell r="I2257"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57">
            <v>2</v>
          </cell>
          <cell r="M2257">
            <v>2</v>
          </cell>
        </row>
        <row r="2258">
          <cell r="A2258" t="str">
            <v>CHLFTC12012</v>
          </cell>
          <cell r="B2258" t="str">
            <v>CHL</v>
          </cell>
          <cell r="C2258" t="str">
            <v>Chile</v>
          </cell>
          <cell r="D2258" t="str">
            <v>Item 10</v>
          </cell>
          <cell r="E2258" t="str">
            <v>FTC1</v>
          </cell>
          <cell r="F2258" t="str">
            <v>Valid cases for use of fixed-term contracts, other than  “objective”  or “material” situation</v>
          </cell>
          <cell r="G2258">
            <v>2012</v>
          </cell>
          <cell r="H2258">
            <v>2012</v>
          </cell>
          <cell r="I2258" t="str">
            <v>No restrictions.</v>
          </cell>
          <cell r="J2258">
            <v>3</v>
          </cell>
          <cell r="M2258">
            <v>0</v>
          </cell>
        </row>
        <row r="2259">
          <cell r="A2259" t="str">
            <v>CHLFTC22012</v>
          </cell>
          <cell r="B2259" t="str">
            <v>CHL</v>
          </cell>
          <cell r="C2259" t="str">
            <v>Chile</v>
          </cell>
          <cell r="D2259" t="str">
            <v>Item 11</v>
          </cell>
          <cell r="E2259" t="str">
            <v>FTC2</v>
          </cell>
          <cell r="F2259" t="str">
            <v>Maximum number of successive fixed-term contracts</v>
          </cell>
          <cell r="G2259">
            <v>2012</v>
          </cell>
          <cell r="H2259">
            <v>2012</v>
          </cell>
          <cell r="I2259" t="str">
            <v>A second renewal of a fixed term contract will be taken to be a contract of indefinite length.</v>
          </cell>
          <cell r="J2259">
            <v>2</v>
          </cell>
          <cell r="M2259">
            <v>4</v>
          </cell>
        </row>
        <row r="2260">
          <cell r="A2260" t="str">
            <v>CHLFTC32012</v>
          </cell>
          <cell r="B2260" t="str">
            <v>CHL</v>
          </cell>
          <cell r="C2260" t="str">
            <v>Chile</v>
          </cell>
          <cell r="D2260" t="str">
            <v>Item 12</v>
          </cell>
          <cell r="E2260" t="str">
            <v>FTC3</v>
          </cell>
          <cell r="F2260" t="str">
            <v>Maximum cumulated duration of successive fixed-term contracts</v>
          </cell>
          <cell r="G2260">
            <v>2012</v>
          </cell>
          <cell r="H2260">
            <v>2012</v>
          </cell>
          <cell r="I2260"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60">
            <v>18</v>
          </cell>
          <cell r="M2260">
            <v>4</v>
          </cell>
        </row>
        <row r="2261">
          <cell r="A2261" t="str">
            <v>CHLTWA12012</v>
          </cell>
          <cell r="B2261" t="str">
            <v>CHL</v>
          </cell>
          <cell r="C2261" t="str">
            <v>Chile</v>
          </cell>
          <cell r="D2261" t="str">
            <v>Item 13</v>
          </cell>
          <cell r="E2261" t="str">
            <v>TWA1</v>
          </cell>
          <cell r="F2261" t="str">
            <v>Types of work for which TWA employment is legal</v>
          </cell>
          <cell r="G2261">
            <v>2012</v>
          </cell>
          <cell r="H2261">
            <v>2012</v>
          </cell>
          <cell r="I2261"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61">
            <v>2</v>
          </cell>
          <cell r="M2261">
            <v>3</v>
          </cell>
        </row>
        <row r="2262">
          <cell r="A2262" t="str">
            <v>CHLTWA22012</v>
          </cell>
          <cell r="B2262" t="str">
            <v>CHL</v>
          </cell>
          <cell r="C2262" t="str">
            <v>Chile</v>
          </cell>
          <cell r="D2262" t="str">
            <v>Item 14</v>
          </cell>
          <cell r="E2262" t="str">
            <v>TWA2A, TWA2B</v>
          </cell>
          <cell r="F2262" t="str">
            <v>Are there any restrictions on the number of renewals of a TWA contract?</v>
          </cell>
          <cell r="G2262">
            <v>2012</v>
          </cell>
          <cell r="H2262">
            <v>2012</v>
          </cell>
          <cell r="I2262"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2262" t="str">
            <v>Yes</v>
          </cell>
          <cell r="K2262" t="str">
            <v>No</v>
          </cell>
          <cell r="M2262">
            <v>4</v>
          </cell>
          <cell r="N2262">
            <v>2</v>
          </cell>
        </row>
        <row r="2263">
          <cell r="A2263" t="str">
            <v>CHLTWA32012</v>
          </cell>
          <cell r="B2263" t="str">
            <v>CHL</v>
          </cell>
          <cell r="C2263" t="str">
            <v>Chile</v>
          </cell>
          <cell r="D2263" t="str">
            <v>Item 15</v>
          </cell>
          <cell r="E2263" t="str">
            <v>TWA3A, TWA3B</v>
          </cell>
          <cell r="F2263" t="str">
            <v>Maximum cumulated duration of temporary work contracts</v>
          </cell>
          <cell r="G2263">
            <v>2012</v>
          </cell>
          <cell r="H2263">
            <v>2012</v>
          </cell>
          <cell r="I2263"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63">
            <v>4.5</v>
          </cell>
          <cell r="K2263">
            <v>4.5</v>
          </cell>
          <cell r="M2263">
            <v>6</v>
          </cell>
          <cell r="N2263">
            <v>6</v>
          </cell>
        </row>
        <row r="2264">
          <cell r="A2264" t="str">
            <v>CHLTWA42012</v>
          </cell>
          <cell r="B2264" t="str">
            <v>CHL</v>
          </cell>
          <cell r="C2264" t="str">
            <v>Chile</v>
          </cell>
          <cell r="D2264" t="str">
            <v>Item 16</v>
          </cell>
          <cell r="E2264" t="str">
            <v>TWA4</v>
          </cell>
          <cell r="F2264" t="str">
            <v>Authorisation or reporting requirements</v>
          </cell>
          <cell r="G2264">
            <v>2012</v>
          </cell>
          <cell r="H2264">
            <v>2012</v>
          </cell>
          <cell r="I2264"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2264">
            <v>0.5</v>
          </cell>
          <cell r="M2264">
            <v>1</v>
          </cell>
        </row>
        <row r="2265">
          <cell r="A2265" t="str">
            <v>CHLTWA52012</v>
          </cell>
          <cell r="B2265" t="str">
            <v>CHL</v>
          </cell>
          <cell r="C2265" t="str">
            <v>Chile</v>
          </cell>
          <cell r="D2265" t="str">
            <v>Item 17</v>
          </cell>
          <cell r="E2265" t="str">
            <v>TWA5</v>
          </cell>
          <cell r="F2265" t="str">
            <v>Equal treatment for TWA workers</v>
          </cell>
          <cell r="G2265">
            <v>2012</v>
          </cell>
          <cell r="H2265">
            <v>2012</v>
          </cell>
          <cell r="I2265" t="str">
            <v>No requirement for equal treatment.</v>
          </cell>
          <cell r="J2265">
            <v>0</v>
          </cell>
          <cell r="M2265">
            <v>0</v>
          </cell>
        </row>
        <row r="2266">
          <cell r="A2266" t="str">
            <v>CHLCD12012</v>
          </cell>
          <cell r="B2266" t="str">
            <v>CHL</v>
          </cell>
          <cell r="C2266" t="str">
            <v>Chile</v>
          </cell>
          <cell r="D2266" t="str">
            <v>Item 18</v>
          </cell>
          <cell r="E2266" t="str">
            <v>CD1</v>
          </cell>
          <cell r="F2266" t="str">
            <v>Definition of collective dismissal</v>
          </cell>
          <cell r="G2266">
            <v>2012</v>
          </cell>
          <cell r="H2266">
            <v>2012</v>
          </cell>
          <cell r="I2266" t="str">
            <v>No requirements in legislation.</v>
          </cell>
          <cell r="J2266">
            <v>0</v>
          </cell>
          <cell r="M2266">
            <v>0</v>
          </cell>
        </row>
        <row r="2267">
          <cell r="A2267" t="str">
            <v>CHLCD22012</v>
          </cell>
          <cell r="B2267" t="str">
            <v>CHL</v>
          </cell>
          <cell r="C2267" t="str">
            <v>Chile</v>
          </cell>
          <cell r="D2267" t="str">
            <v>Item 19</v>
          </cell>
          <cell r="E2267" t="str">
            <v>CD2</v>
          </cell>
          <cell r="F2267" t="str">
            <v>Additional notification requirements in case of collective dismissals</v>
          </cell>
          <cell r="G2267">
            <v>2012</v>
          </cell>
          <cell r="H2267">
            <v>2012</v>
          </cell>
          <cell r="I2267" t="str">
            <v>No requirements in legislation.</v>
          </cell>
          <cell r="J2267">
            <v>0</v>
          </cell>
          <cell r="M2267">
            <v>0</v>
          </cell>
        </row>
        <row r="2268">
          <cell r="A2268" t="str">
            <v>CHLCD32012</v>
          </cell>
          <cell r="B2268" t="str">
            <v>CHL</v>
          </cell>
          <cell r="C2268" t="str">
            <v>Chile</v>
          </cell>
          <cell r="D2268" t="str">
            <v>Item 20</v>
          </cell>
          <cell r="E2268" t="str">
            <v>CD3</v>
          </cell>
          <cell r="F2268" t="str">
            <v>Additional delays involved in case of collective dismissals</v>
          </cell>
          <cell r="G2268">
            <v>2012</v>
          </cell>
          <cell r="H2268">
            <v>2012</v>
          </cell>
          <cell r="I2268" t="str">
            <v>No requirements in legislation.</v>
          </cell>
          <cell r="J2268">
            <v>0</v>
          </cell>
          <cell r="M2268">
            <v>0</v>
          </cell>
        </row>
        <row r="2269">
          <cell r="A2269" t="str">
            <v>CHLCD42012</v>
          </cell>
          <cell r="B2269" t="str">
            <v>CHL</v>
          </cell>
          <cell r="C2269" t="str">
            <v>Chile</v>
          </cell>
          <cell r="D2269" t="str">
            <v>Item 21</v>
          </cell>
          <cell r="E2269" t="str">
            <v>CD4</v>
          </cell>
          <cell r="F2269" t="str">
            <v>Other special costs to employers in case of collective dismissals</v>
          </cell>
          <cell r="G2269">
            <v>2012</v>
          </cell>
          <cell r="H2269">
            <v>2012</v>
          </cell>
          <cell r="I2269" t="str">
            <v>No requirements in legislation.</v>
          </cell>
          <cell r="J2269">
            <v>0</v>
          </cell>
          <cell r="M2269">
            <v>0</v>
          </cell>
        </row>
        <row r="2270">
          <cell r="A2270" t="str">
            <v>CHLREG12013</v>
          </cell>
          <cell r="B2270" t="str">
            <v>CHL</v>
          </cell>
          <cell r="C2270" t="str">
            <v>Chile</v>
          </cell>
          <cell r="D2270" t="str">
            <v>Item 1</v>
          </cell>
          <cell r="E2270" t="str">
            <v>REG1</v>
          </cell>
          <cell r="F2270" t="str">
            <v>Notification procedures</v>
          </cell>
          <cell r="G2270">
            <v>2013</v>
          </cell>
          <cell r="H2270">
            <v>2013</v>
          </cell>
          <cell r="I2270"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70">
            <v>2</v>
          </cell>
          <cell r="M2270">
            <v>4</v>
          </cell>
        </row>
        <row r="2271">
          <cell r="A2271" t="str">
            <v>CHLREG22013</v>
          </cell>
          <cell r="B2271" t="str">
            <v>CHL</v>
          </cell>
          <cell r="C2271" t="str">
            <v>Chile</v>
          </cell>
          <cell r="D2271" t="str">
            <v>Item 2</v>
          </cell>
          <cell r="E2271" t="str">
            <v>REG2</v>
          </cell>
          <cell r="F2271" t="str">
            <v>Delay before notice can start</v>
          </cell>
          <cell r="G2271">
            <v>2013</v>
          </cell>
          <cell r="H2271">
            <v>2013</v>
          </cell>
          <cell r="I2271"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71">
            <v>2</v>
          </cell>
          <cell r="M2271">
            <v>0</v>
          </cell>
        </row>
        <row r="2272">
          <cell r="A2272" t="str">
            <v>CHLREG32013</v>
          </cell>
          <cell r="B2272" t="str">
            <v>CHL</v>
          </cell>
          <cell r="C2272" t="str">
            <v>Chile</v>
          </cell>
          <cell r="D2272" t="str">
            <v>Item 3</v>
          </cell>
          <cell r="E2272" t="str">
            <v>REG3A, REG3B, REG3C</v>
          </cell>
          <cell r="F2272" t="str">
            <v>Notice / tenure</v>
          </cell>
          <cell r="G2272">
            <v>2013</v>
          </cell>
          <cell r="H2272">
            <v>2013</v>
          </cell>
          <cell r="I2272"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72">
            <v>1</v>
          </cell>
          <cell r="K2272">
            <v>1</v>
          </cell>
          <cell r="L2272">
            <v>1</v>
          </cell>
          <cell r="M2272">
            <v>3</v>
          </cell>
          <cell r="N2272">
            <v>2</v>
          </cell>
          <cell r="O2272">
            <v>1</v>
          </cell>
        </row>
        <row r="2273">
          <cell r="A2273" t="str">
            <v>CHLREG42013</v>
          </cell>
          <cell r="B2273" t="str">
            <v>CHL</v>
          </cell>
          <cell r="C2273" t="str">
            <v>Chile</v>
          </cell>
          <cell r="D2273" t="str">
            <v>Item 4</v>
          </cell>
          <cell r="E2273" t="str">
            <v>REG4A, REG4B, REG4C</v>
          </cell>
          <cell r="F2273" t="str">
            <v>Severance pay / tenure</v>
          </cell>
          <cell r="G2273">
            <v>2013</v>
          </cell>
          <cell r="H2273">
            <v>2013</v>
          </cell>
          <cell r="I2273"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73">
            <v>0</v>
          </cell>
          <cell r="K2273">
            <v>3.2</v>
          </cell>
          <cell r="L2273">
            <v>8.8000000000000007</v>
          </cell>
          <cell r="M2273">
            <v>0</v>
          </cell>
          <cell r="N2273">
            <v>5</v>
          </cell>
          <cell r="O2273">
            <v>3</v>
          </cell>
        </row>
        <row r="2274">
          <cell r="A2274" t="str">
            <v>CHLREG52013</v>
          </cell>
          <cell r="B2274" t="str">
            <v>CHL</v>
          </cell>
          <cell r="C2274" t="str">
            <v>Chile</v>
          </cell>
          <cell r="D2274" t="str">
            <v>Item 5</v>
          </cell>
          <cell r="E2274" t="str">
            <v>REG5</v>
          </cell>
          <cell r="F2274" t="str">
            <v>Definition of justified or unfair dismissal</v>
          </cell>
          <cell r="G2274">
            <v>2013</v>
          </cell>
          <cell r="H2274">
            <v>2013</v>
          </cell>
          <cell r="I2274"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74">
            <v>3</v>
          </cell>
          <cell r="M2274">
            <v>6</v>
          </cell>
        </row>
        <row r="2275">
          <cell r="A2275" t="str">
            <v>CHLREG62013</v>
          </cell>
          <cell r="B2275" t="str">
            <v>CHL</v>
          </cell>
          <cell r="C2275" t="str">
            <v>Chile</v>
          </cell>
          <cell r="D2275" t="str">
            <v>Item 6</v>
          </cell>
          <cell r="E2275" t="str">
            <v>REG6</v>
          </cell>
          <cell r="F2275" t="str">
            <v>Trial period</v>
          </cell>
          <cell r="G2275">
            <v>2013</v>
          </cell>
          <cell r="H2275">
            <v>2013</v>
          </cell>
          <cell r="I2275" t="str">
            <v>No trial period is admitted in legislation (except for domestic workers).</v>
          </cell>
          <cell r="J2275">
            <v>0</v>
          </cell>
          <cell r="M2275">
            <v>6</v>
          </cell>
        </row>
        <row r="2276">
          <cell r="A2276" t="str">
            <v>CHLREG72013</v>
          </cell>
          <cell r="B2276" t="str">
            <v>CHL</v>
          </cell>
          <cell r="C2276" t="str">
            <v>Chile</v>
          </cell>
          <cell r="D2276" t="str">
            <v>Item 7</v>
          </cell>
          <cell r="E2276" t="str">
            <v>REG7</v>
          </cell>
          <cell r="F2276" t="str">
            <v xml:space="preserve">Compensation following unfair dismissal </v>
          </cell>
          <cell r="G2276">
            <v>2013</v>
          </cell>
          <cell r="H2276">
            <v>2013</v>
          </cell>
          <cell r="I2276" t="str">
            <v xml:space="preserve">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
</v>
          </cell>
          <cell r="J2276">
            <v>7.2</v>
          </cell>
          <cell r="M2276">
            <v>1</v>
          </cell>
        </row>
        <row r="2277">
          <cell r="A2277" t="str">
            <v>CHLREG82013</v>
          </cell>
          <cell r="B2277" t="str">
            <v>CHL</v>
          </cell>
          <cell r="C2277" t="str">
            <v>Chile</v>
          </cell>
          <cell r="D2277" t="str">
            <v>Item 8</v>
          </cell>
          <cell r="E2277" t="str">
            <v>REG8</v>
          </cell>
          <cell r="F2277" t="str">
            <v>Possibility of reinstatement following unfair dismissal</v>
          </cell>
          <cell r="G2277">
            <v>2013</v>
          </cell>
          <cell r="H2277">
            <v>2013</v>
          </cell>
          <cell r="I2277"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77">
            <v>0.5</v>
          </cell>
          <cell r="M2277">
            <v>1</v>
          </cell>
        </row>
        <row r="2278">
          <cell r="A2278" t="str">
            <v>CHLREG92013</v>
          </cell>
          <cell r="B2278" t="str">
            <v>CHL</v>
          </cell>
          <cell r="C2278" t="str">
            <v>Chile</v>
          </cell>
          <cell r="D2278" t="str">
            <v>Item 9</v>
          </cell>
          <cell r="E2278" t="str">
            <v>REG9</v>
          </cell>
          <cell r="F2278" t="str">
            <v>Maximum time for claim</v>
          </cell>
          <cell r="G2278">
            <v>2013</v>
          </cell>
          <cell r="H2278">
            <v>2013</v>
          </cell>
          <cell r="I2278"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78">
            <v>2</v>
          </cell>
          <cell r="M2278">
            <v>2</v>
          </cell>
        </row>
        <row r="2279">
          <cell r="A2279" t="str">
            <v>CHLFTC12013</v>
          </cell>
          <cell r="B2279" t="str">
            <v>CHL</v>
          </cell>
          <cell r="C2279" t="str">
            <v>Chile</v>
          </cell>
          <cell r="D2279" t="str">
            <v>Item 10</v>
          </cell>
          <cell r="E2279" t="str">
            <v>FTC1</v>
          </cell>
          <cell r="F2279" t="str">
            <v>Valid cases for use of fixed-term contracts, other than  “objective”  or “material” situation</v>
          </cell>
          <cell r="G2279">
            <v>2013</v>
          </cell>
          <cell r="H2279">
            <v>2013</v>
          </cell>
          <cell r="I2279" t="str">
            <v>No restrictions.</v>
          </cell>
          <cell r="J2279">
            <v>3</v>
          </cell>
          <cell r="M2279">
            <v>0</v>
          </cell>
        </row>
        <row r="2280">
          <cell r="A2280" t="str">
            <v>CHLFTC22013</v>
          </cell>
          <cell r="B2280" t="str">
            <v>CHL</v>
          </cell>
          <cell r="C2280" t="str">
            <v>Chile</v>
          </cell>
          <cell r="D2280" t="str">
            <v>Item 11</v>
          </cell>
          <cell r="E2280" t="str">
            <v>FTC2</v>
          </cell>
          <cell r="F2280" t="str">
            <v>Maximum number of successive fixed-term contracts</v>
          </cell>
          <cell r="G2280">
            <v>2013</v>
          </cell>
          <cell r="H2280">
            <v>2013</v>
          </cell>
          <cell r="I2280" t="str">
            <v>A second renewal of a fixed term contract will be taken to be a contract of indefinite length.</v>
          </cell>
          <cell r="J2280">
            <v>2</v>
          </cell>
          <cell r="M2280">
            <v>4</v>
          </cell>
        </row>
        <row r="2281">
          <cell r="A2281" t="str">
            <v>CHLFTC32013</v>
          </cell>
          <cell r="B2281" t="str">
            <v>CHL</v>
          </cell>
          <cell r="C2281" t="str">
            <v>Chile</v>
          </cell>
          <cell r="D2281" t="str">
            <v>Item 12</v>
          </cell>
          <cell r="E2281" t="str">
            <v>FTC3</v>
          </cell>
          <cell r="F2281" t="str">
            <v>Maximum cumulated duration of successive fixed-term contracts</v>
          </cell>
          <cell r="G2281">
            <v>2013</v>
          </cell>
          <cell r="H2281">
            <v>2013</v>
          </cell>
          <cell r="I2281"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81">
            <v>18</v>
          </cell>
          <cell r="M2281">
            <v>4</v>
          </cell>
        </row>
        <row r="2282">
          <cell r="A2282" t="str">
            <v>CHLTWA12013</v>
          </cell>
          <cell r="B2282" t="str">
            <v>CHL</v>
          </cell>
          <cell r="C2282" t="str">
            <v>Chile</v>
          </cell>
          <cell r="D2282" t="str">
            <v>Item 13</v>
          </cell>
          <cell r="E2282" t="str">
            <v>TWA1</v>
          </cell>
          <cell r="F2282" t="str">
            <v>Types of work for which TWA employment is legal</v>
          </cell>
          <cell r="G2282">
            <v>2013</v>
          </cell>
          <cell r="H2282">
            <v>2013</v>
          </cell>
          <cell r="I2282"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82">
            <v>2</v>
          </cell>
          <cell r="M2282">
            <v>3</v>
          </cell>
        </row>
        <row r="2283">
          <cell r="A2283" t="str">
            <v>CHLTWA22013</v>
          </cell>
          <cell r="B2283" t="str">
            <v>CHL</v>
          </cell>
          <cell r="C2283" t="str">
            <v>Chile</v>
          </cell>
          <cell r="D2283" t="str">
            <v>Item 14</v>
          </cell>
          <cell r="E2283" t="str">
            <v>TWA2A, TWA2B</v>
          </cell>
          <cell r="F2283" t="str">
            <v>Are there any restrictions on the number of renewals of a TWA contract?</v>
          </cell>
          <cell r="G2283">
            <v>2013</v>
          </cell>
          <cell r="H2283">
            <v>2013</v>
          </cell>
          <cell r="I2283" t="str">
            <v xml:space="preserve">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
</v>
          </cell>
          <cell r="J2283" t="str">
            <v>Yes</v>
          </cell>
          <cell r="K2283" t="str">
            <v>No</v>
          </cell>
          <cell r="M2283">
            <v>4</v>
          </cell>
          <cell r="N2283">
            <v>2</v>
          </cell>
        </row>
        <row r="2284">
          <cell r="A2284" t="str">
            <v>CHLTWA32013</v>
          </cell>
          <cell r="B2284" t="str">
            <v>CHL</v>
          </cell>
          <cell r="C2284" t="str">
            <v>Chile</v>
          </cell>
          <cell r="D2284" t="str">
            <v>Item 15</v>
          </cell>
          <cell r="E2284" t="str">
            <v>TWA3A, TWA3B</v>
          </cell>
          <cell r="F2284" t="str">
            <v>Maximum cumulated duration of temporary work contracts</v>
          </cell>
          <cell r="G2284">
            <v>2013</v>
          </cell>
          <cell r="H2284">
            <v>2013</v>
          </cell>
          <cell r="I2284"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84">
            <v>4.5</v>
          </cell>
          <cell r="K2284">
            <v>4.5</v>
          </cell>
          <cell r="M2284">
            <v>6</v>
          </cell>
          <cell r="N2284">
            <v>6</v>
          </cell>
        </row>
        <row r="2285">
          <cell r="A2285" t="str">
            <v>CHLTWA42013</v>
          </cell>
          <cell r="B2285" t="str">
            <v>CHL</v>
          </cell>
          <cell r="C2285" t="str">
            <v>Chile</v>
          </cell>
          <cell r="D2285" t="str">
            <v>Item 16</v>
          </cell>
          <cell r="E2285" t="str">
            <v>TWA4</v>
          </cell>
          <cell r="F2285" t="str">
            <v>Authorisation or reporting requirements</v>
          </cell>
          <cell r="G2285">
            <v>2013</v>
          </cell>
          <cell r="H2285">
            <v>2013</v>
          </cell>
          <cell r="I2285" t="str">
            <v xml:space="preserve">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
</v>
          </cell>
          <cell r="J2285">
            <v>0.5</v>
          </cell>
          <cell r="M2285">
            <v>1</v>
          </cell>
        </row>
        <row r="2286">
          <cell r="A2286" t="str">
            <v>CHLTWA52013</v>
          </cell>
          <cell r="B2286" t="str">
            <v>CHL</v>
          </cell>
          <cell r="C2286" t="str">
            <v>Chile</v>
          </cell>
          <cell r="D2286" t="str">
            <v>Item 17</v>
          </cell>
          <cell r="E2286" t="str">
            <v>TWA5</v>
          </cell>
          <cell r="F2286" t="str">
            <v>Equal treatment for TWA workers</v>
          </cell>
          <cell r="G2286">
            <v>2013</v>
          </cell>
          <cell r="H2286">
            <v>2013</v>
          </cell>
          <cell r="I2286" t="str">
            <v>No requirement for equal treatment.</v>
          </cell>
          <cell r="J2286">
            <v>0</v>
          </cell>
          <cell r="M2286">
            <v>0</v>
          </cell>
        </row>
        <row r="2287">
          <cell r="A2287" t="str">
            <v>CHLCD12013</v>
          </cell>
          <cell r="B2287" t="str">
            <v>CHL</v>
          </cell>
          <cell r="C2287" t="str">
            <v>Chile</v>
          </cell>
          <cell r="D2287" t="str">
            <v>Item 18</v>
          </cell>
          <cell r="E2287" t="str">
            <v>CD1</v>
          </cell>
          <cell r="F2287" t="str">
            <v>Definition of collective dismissal</v>
          </cell>
          <cell r="G2287">
            <v>2013</v>
          </cell>
          <cell r="H2287">
            <v>2013</v>
          </cell>
          <cell r="I2287" t="str">
            <v>No requirements in legislation.</v>
          </cell>
          <cell r="J2287">
            <v>0</v>
          </cell>
          <cell r="M2287">
            <v>0</v>
          </cell>
        </row>
        <row r="2288">
          <cell r="A2288" t="str">
            <v>CHLCD22013</v>
          </cell>
          <cell r="B2288" t="str">
            <v>CHL</v>
          </cell>
          <cell r="C2288" t="str">
            <v>Chile</v>
          </cell>
          <cell r="D2288" t="str">
            <v>Item 19</v>
          </cell>
          <cell r="E2288" t="str">
            <v>CD2</v>
          </cell>
          <cell r="F2288" t="str">
            <v>Additional notification requirements in case of collective dismissals</v>
          </cell>
          <cell r="G2288">
            <v>2013</v>
          </cell>
          <cell r="H2288">
            <v>2013</v>
          </cell>
          <cell r="I2288" t="str">
            <v>No requirements in legislation.</v>
          </cell>
          <cell r="J2288">
            <v>0</v>
          </cell>
          <cell r="M2288">
            <v>0</v>
          </cell>
        </row>
        <row r="2289">
          <cell r="A2289" t="str">
            <v>CHLCD32013</v>
          </cell>
          <cell r="B2289" t="str">
            <v>CHL</v>
          </cell>
          <cell r="C2289" t="str">
            <v>Chile</v>
          </cell>
          <cell r="D2289" t="str">
            <v>Item 20</v>
          </cell>
          <cell r="E2289" t="str">
            <v>CD3</v>
          </cell>
          <cell r="F2289" t="str">
            <v>Additional delays involved in case of collective dismissals</v>
          </cell>
          <cell r="G2289">
            <v>2013</v>
          </cell>
          <cell r="H2289">
            <v>2013</v>
          </cell>
          <cell r="I2289" t="str">
            <v>No requirements in legislation.</v>
          </cell>
          <cell r="J2289">
            <v>0</v>
          </cell>
          <cell r="M2289">
            <v>0</v>
          </cell>
        </row>
        <row r="2290">
          <cell r="A2290" t="str">
            <v>CHLCD42013</v>
          </cell>
          <cell r="B2290" t="str">
            <v>CHL</v>
          </cell>
          <cell r="C2290" t="str">
            <v>Chile</v>
          </cell>
          <cell r="D2290" t="str">
            <v>Item 21</v>
          </cell>
          <cell r="E2290" t="str">
            <v>CD4</v>
          </cell>
          <cell r="F2290" t="str">
            <v>Other special costs to employers in case of collective dismissals</v>
          </cell>
          <cell r="G2290">
            <v>2013</v>
          </cell>
          <cell r="H2290">
            <v>2013</v>
          </cell>
          <cell r="I2290" t="str">
            <v>No requirements in legislation.</v>
          </cell>
          <cell r="J2290">
            <v>0</v>
          </cell>
          <cell r="M2290">
            <v>0</v>
          </cell>
        </row>
        <row r="2291">
          <cell r="A2291" t="str">
            <v>TURREG12012</v>
          </cell>
          <cell r="B2291" t="str">
            <v>TUR</v>
          </cell>
          <cell r="C2291" t="str">
            <v>Turkey</v>
          </cell>
          <cell r="D2291" t="str">
            <v>Item 1</v>
          </cell>
          <cell r="E2291" t="str">
            <v>REG1</v>
          </cell>
          <cell r="F2291" t="str">
            <v>Notification procedures</v>
          </cell>
          <cell r="G2291">
            <v>2012</v>
          </cell>
          <cell r="H2291">
            <v>2012</v>
          </cell>
          <cell r="I2291" t="str">
            <v xml:space="preserve">
Written notice to employee and notification, within 10 days, to SGK(Social Security İnstituton)
</v>
          </cell>
          <cell r="J2291">
            <v>2</v>
          </cell>
          <cell r="M2291">
            <v>4</v>
          </cell>
        </row>
        <row r="2292">
          <cell r="A2292" t="str">
            <v>TURREG22012</v>
          </cell>
          <cell r="B2292" t="str">
            <v>TUR</v>
          </cell>
          <cell r="C2292" t="str">
            <v>Turkey</v>
          </cell>
          <cell r="D2292" t="str">
            <v>Item 2</v>
          </cell>
          <cell r="E2292" t="str">
            <v>REG2</v>
          </cell>
          <cell r="F2292" t="str">
            <v>Delay before notice can start</v>
          </cell>
          <cell r="G2292">
            <v>2012</v>
          </cell>
          <cell r="H2292">
            <v>2012</v>
          </cell>
          <cell r="I2292"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292">
            <v>1</v>
          </cell>
          <cell r="M2292">
            <v>0</v>
          </cell>
        </row>
        <row r="2293">
          <cell r="A2293" t="str">
            <v>TURREG32012</v>
          </cell>
          <cell r="B2293" t="str">
            <v>TUR</v>
          </cell>
          <cell r="C2293" t="str">
            <v>Turkey</v>
          </cell>
          <cell r="D2293" t="str">
            <v>Item 3</v>
          </cell>
          <cell r="E2293" t="str">
            <v>REG3A, REG3B, REG3C</v>
          </cell>
          <cell r="F2293" t="str">
            <v>Notice / tenure</v>
          </cell>
          <cell r="G2293">
            <v>2012</v>
          </cell>
          <cell r="H2293">
            <v>2012</v>
          </cell>
          <cell r="I2293" t="str">
            <v xml:space="preserve">All workers: 0&lt;1m, 2w&lt;6m, 4w&lt;18m, 6w&lt;3y, 8w&gt;3y (can be extended by collective agreements).
9 months tenure: 4 weeks, 4 years tenure: 8 weeks, 20 years tenure: 8 weeks.
</v>
          </cell>
          <cell r="J2293">
            <v>1</v>
          </cell>
          <cell r="K2293">
            <v>2</v>
          </cell>
          <cell r="L2293">
            <v>2</v>
          </cell>
          <cell r="M2293">
            <v>3</v>
          </cell>
          <cell r="N2293">
            <v>4</v>
          </cell>
          <cell r="O2293">
            <v>1</v>
          </cell>
        </row>
        <row r="2294">
          <cell r="A2294" t="str">
            <v>TURREG42012</v>
          </cell>
          <cell r="B2294" t="str">
            <v>TUR</v>
          </cell>
          <cell r="C2294" t="str">
            <v>Turkey</v>
          </cell>
          <cell r="D2294" t="str">
            <v>Item 4</v>
          </cell>
          <cell r="E2294" t="str">
            <v>REG4A, REG4B, REG4C</v>
          </cell>
          <cell r="F2294" t="str">
            <v>Severance pay / tenure</v>
          </cell>
          <cell r="G2294">
            <v>2012</v>
          </cell>
          <cell r="H2294">
            <v>2012</v>
          </cell>
          <cell r="I2294" t="str">
            <v xml:space="preserve">All workers: After one year’s employment, one month for each year of service (can be extended by collective agreements).
9 months tenure: 0, 4 years tenure: 4 months, 20 years tenure: 20 months.
</v>
          </cell>
          <cell r="J2294">
            <v>0</v>
          </cell>
          <cell r="K2294">
            <v>4</v>
          </cell>
          <cell r="L2294">
            <v>20</v>
          </cell>
          <cell r="M2294">
            <v>0</v>
          </cell>
          <cell r="N2294">
            <v>6</v>
          </cell>
          <cell r="O2294">
            <v>6</v>
          </cell>
        </row>
        <row r="2295">
          <cell r="A2295" t="str">
            <v>TURREG52012</v>
          </cell>
          <cell r="B2295" t="str">
            <v>TUR</v>
          </cell>
          <cell r="C2295" t="str">
            <v>Turkey</v>
          </cell>
          <cell r="D2295" t="str">
            <v>Item 5</v>
          </cell>
          <cell r="E2295" t="str">
            <v>REG5</v>
          </cell>
          <cell r="F2295" t="str">
            <v>Definition of justified or unfair dismissal</v>
          </cell>
          <cell r="G2295">
            <v>2012</v>
          </cell>
          <cell r="H2295">
            <v>2012</v>
          </cell>
          <cell r="I2295"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295">
            <v>0</v>
          </cell>
          <cell r="M2295">
            <v>0</v>
          </cell>
        </row>
        <row r="2296">
          <cell r="A2296" t="str">
            <v>TURREG62012</v>
          </cell>
          <cell r="B2296" t="str">
            <v>TUR</v>
          </cell>
          <cell r="C2296" t="str">
            <v>Turkey</v>
          </cell>
          <cell r="D2296" t="str">
            <v>Item 6</v>
          </cell>
          <cell r="E2296" t="str">
            <v>REG6</v>
          </cell>
          <cell r="F2296" t="str">
            <v>Trial period</v>
          </cell>
          <cell r="G2296">
            <v>2012</v>
          </cell>
          <cell r="H2296">
            <v>2012</v>
          </cell>
          <cell r="I2296" t="str">
            <v xml:space="preserve">All workers: Maximum 2 months, can be extended by collective agreements to 4 months.
Calculation: average of the two cases.
</v>
          </cell>
          <cell r="J2296">
            <v>3</v>
          </cell>
          <cell r="M2296">
            <v>4</v>
          </cell>
        </row>
        <row r="2297">
          <cell r="A2297" t="str">
            <v>TURREG72012</v>
          </cell>
          <cell r="B2297" t="str">
            <v>TUR</v>
          </cell>
          <cell r="C2297" t="str">
            <v>Turkey</v>
          </cell>
          <cell r="D2297" t="str">
            <v>Item 7</v>
          </cell>
          <cell r="E2297" t="str">
            <v>REG7</v>
          </cell>
          <cell r="F2297" t="str">
            <v xml:space="preserve">Compensation following unfair dismissal </v>
          </cell>
          <cell r="G2297">
            <v>2012</v>
          </cell>
          <cell r="H2297">
            <v>2012</v>
          </cell>
          <cell r="I2297"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297">
            <v>10</v>
          </cell>
          <cell r="M2297">
            <v>2</v>
          </cell>
        </row>
        <row r="2298">
          <cell r="A2298" t="str">
            <v>TURREG82012</v>
          </cell>
          <cell r="B2298" t="str">
            <v>TUR</v>
          </cell>
          <cell r="C2298" t="str">
            <v>Turkey</v>
          </cell>
          <cell r="D2298" t="str">
            <v>Item 8</v>
          </cell>
          <cell r="E2298" t="str">
            <v>REG8</v>
          </cell>
          <cell r="F2298" t="str">
            <v>Possibility of reinstatement following unfair dismissal</v>
          </cell>
          <cell r="G2298">
            <v>2012</v>
          </cell>
          <cell r="H2298">
            <v>2012</v>
          </cell>
          <cell r="I2298"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298">
            <v>0</v>
          </cell>
          <cell r="M2298">
            <v>0</v>
          </cell>
        </row>
        <row r="2299">
          <cell r="A2299" t="str">
            <v>TURREG92012</v>
          </cell>
          <cell r="B2299" t="str">
            <v>TUR</v>
          </cell>
          <cell r="C2299" t="str">
            <v>Turkey</v>
          </cell>
          <cell r="D2299" t="str">
            <v>Item 9</v>
          </cell>
          <cell r="E2299" t="str">
            <v>REG9</v>
          </cell>
          <cell r="F2299" t="str">
            <v>Maximum time for claim</v>
          </cell>
          <cell r="G2299">
            <v>2012</v>
          </cell>
          <cell r="H2299">
            <v>2012</v>
          </cell>
          <cell r="I2299" t="str">
            <v xml:space="preserve">One month
Notification period starts when the notification arrived to worker.
</v>
          </cell>
          <cell r="J2299">
            <v>0</v>
          </cell>
          <cell r="M2299">
            <v>0</v>
          </cell>
        </row>
        <row r="2300">
          <cell r="A2300" t="str">
            <v>TURFTC12012</v>
          </cell>
          <cell r="B2300" t="str">
            <v>TUR</v>
          </cell>
          <cell r="C2300" t="str">
            <v>Turkey</v>
          </cell>
          <cell r="D2300" t="str">
            <v>Item 10</v>
          </cell>
          <cell r="E2300" t="str">
            <v>FTC1</v>
          </cell>
          <cell r="F2300" t="str">
            <v>Valid cases for use of fixed-term contracts, other than  “objective”  or “material” situation</v>
          </cell>
          <cell r="G2300">
            <v>2012</v>
          </cell>
          <cell r="H2300">
            <v>2012</v>
          </cell>
          <cell r="I2300" t="str">
            <v>Restricted to “objective situations”, particularly seasonal and agricultural work.</v>
          </cell>
          <cell r="J2300">
            <v>0</v>
          </cell>
          <cell r="M2300">
            <v>6</v>
          </cell>
        </row>
        <row r="2301">
          <cell r="A2301" t="str">
            <v>TURFTC22012</v>
          </cell>
          <cell r="B2301" t="str">
            <v>TUR</v>
          </cell>
          <cell r="C2301" t="str">
            <v>Turkey</v>
          </cell>
          <cell r="D2301" t="str">
            <v>Item 11</v>
          </cell>
          <cell r="E2301" t="str">
            <v>FTC2</v>
          </cell>
          <cell r="F2301" t="str">
            <v>Maximum number of successive fixed-term contracts</v>
          </cell>
          <cell r="G2301">
            <v>2012</v>
          </cell>
          <cell r="H2301">
            <v>2012</v>
          </cell>
          <cell r="I2301" t="str">
            <v xml:space="preserve">Estimated 1.5 Fixed-term contracts cannot be successively renewed without serious reason, otherwise the renewal will alter the fixed-term contract into a contract of indefinite time.
In case of valuable reasons for renewal, no limit specified.
</v>
          </cell>
          <cell r="J2301">
            <v>1.5</v>
          </cell>
          <cell r="M2301">
            <v>5</v>
          </cell>
        </row>
        <row r="2302">
          <cell r="A2302" t="str">
            <v>TURFTC32012</v>
          </cell>
          <cell r="B2302" t="str">
            <v>TUR</v>
          </cell>
          <cell r="C2302" t="str">
            <v>Turkey</v>
          </cell>
          <cell r="D2302" t="str">
            <v>Item 12</v>
          </cell>
          <cell r="E2302" t="str">
            <v>FTC3</v>
          </cell>
          <cell r="F2302" t="str">
            <v>Maximum cumulated duration of successive fixed-term contracts</v>
          </cell>
          <cell r="G2302">
            <v>2012</v>
          </cell>
          <cell r="H2302">
            <v>2012</v>
          </cell>
          <cell r="I2302" t="str">
            <v>No limit specified.</v>
          </cell>
          <cell r="J2302">
            <v>200</v>
          </cell>
          <cell r="M2302">
            <v>0</v>
          </cell>
        </row>
        <row r="2303">
          <cell r="A2303" t="str">
            <v>TURTWA12012</v>
          </cell>
          <cell r="B2303" t="str">
            <v>TUR</v>
          </cell>
          <cell r="C2303" t="str">
            <v>Turkey</v>
          </cell>
          <cell r="D2303" t="str">
            <v>Item 13</v>
          </cell>
          <cell r="E2303" t="str">
            <v>TWA1</v>
          </cell>
          <cell r="F2303" t="str">
            <v>Types of work for which TWA employment is legal</v>
          </cell>
          <cell r="G2303">
            <v>2012</v>
          </cell>
          <cell r="H2303">
            <v>2012</v>
          </cell>
          <cell r="I2303"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03">
            <v>0</v>
          </cell>
          <cell r="M2303">
            <v>6</v>
          </cell>
        </row>
        <row r="2304">
          <cell r="A2304" t="str">
            <v>TURTWA22012</v>
          </cell>
          <cell r="B2304" t="str">
            <v>TUR</v>
          </cell>
          <cell r="C2304" t="str">
            <v>Turkey</v>
          </cell>
          <cell r="D2304" t="str">
            <v>Item 14</v>
          </cell>
          <cell r="E2304" t="str">
            <v>TWA2A, TWA2B</v>
          </cell>
          <cell r="F2304" t="str">
            <v>Are there any restrictions on the number of renewals of a TWA contract?</v>
          </cell>
          <cell r="G2304">
            <v>2012</v>
          </cell>
          <cell r="H2304">
            <v>2012</v>
          </cell>
          <cell r="I2304" t="str">
            <v>Not applicable</v>
          </cell>
          <cell r="J2304" t="str">
            <v>-</v>
          </cell>
          <cell r="K2304" t="str">
            <v>-</v>
          </cell>
          <cell r="M2304">
            <v>4</v>
          </cell>
          <cell r="N2304">
            <v>4</v>
          </cell>
        </row>
        <row r="2305">
          <cell r="A2305" t="str">
            <v>TURTWA32012</v>
          </cell>
          <cell r="B2305" t="str">
            <v>TUR</v>
          </cell>
          <cell r="C2305" t="str">
            <v>Turkey</v>
          </cell>
          <cell r="D2305" t="str">
            <v>Item 15</v>
          </cell>
          <cell r="E2305" t="str">
            <v>TWA3A, TWA3B</v>
          </cell>
          <cell r="F2305" t="str">
            <v>Maximum cumulated duration of temporary work contracts</v>
          </cell>
          <cell r="G2305">
            <v>2012</v>
          </cell>
          <cell r="H2305">
            <v>2012</v>
          </cell>
          <cell r="I2305" t="str">
            <v>Not applicable</v>
          </cell>
          <cell r="J2305">
            <v>0</v>
          </cell>
          <cell r="K2305">
            <v>0</v>
          </cell>
          <cell r="M2305">
            <v>6</v>
          </cell>
          <cell r="N2305">
            <v>6</v>
          </cell>
        </row>
        <row r="2306">
          <cell r="A2306" t="str">
            <v>TURTWA42012</v>
          </cell>
          <cell r="B2306" t="str">
            <v>TUR</v>
          </cell>
          <cell r="C2306" t="str">
            <v>Turkey</v>
          </cell>
          <cell r="D2306" t="str">
            <v>Item 16</v>
          </cell>
          <cell r="E2306" t="str">
            <v>TWA4</v>
          </cell>
          <cell r="F2306" t="str">
            <v>Authorisation and reporting obligations</v>
          </cell>
          <cell r="G2306">
            <v>2012</v>
          </cell>
          <cell r="H2306">
            <v>2012</v>
          </cell>
          <cell r="I2306" t="str">
            <v>Not applicable</v>
          </cell>
          <cell r="J2306" t="str">
            <v>-</v>
          </cell>
          <cell r="M2306">
            <v>6</v>
          </cell>
        </row>
        <row r="2307">
          <cell r="A2307" t="str">
            <v>TURTWA52012</v>
          </cell>
          <cell r="B2307" t="str">
            <v>TUR</v>
          </cell>
          <cell r="C2307" t="str">
            <v>Turkey</v>
          </cell>
          <cell r="D2307" t="str">
            <v>Item 17</v>
          </cell>
          <cell r="E2307" t="str">
            <v>TWA5</v>
          </cell>
          <cell r="F2307" t="str">
            <v>Equal treatment for TWA workers</v>
          </cell>
          <cell r="G2307">
            <v>2012</v>
          </cell>
          <cell r="H2307">
            <v>2012</v>
          </cell>
          <cell r="I2307" t="str">
            <v>Not applicable</v>
          </cell>
          <cell r="J2307" t="str">
            <v>-</v>
          </cell>
          <cell r="M2307">
            <v>6</v>
          </cell>
        </row>
        <row r="2308">
          <cell r="A2308" t="str">
            <v>TURCD12012</v>
          </cell>
          <cell r="B2308" t="str">
            <v>TUR</v>
          </cell>
          <cell r="C2308" t="str">
            <v>Turkey</v>
          </cell>
          <cell r="D2308" t="str">
            <v>Item 18</v>
          </cell>
          <cell r="E2308" t="str">
            <v>CD1</v>
          </cell>
          <cell r="F2308" t="str">
            <v>Definition of collective dismissal</v>
          </cell>
          <cell r="G2308">
            <v>2012</v>
          </cell>
          <cell r="H2308">
            <v>2012</v>
          </cell>
          <cell r="I2308" t="str">
            <v xml:space="preserve">Within one month, 10 workers in firms with 20-100 employees, 20 workers in firms with 101-300, 30 workers in firms with 300+ employees.
Firms with less than 20 employees are exempt from requirements for collective dismissals.
</v>
          </cell>
          <cell r="J2308">
            <v>3</v>
          </cell>
          <cell r="M2308">
            <v>4.5</v>
          </cell>
        </row>
        <row r="2309">
          <cell r="A2309" t="str">
            <v>TURCD22012</v>
          </cell>
          <cell r="B2309" t="str">
            <v>TUR</v>
          </cell>
          <cell r="C2309" t="str">
            <v>Turkey</v>
          </cell>
          <cell r="D2309" t="str">
            <v>Item 19</v>
          </cell>
          <cell r="E2309" t="str">
            <v>CD2</v>
          </cell>
          <cell r="F2309" t="str">
            <v>Additional notification requirements in case of collective dismissals</v>
          </cell>
          <cell r="G2309">
            <v>2012</v>
          </cell>
          <cell r="H2309">
            <v>2012</v>
          </cell>
          <cell r="I2309"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09">
            <v>1</v>
          </cell>
          <cell r="M2309">
            <v>3</v>
          </cell>
        </row>
        <row r="2310">
          <cell r="A2310" t="str">
            <v>TURCD32012</v>
          </cell>
          <cell r="B2310" t="str">
            <v>TUR</v>
          </cell>
          <cell r="C2310" t="str">
            <v>Turkey</v>
          </cell>
          <cell r="D2310" t="str">
            <v>Item 20</v>
          </cell>
          <cell r="E2310" t="str">
            <v>CD3</v>
          </cell>
          <cell r="F2310" t="str">
            <v>Additional delays involved in case of collective dismissals</v>
          </cell>
          <cell r="G2310">
            <v>2012</v>
          </cell>
          <cell r="H2310">
            <v>2012</v>
          </cell>
          <cell r="I2310" t="str">
            <v>1 month waiting period starting from the notification to public authorities.</v>
          </cell>
          <cell r="J2310">
            <v>29</v>
          </cell>
          <cell r="M2310">
            <v>2</v>
          </cell>
        </row>
        <row r="2311">
          <cell r="A2311" t="str">
            <v>TURCD42012</v>
          </cell>
          <cell r="B2311" t="str">
            <v>TUR</v>
          </cell>
          <cell r="C2311" t="str">
            <v>Turkey</v>
          </cell>
          <cell r="D2311" t="str">
            <v>Item 21</v>
          </cell>
          <cell r="E2311" t="str">
            <v>CD4</v>
          </cell>
          <cell r="F2311" t="str">
            <v>Other special costs to employers in case of collective dismissals</v>
          </cell>
          <cell r="G2311">
            <v>2012</v>
          </cell>
          <cell r="H2311">
            <v>2012</v>
          </cell>
          <cell r="I2311"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11">
            <v>1</v>
          </cell>
          <cell r="M2311">
            <v>3</v>
          </cell>
        </row>
        <row r="2312">
          <cell r="A2312" t="str">
            <v>TURREG12013</v>
          </cell>
          <cell r="B2312" t="str">
            <v>TUR</v>
          </cell>
          <cell r="C2312" t="str">
            <v>Turkey</v>
          </cell>
          <cell r="D2312" t="str">
            <v>Item 1</v>
          </cell>
          <cell r="E2312" t="str">
            <v>REG1</v>
          </cell>
          <cell r="F2312" t="str">
            <v>Notification procedures</v>
          </cell>
          <cell r="G2312">
            <v>2013</v>
          </cell>
          <cell r="H2312">
            <v>2013</v>
          </cell>
          <cell r="I2312" t="str">
            <v xml:space="preserve">
Written notice to employee and notification, within 10 days, to SGK(Social Security İnstituton)
</v>
          </cell>
          <cell r="J2312">
            <v>2</v>
          </cell>
          <cell r="M2312">
            <v>4</v>
          </cell>
        </row>
        <row r="2313">
          <cell r="A2313" t="str">
            <v>TURREG22013</v>
          </cell>
          <cell r="B2313" t="str">
            <v>TUR</v>
          </cell>
          <cell r="C2313" t="str">
            <v>Turkey</v>
          </cell>
          <cell r="D2313" t="str">
            <v>Item 2</v>
          </cell>
          <cell r="E2313" t="str">
            <v>REG2</v>
          </cell>
          <cell r="F2313" t="str">
            <v>Delay before notice can start</v>
          </cell>
          <cell r="G2313">
            <v>2013</v>
          </cell>
          <cell r="H2313">
            <v>2013</v>
          </cell>
          <cell r="I2313"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313">
            <v>1</v>
          </cell>
          <cell r="M2313">
            <v>0</v>
          </cell>
        </row>
        <row r="2314">
          <cell r="A2314" t="str">
            <v>TURREG32013</v>
          </cell>
          <cell r="B2314" t="str">
            <v>TUR</v>
          </cell>
          <cell r="C2314" t="str">
            <v>Turkey</v>
          </cell>
          <cell r="D2314" t="str">
            <v>Item 3</v>
          </cell>
          <cell r="E2314" t="str">
            <v>REG3A, REG3B, REG3C</v>
          </cell>
          <cell r="F2314" t="str">
            <v>Notice / tenure</v>
          </cell>
          <cell r="G2314">
            <v>2013</v>
          </cell>
          <cell r="H2314">
            <v>2013</v>
          </cell>
          <cell r="I2314" t="str">
            <v xml:space="preserve">All workers: 0&lt;1m, 2w&lt;6m, 4w&lt;18m, 6w&lt;3y, 8w&gt;3y (can be extended by collective agreements).
9 months tenure: 4 weeks, 4 years tenure: 8 weeks, 20 years tenure: 8 weeks.
</v>
          </cell>
          <cell r="J2314">
            <v>1</v>
          </cell>
          <cell r="K2314">
            <v>2</v>
          </cell>
          <cell r="L2314">
            <v>2</v>
          </cell>
          <cell r="M2314">
            <v>3</v>
          </cell>
          <cell r="N2314">
            <v>4</v>
          </cell>
          <cell r="O2314">
            <v>1</v>
          </cell>
        </row>
        <row r="2315">
          <cell r="A2315" t="str">
            <v>TURREG42013</v>
          </cell>
          <cell r="B2315" t="str">
            <v>TUR</v>
          </cell>
          <cell r="C2315" t="str">
            <v>Turkey</v>
          </cell>
          <cell r="D2315" t="str">
            <v>Item 4</v>
          </cell>
          <cell r="E2315" t="str">
            <v>REG4A, REG4B, REG4C</v>
          </cell>
          <cell r="F2315" t="str">
            <v>Severance pay / tenure</v>
          </cell>
          <cell r="G2315">
            <v>2013</v>
          </cell>
          <cell r="H2315">
            <v>2013</v>
          </cell>
          <cell r="I2315" t="str">
            <v xml:space="preserve">All workers: After one year’s employment, one month for each year of service (can be extended by collective agreements).
9 months tenure: 0, 4 years tenure: 4 months, 20 years tenure: 20 months.
</v>
          </cell>
          <cell r="J2315">
            <v>0</v>
          </cell>
          <cell r="K2315">
            <v>4</v>
          </cell>
          <cell r="L2315">
            <v>20</v>
          </cell>
          <cell r="M2315">
            <v>0</v>
          </cell>
          <cell r="N2315">
            <v>6</v>
          </cell>
          <cell r="O2315">
            <v>6</v>
          </cell>
        </row>
        <row r="2316">
          <cell r="A2316" t="str">
            <v>TURREG52013</v>
          </cell>
          <cell r="B2316" t="str">
            <v>TUR</v>
          </cell>
          <cell r="C2316" t="str">
            <v>Turkey</v>
          </cell>
          <cell r="D2316" t="str">
            <v>Item 5</v>
          </cell>
          <cell r="E2316" t="str">
            <v>REG5</v>
          </cell>
          <cell r="F2316" t="str">
            <v>Definition of justified or unfair dismissal</v>
          </cell>
          <cell r="G2316">
            <v>2013</v>
          </cell>
          <cell r="H2316">
            <v>2013</v>
          </cell>
          <cell r="I2316"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316">
            <v>0</v>
          </cell>
          <cell r="M2316">
            <v>0</v>
          </cell>
        </row>
        <row r="2317">
          <cell r="A2317" t="str">
            <v>TURREG62013</v>
          </cell>
          <cell r="B2317" t="str">
            <v>TUR</v>
          </cell>
          <cell r="C2317" t="str">
            <v>Turkey</v>
          </cell>
          <cell r="D2317" t="str">
            <v>Item 6</v>
          </cell>
          <cell r="E2317" t="str">
            <v>REG6</v>
          </cell>
          <cell r="F2317" t="str">
            <v>Trial period</v>
          </cell>
          <cell r="G2317">
            <v>2013</v>
          </cell>
          <cell r="H2317">
            <v>2013</v>
          </cell>
          <cell r="I2317" t="str">
            <v xml:space="preserve">All workers: Maximum 2 months, can be extended by collective agreements to 4 months.
Calculation: average of the two cases.
</v>
          </cell>
          <cell r="J2317">
            <v>3</v>
          </cell>
          <cell r="M2317">
            <v>4</v>
          </cell>
        </row>
        <row r="2318">
          <cell r="A2318" t="str">
            <v>TURREG72013</v>
          </cell>
          <cell r="B2318" t="str">
            <v>TUR</v>
          </cell>
          <cell r="C2318" t="str">
            <v>Turkey</v>
          </cell>
          <cell r="D2318" t="str">
            <v>Item 7</v>
          </cell>
          <cell r="E2318" t="str">
            <v>REG7</v>
          </cell>
          <cell r="F2318" t="str">
            <v xml:space="preserve">Compensation following unfair dismissal </v>
          </cell>
          <cell r="G2318">
            <v>2013</v>
          </cell>
          <cell r="H2318">
            <v>2013</v>
          </cell>
          <cell r="I2318"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318">
            <v>10</v>
          </cell>
          <cell r="M2318">
            <v>2</v>
          </cell>
        </row>
        <row r="2319">
          <cell r="A2319" t="str">
            <v>TURREG82013</v>
          </cell>
          <cell r="B2319" t="str">
            <v>TUR</v>
          </cell>
          <cell r="C2319" t="str">
            <v>Turkey</v>
          </cell>
          <cell r="D2319" t="str">
            <v>Item 8</v>
          </cell>
          <cell r="E2319" t="str">
            <v>REG8</v>
          </cell>
          <cell r="F2319" t="str">
            <v>Possibility of reinstatement following unfair dismissal</v>
          </cell>
          <cell r="G2319">
            <v>2013</v>
          </cell>
          <cell r="H2319">
            <v>2013</v>
          </cell>
          <cell r="I2319"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319">
            <v>0</v>
          </cell>
          <cell r="M2319">
            <v>0</v>
          </cell>
        </row>
        <row r="2320">
          <cell r="A2320" t="str">
            <v>TURREG92013</v>
          </cell>
          <cell r="B2320" t="str">
            <v>TUR</v>
          </cell>
          <cell r="C2320" t="str">
            <v>Turkey</v>
          </cell>
          <cell r="D2320" t="str">
            <v>Item 9</v>
          </cell>
          <cell r="E2320" t="str">
            <v>REG9</v>
          </cell>
          <cell r="F2320" t="str">
            <v>Maximum time for claim</v>
          </cell>
          <cell r="G2320">
            <v>2013</v>
          </cell>
          <cell r="H2320">
            <v>2013</v>
          </cell>
          <cell r="I2320" t="str">
            <v xml:space="preserve">One month
Notification period starts when the notification arrived to worker.
</v>
          </cell>
          <cell r="J2320">
            <v>0</v>
          </cell>
          <cell r="M2320">
            <v>0</v>
          </cell>
        </row>
        <row r="2321">
          <cell r="A2321" t="str">
            <v>TURFTC12013</v>
          </cell>
          <cell r="B2321" t="str">
            <v>TUR</v>
          </cell>
          <cell r="C2321" t="str">
            <v>Turkey</v>
          </cell>
          <cell r="D2321" t="str">
            <v>Item 10</v>
          </cell>
          <cell r="E2321" t="str">
            <v>FTC1</v>
          </cell>
          <cell r="F2321" t="str">
            <v>Valid cases for use of fixed-term contracts, other than  “objective”  or “material” situation</v>
          </cell>
          <cell r="G2321">
            <v>2013</v>
          </cell>
          <cell r="H2321">
            <v>2013</v>
          </cell>
          <cell r="I2321" t="str">
            <v>Restricted to “objective situations”, particularly seasonal and agricultural work.</v>
          </cell>
          <cell r="J2321">
            <v>0</v>
          </cell>
          <cell r="M2321">
            <v>6</v>
          </cell>
        </row>
        <row r="2322">
          <cell r="A2322" t="str">
            <v>TURFTC22013</v>
          </cell>
          <cell r="B2322" t="str">
            <v>TUR</v>
          </cell>
          <cell r="C2322" t="str">
            <v>Turkey</v>
          </cell>
          <cell r="D2322" t="str">
            <v>Item 11</v>
          </cell>
          <cell r="E2322" t="str">
            <v>FTC2</v>
          </cell>
          <cell r="F2322" t="str">
            <v>Maximum number of successive fixed-term contracts</v>
          </cell>
          <cell r="G2322">
            <v>2013</v>
          </cell>
          <cell r="H2322">
            <v>2013</v>
          </cell>
          <cell r="I2322" t="str">
            <v xml:space="preserve">Estimated 1.5 Fixed-term contracts cannot be successively renewed without serious reason, otherwise the renewal will alter the fixed-term contract into a contract of indefinite time.
In case of valuable reasons for renewal, no limit specified.
</v>
          </cell>
          <cell r="J2322">
            <v>1.5</v>
          </cell>
          <cell r="M2322">
            <v>5</v>
          </cell>
        </row>
        <row r="2323">
          <cell r="A2323" t="str">
            <v>TURFTC32013</v>
          </cell>
          <cell r="B2323" t="str">
            <v>TUR</v>
          </cell>
          <cell r="C2323" t="str">
            <v>Turkey</v>
          </cell>
          <cell r="D2323" t="str">
            <v>Item 12</v>
          </cell>
          <cell r="E2323" t="str">
            <v>FTC3</v>
          </cell>
          <cell r="F2323" t="str">
            <v>Maximum cumulated duration of successive fixed-term contracts</v>
          </cell>
          <cell r="G2323">
            <v>2013</v>
          </cell>
          <cell r="H2323">
            <v>2013</v>
          </cell>
          <cell r="I2323" t="str">
            <v>No limit specified.</v>
          </cell>
          <cell r="J2323">
            <v>200</v>
          </cell>
          <cell r="M2323">
            <v>0</v>
          </cell>
        </row>
        <row r="2324">
          <cell r="A2324" t="str">
            <v>TURTWA12013</v>
          </cell>
          <cell r="B2324" t="str">
            <v>TUR</v>
          </cell>
          <cell r="C2324" t="str">
            <v>Turkey</v>
          </cell>
          <cell r="D2324" t="str">
            <v>Item 13</v>
          </cell>
          <cell r="E2324" t="str">
            <v>TWA1</v>
          </cell>
          <cell r="F2324" t="str">
            <v>Types of work for which TWA employment is legal</v>
          </cell>
          <cell r="G2324">
            <v>2013</v>
          </cell>
          <cell r="H2324">
            <v>2013</v>
          </cell>
          <cell r="I2324"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24">
            <v>0</v>
          </cell>
          <cell r="M2324">
            <v>6</v>
          </cell>
        </row>
        <row r="2325">
          <cell r="A2325" t="str">
            <v>TURTWA22013</v>
          </cell>
          <cell r="B2325" t="str">
            <v>TUR</v>
          </cell>
          <cell r="C2325" t="str">
            <v>Turkey</v>
          </cell>
          <cell r="D2325" t="str">
            <v>Item 14</v>
          </cell>
          <cell r="E2325" t="str">
            <v>TWA2A, TWA2B</v>
          </cell>
          <cell r="F2325" t="str">
            <v>Are there any restrictions on the number of renewals of a TWA contract?</v>
          </cell>
          <cell r="G2325">
            <v>2013</v>
          </cell>
          <cell r="H2325">
            <v>2013</v>
          </cell>
          <cell r="I2325" t="str">
            <v>Not applicable</v>
          </cell>
          <cell r="J2325" t="str">
            <v>-</v>
          </cell>
          <cell r="K2325" t="str">
            <v>-</v>
          </cell>
          <cell r="M2325">
            <v>4</v>
          </cell>
          <cell r="N2325">
            <v>4</v>
          </cell>
        </row>
        <row r="2326">
          <cell r="A2326" t="str">
            <v>TURTWA32013</v>
          </cell>
          <cell r="B2326" t="str">
            <v>TUR</v>
          </cell>
          <cell r="C2326" t="str">
            <v>Turkey</v>
          </cell>
          <cell r="D2326" t="str">
            <v>Item 15</v>
          </cell>
          <cell r="E2326" t="str">
            <v>TWA3A, TWA3B</v>
          </cell>
          <cell r="F2326" t="str">
            <v>Maximum cumulated duration of temporary work contracts</v>
          </cell>
          <cell r="G2326">
            <v>2013</v>
          </cell>
          <cell r="H2326">
            <v>2013</v>
          </cell>
          <cell r="I2326" t="str">
            <v>Not applicable</v>
          </cell>
          <cell r="J2326">
            <v>0</v>
          </cell>
          <cell r="K2326">
            <v>0</v>
          </cell>
          <cell r="M2326">
            <v>6</v>
          </cell>
          <cell r="N2326">
            <v>6</v>
          </cell>
        </row>
        <row r="2327">
          <cell r="A2327" t="str">
            <v>TURTWA42013</v>
          </cell>
          <cell r="B2327" t="str">
            <v>TUR</v>
          </cell>
          <cell r="C2327" t="str">
            <v>Turkey</v>
          </cell>
          <cell r="D2327" t="str">
            <v>Item 16</v>
          </cell>
          <cell r="E2327" t="str">
            <v>TWA4</v>
          </cell>
          <cell r="F2327" t="str">
            <v>Authorisation and reporting obligations</v>
          </cell>
          <cell r="G2327">
            <v>2013</v>
          </cell>
          <cell r="H2327">
            <v>2013</v>
          </cell>
          <cell r="I2327" t="str">
            <v>Not applicable</v>
          </cell>
          <cell r="J2327" t="str">
            <v>-</v>
          </cell>
          <cell r="M2327">
            <v>6</v>
          </cell>
        </row>
        <row r="2328">
          <cell r="A2328" t="str">
            <v>TURTWA52013</v>
          </cell>
          <cell r="B2328" t="str">
            <v>TUR</v>
          </cell>
          <cell r="C2328" t="str">
            <v>Turkey</v>
          </cell>
          <cell r="D2328" t="str">
            <v>Item 17</v>
          </cell>
          <cell r="E2328" t="str">
            <v>TWA5</v>
          </cell>
          <cell r="F2328" t="str">
            <v>Equal treatment for TWA workers</v>
          </cell>
          <cell r="G2328">
            <v>2013</v>
          </cell>
          <cell r="H2328">
            <v>2013</v>
          </cell>
          <cell r="I2328" t="str">
            <v>Not applicable</v>
          </cell>
          <cell r="J2328" t="str">
            <v>-</v>
          </cell>
          <cell r="M2328">
            <v>6</v>
          </cell>
        </row>
        <row r="2329">
          <cell r="A2329" t="str">
            <v>TURCD12013</v>
          </cell>
          <cell r="B2329" t="str">
            <v>TUR</v>
          </cell>
          <cell r="C2329" t="str">
            <v>Turkey</v>
          </cell>
          <cell r="D2329" t="str">
            <v>Item 18</v>
          </cell>
          <cell r="E2329" t="str">
            <v>CD1</v>
          </cell>
          <cell r="F2329" t="str">
            <v>Definition of collective dismissal</v>
          </cell>
          <cell r="G2329">
            <v>2013</v>
          </cell>
          <cell r="H2329">
            <v>2013</v>
          </cell>
          <cell r="I2329" t="str">
            <v xml:space="preserve">Within one month, 10 workers in firms with 20-100 employees, 20 workers in firms with 101-300, 30 workers in firms with 300+ employees.
Firms with less than 20 employees are exempt from requirements for collective dismissals.
</v>
          </cell>
          <cell r="J2329">
            <v>3</v>
          </cell>
          <cell r="M2329">
            <v>4.5</v>
          </cell>
        </row>
        <row r="2330">
          <cell r="A2330" t="str">
            <v>TURCD22013</v>
          </cell>
          <cell r="B2330" t="str">
            <v>TUR</v>
          </cell>
          <cell r="C2330" t="str">
            <v>Turkey</v>
          </cell>
          <cell r="D2330" t="str">
            <v>Item 19</v>
          </cell>
          <cell r="E2330" t="str">
            <v>CD2</v>
          </cell>
          <cell r="F2330" t="str">
            <v>Additional notification requirements in case of collective dismissals</v>
          </cell>
          <cell r="G2330">
            <v>2013</v>
          </cell>
          <cell r="H2330">
            <v>2013</v>
          </cell>
          <cell r="I2330"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30">
            <v>1</v>
          </cell>
          <cell r="M2330">
            <v>3</v>
          </cell>
        </row>
        <row r="2331">
          <cell r="A2331" t="str">
            <v>TURCD32013</v>
          </cell>
          <cell r="B2331" t="str">
            <v>TUR</v>
          </cell>
          <cell r="C2331" t="str">
            <v>Turkey</v>
          </cell>
          <cell r="D2331" t="str">
            <v>Item 20</v>
          </cell>
          <cell r="E2331" t="str">
            <v>CD3</v>
          </cell>
          <cell r="F2331" t="str">
            <v>Additional delays involved in case of collective dismissals</v>
          </cell>
          <cell r="G2331">
            <v>2013</v>
          </cell>
          <cell r="H2331">
            <v>2013</v>
          </cell>
          <cell r="I2331" t="str">
            <v>1 month waiting period starting from the notification to public authorities.</v>
          </cell>
          <cell r="J2331">
            <v>29</v>
          </cell>
          <cell r="M2331">
            <v>2</v>
          </cell>
        </row>
        <row r="2332">
          <cell r="A2332" t="str">
            <v>TURCD42013</v>
          </cell>
          <cell r="B2332" t="str">
            <v>TUR</v>
          </cell>
          <cell r="C2332" t="str">
            <v>Turkey</v>
          </cell>
          <cell r="D2332" t="str">
            <v>Item 21</v>
          </cell>
          <cell r="E2332" t="str">
            <v>CD4</v>
          </cell>
          <cell r="F2332" t="str">
            <v>Other special costs to employers in case of collective dismissals</v>
          </cell>
          <cell r="G2332">
            <v>2013</v>
          </cell>
          <cell r="H2332">
            <v>2013</v>
          </cell>
          <cell r="I2332"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32">
            <v>1</v>
          </cell>
          <cell r="M2332">
            <v>3</v>
          </cell>
        </row>
        <row r="2333">
          <cell r="A2333" t="str">
            <v>SVNREG12012</v>
          </cell>
          <cell r="B2333" t="str">
            <v>SVN</v>
          </cell>
          <cell r="C2333" t="str">
            <v>Slovenia</v>
          </cell>
          <cell r="D2333" t="str">
            <v>Item 1</v>
          </cell>
          <cell r="E2333" t="str">
            <v>REG1</v>
          </cell>
          <cell r="F2333" t="str">
            <v>Notification procedures</v>
          </cell>
          <cell r="G2333">
            <v>2012</v>
          </cell>
          <cell r="H2333">
            <v>2012</v>
          </cell>
          <cell r="I233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33">
            <v>2.25</v>
          </cell>
          <cell r="M2333">
            <v>4.5</v>
          </cell>
        </row>
        <row r="2334">
          <cell r="A2334" t="str">
            <v>SVNREG22012</v>
          </cell>
          <cell r="B2334" t="str">
            <v>SVN</v>
          </cell>
          <cell r="C2334" t="str">
            <v>Slovenia</v>
          </cell>
          <cell r="D2334" t="str">
            <v>Item 2</v>
          </cell>
          <cell r="E2334" t="str">
            <v>REG2</v>
          </cell>
          <cell r="F2334" t="str">
            <v>Delay before notice can start</v>
          </cell>
          <cell r="G2334">
            <v>2012</v>
          </cell>
          <cell r="H2334">
            <v>2012</v>
          </cell>
          <cell r="I233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34">
            <v>3</v>
          </cell>
          <cell r="M2334">
            <v>1</v>
          </cell>
        </row>
        <row r="2335">
          <cell r="A2335" t="str">
            <v>SVNREG32012</v>
          </cell>
          <cell r="B2335" t="str">
            <v>SVN</v>
          </cell>
          <cell r="C2335" t="str">
            <v>Slovenia</v>
          </cell>
          <cell r="D2335" t="str">
            <v>Item 3</v>
          </cell>
          <cell r="E2335" t="str">
            <v>REG3A, REG3B, REG3C</v>
          </cell>
          <cell r="F2335" t="str">
            <v>Notice / tenure</v>
          </cell>
          <cell r="G2335">
            <v>2012</v>
          </cell>
          <cell r="H2335">
            <v>2012</v>
          </cell>
          <cell r="I2335"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35">
            <v>1</v>
          </cell>
          <cell r="K2335">
            <v>1</v>
          </cell>
          <cell r="L2335">
            <v>2</v>
          </cell>
          <cell r="M2335">
            <v>3</v>
          </cell>
          <cell r="N2335">
            <v>2</v>
          </cell>
          <cell r="O2335">
            <v>1</v>
          </cell>
        </row>
        <row r="2336">
          <cell r="A2336" t="str">
            <v>SVNREG42012</v>
          </cell>
          <cell r="B2336" t="str">
            <v>SVN</v>
          </cell>
          <cell r="C2336" t="str">
            <v>Slovenia</v>
          </cell>
          <cell r="D2336" t="str">
            <v>Item 4</v>
          </cell>
          <cell r="E2336" t="str">
            <v>REG4A, REG4B, REG4C</v>
          </cell>
          <cell r="F2336" t="str">
            <v>Severance pay / tenure</v>
          </cell>
          <cell r="G2336">
            <v>2012</v>
          </cell>
          <cell r="H2336">
            <v>2012</v>
          </cell>
          <cell r="I233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36">
            <v>0</v>
          </cell>
          <cell r="K2336">
            <v>0.8</v>
          </cell>
          <cell r="L2336">
            <v>6.7</v>
          </cell>
          <cell r="M2336">
            <v>0</v>
          </cell>
          <cell r="N2336">
            <v>2</v>
          </cell>
          <cell r="O2336">
            <v>3</v>
          </cell>
        </row>
        <row r="2337">
          <cell r="A2337" t="str">
            <v>SVNREG52012</v>
          </cell>
          <cell r="B2337" t="str">
            <v>SVN</v>
          </cell>
          <cell r="C2337" t="str">
            <v>Slovenia</v>
          </cell>
          <cell r="D2337" t="str">
            <v>Item 5</v>
          </cell>
          <cell r="E2337" t="str">
            <v>REG5</v>
          </cell>
          <cell r="F2337" t="str">
            <v>Definition of justified or unfair dismissal</v>
          </cell>
          <cell r="G2337">
            <v>2012</v>
          </cell>
          <cell r="H2337">
            <v>2012</v>
          </cell>
          <cell r="I233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37">
            <v>2</v>
          </cell>
          <cell r="M2337">
            <v>4</v>
          </cell>
        </row>
        <row r="2338">
          <cell r="A2338" t="str">
            <v>SVNREG62012</v>
          </cell>
          <cell r="B2338" t="str">
            <v>SVN</v>
          </cell>
          <cell r="C2338" t="str">
            <v>Slovenia</v>
          </cell>
          <cell r="D2338" t="str">
            <v>Item 6</v>
          </cell>
          <cell r="E2338" t="str">
            <v>REG6</v>
          </cell>
          <cell r="F2338" t="str">
            <v>Trial period</v>
          </cell>
          <cell r="G2338">
            <v>2012</v>
          </cell>
          <cell r="H2338">
            <v>2012</v>
          </cell>
          <cell r="I2338" t="str">
            <v>Probation can last a maximum of six months. It can be extended in the event of temporary absence from work. Unsuccessful completion of probation is a reason for extraordinary cancellation (without notice period).</v>
          </cell>
          <cell r="J2338">
            <v>6</v>
          </cell>
          <cell r="M2338">
            <v>3</v>
          </cell>
        </row>
        <row r="2339">
          <cell r="A2339" t="str">
            <v>SVNREG72012</v>
          </cell>
          <cell r="B2339" t="str">
            <v>SVN</v>
          </cell>
          <cell r="C2339" t="str">
            <v>Slovenia</v>
          </cell>
          <cell r="D2339" t="str">
            <v>Item 7</v>
          </cell>
          <cell r="E2339" t="str">
            <v>REG7</v>
          </cell>
          <cell r="F2339" t="str">
            <v xml:space="preserve">Compensation following unfair dismissal </v>
          </cell>
          <cell r="G2339">
            <v>2012</v>
          </cell>
          <cell r="H2339">
            <v>2012</v>
          </cell>
          <cell r="I233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39">
            <v>11.3</v>
          </cell>
          <cell r="M2339">
            <v>2</v>
          </cell>
        </row>
        <row r="2340">
          <cell r="A2340" t="str">
            <v>SVNREG82012</v>
          </cell>
          <cell r="B2340" t="str">
            <v>SVN</v>
          </cell>
          <cell r="C2340" t="str">
            <v>Slovenia</v>
          </cell>
          <cell r="D2340" t="str">
            <v>Item 8</v>
          </cell>
          <cell r="E2340" t="str">
            <v>REG8</v>
          </cell>
          <cell r="F2340" t="str">
            <v>Possibility of reinstatement following unfair dismissal</v>
          </cell>
          <cell r="G2340">
            <v>2012</v>
          </cell>
          <cell r="H2340">
            <v>2012</v>
          </cell>
          <cell r="I234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40">
            <v>2</v>
          </cell>
          <cell r="M2340">
            <v>4</v>
          </cell>
        </row>
        <row r="2341">
          <cell r="A2341" t="str">
            <v>SVNREG92012</v>
          </cell>
          <cell r="B2341" t="str">
            <v>SVN</v>
          </cell>
          <cell r="C2341" t="str">
            <v>Slovenia</v>
          </cell>
          <cell r="D2341" t="str">
            <v>Item 9</v>
          </cell>
          <cell r="E2341" t="str">
            <v>REG9</v>
          </cell>
          <cell r="F2341" t="str">
            <v>Maximum time for claim</v>
          </cell>
          <cell r="G2341">
            <v>2012</v>
          </cell>
          <cell r="H2341">
            <v>2012</v>
          </cell>
          <cell r="I234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41">
            <v>0</v>
          </cell>
          <cell r="M2341">
            <v>0</v>
          </cell>
        </row>
        <row r="2342">
          <cell r="A2342" t="str">
            <v>SVNFTC12012</v>
          </cell>
          <cell r="B2342" t="str">
            <v>SVN</v>
          </cell>
          <cell r="C2342" t="str">
            <v>Slovenia</v>
          </cell>
          <cell r="D2342" t="str">
            <v>Item 10</v>
          </cell>
          <cell r="E2342" t="str">
            <v>FTC1</v>
          </cell>
          <cell r="F2342" t="str">
            <v>Valid cases for use of fixed-term contracts, other than  “objective”  or “material” situation</v>
          </cell>
          <cell r="G2342">
            <v>2012</v>
          </cell>
          <cell r="H2342">
            <v>2012</v>
          </cell>
          <cell r="I234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42">
            <v>2</v>
          </cell>
          <cell r="M2342">
            <v>2</v>
          </cell>
        </row>
        <row r="2343">
          <cell r="A2343" t="str">
            <v>SVNFTC22012</v>
          </cell>
          <cell r="B2343" t="str">
            <v>SVN</v>
          </cell>
          <cell r="C2343" t="str">
            <v>Slovenia</v>
          </cell>
          <cell r="D2343" t="str">
            <v>Item 11</v>
          </cell>
          <cell r="E2343" t="str">
            <v>FTC2</v>
          </cell>
          <cell r="F2343" t="str">
            <v>Maximum number of successive fixed-term contracts</v>
          </cell>
          <cell r="G2343">
            <v>2012</v>
          </cell>
          <cell r="H2343">
            <v>2012</v>
          </cell>
          <cell r="I2343" t="str">
            <v>No limit, within 2-year time limit for fixed term contracts.</v>
          </cell>
          <cell r="J2343">
            <v>100</v>
          </cell>
          <cell r="M2343">
            <v>0</v>
          </cell>
        </row>
        <row r="2344">
          <cell r="A2344" t="str">
            <v>SVNFTC32012</v>
          </cell>
          <cell r="B2344" t="str">
            <v>SVN</v>
          </cell>
          <cell r="C2344" t="str">
            <v>Slovenia</v>
          </cell>
          <cell r="D2344" t="str">
            <v>Item 12</v>
          </cell>
          <cell r="E2344" t="str">
            <v>FTC3</v>
          </cell>
          <cell r="F2344" t="str">
            <v>Maximum cumulated duration of successive fixed-term contracts</v>
          </cell>
          <cell r="G2344">
            <v>2012</v>
          </cell>
          <cell r="H2344">
            <v>2012</v>
          </cell>
          <cell r="I234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44">
            <v>24</v>
          </cell>
          <cell r="M2344">
            <v>3</v>
          </cell>
        </row>
        <row r="2345">
          <cell r="A2345" t="str">
            <v>SVNTWA12012</v>
          </cell>
          <cell r="B2345" t="str">
            <v>SVN</v>
          </cell>
          <cell r="C2345" t="str">
            <v>Slovenia</v>
          </cell>
          <cell r="D2345" t="str">
            <v>Item 13</v>
          </cell>
          <cell r="E2345" t="str">
            <v>TWA1</v>
          </cell>
          <cell r="F2345" t="str">
            <v>Types of work for which TWA employment is legal</v>
          </cell>
          <cell r="G2345">
            <v>2012</v>
          </cell>
          <cell r="H2345">
            <v>2012</v>
          </cell>
          <cell r="I234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45">
            <v>3.5</v>
          </cell>
          <cell r="M2345">
            <v>0.75</v>
          </cell>
        </row>
        <row r="2346">
          <cell r="A2346" t="str">
            <v>SVNTWA22012</v>
          </cell>
          <cell r="B2346" t="str">
            <v>SVN</v>
          </cell>
          <cell r="C2346" t="str">
            <v>Slovenia</v>
          </cell>
          <cell r="D2346" t="str">
            <v>Item 14</v>
          </cell>
          <cell r="E2346" t="str">
            <v>TWA2A, TWA2B</v>
          </cell>
          <cell r="F2346" t="str">
            <v>Are there any restrictions on the number of renewals of a TWA contract?</v>
          </cell>
          <cell r="G2346">
            <v>2012</v>
          </cell>
          <cell r="H2346">
            <v>2012</v>
          </cell>
          <cell r="I2346" t="str">
            <v>No restrictions.</v>
          </cell>
          <cell r="J2346" t="str">
            <v>No</v>
          </cell>
          <cell r="K2346" t="str">
            <v>No</v>
          </cell>
          <cell r="M2346">
            <v>2</v>
          </cell>
          <cell r="N2346">
            <v>2</v>
          </cell>
        </row>
        <row r="2347">
          <cell r="A2347" t="str">
            <v>SVNTWA32012</v>
          </cell>
          <cell r="B2347" t="str">
            <v>SVN</v>
          </cell>
          <cell r="C2347" t="str">
            <v>Slovenia</v>
          </cell>
          <cell r="D2347" t="str">
            <v>Item 15</v>
          </cell>
          <cell r="E2347" t="str">
            <v>TWA3A, TWA3B</v>
          </cell>
          <cell r="F2347" t="str">
            <v>Maximum cumulated duration of temporary work contracts</v>
          </cell>
          <cell r="G2347">
            <v>2012</v>
          </cell>
          <cell r="H2347">
            <v>2012</v>
          </cell>
          <cell r="I234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47">
            <v>12</v>
          </cell>
          <cell r="K2347">
            <v>100</v>
          </cell>
          <cell r="M2347">
            <v>4</v>
          </cell>
          <cell r="N2347">
            <v>0</v>
          </cell>
        </row>
        <row r="2348">
          <cell r="A2348" t="str">
            <v>SVNTWA42012</v>
          </cell>
          <cell r="B2348" t="str">
            <v>SVN</v>
          </cell>
          <cell r="C2348" t="str">
            <v>Slovenia</v>
          </cell>
          <cell r="D2348" t="str">
            <v>Item 16</v>
          </cell>
          <cell r="E2348" t="str">
            <v>TWA4</v>
          </cell>
          <cell r="F2348" t="str">
            <v>Authorisation or reporting requirements</v>
          </cell>
          <cell r="G2348">
            <v>2012</v>
          </cell>
          <cell r="H2348">
            <v>2012</v>
          </cell>
          <cell r="I2348" t="str">
            <v>Agencies must be entered into the register of agencies and issue annual reports. Agencies must also provide a report upon request from the Ministry.</v>
          </cell>
          <cell r="J2348">
            <v>3</v>
          </cell>
          <cell r="M2348">
            <v>6</v>
          </cell>
        </row>
        <row r="2349">
          <cell r="A2349" t="str">
            <v>SVNTWA52012</v>
          </cell>
          <cell r="B2349" t="str">
            <v>SVN</v>
          </cell>
          <cell r="C2349" t="str">
            <v>Slovenia</v>
          </cell>
          <cell r="D2349" t="str">
            <v>Item 17</v>
          </cell>
          <cell r="E2349" t="str">
            <v>TWA5</v>
          </cell>
          <cell r="F2349" t="str">
            <v>Equal treatment for TWA workers</v>
          </cell>
          <cell r="G2349">
            <v>2012</v>
          </cell>
          <cell r="H2349">
            <v>2012</v>
          </cell>
          <cell r="I234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49">
            <v>2</v>
          </cell>
          <cell r="M2349">
            <v>6</v>
          </cell>
        </row>
        <row r="2350">
          <cell r="A2350" t="str">
            <v>SVNCD12012</v>
          </cell>
          <cell r="B2350" t="str">
            <v>SVN</v>
          </cell>
          <cell r="C2350" t="str">
            <v>Slovenia</v>
          </cell>
          <cell r="D2350" t="str">
            <v>Item 18</v>
          </cell>
          <cell r="E2350" t="str">
            <v>CD1</v>
          </cell>
          <cell r="F2350" t="str">
            <v>Definition of collective dismissal</v>
          </cell>
          <cell r="G2350">
            <v>2012</v>
          </cell>
          <cell r="H2350">
            <v>2012</v>
          </cell>
          <cell r="I235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50">
            <v>3</v>
          </cell>
          <cell r="M2350">
            <v>4.5</v>
          </cell>
        </row>
        <row r="2351">
          <cell r="A2351" t="str">
            <v>SVNCD22012</v>
          </cell>
          <cell r="B2351" t="str">
            <v>SVN</v>
          </cell>
          <cell r="C2351" t="str">
            <v>Slovenia</v>
          </cell>
          <cell r="D2351" t="str">
            <v>Item 19</v>
          </cell>
          <cell r="E2351" t="str">
            <v>CD2</v>
          </cell>
          <cell r="F2351" t="str">
            <v>Additional notification requirements in case of collective dismissals</v>
          </cell>
          <cell r="G2351">
            <v>2012</v>
          </cell>
          <cell r="H2351">
            <v>2012</v>
          </cell>
          <cell r="I2351" t="str">
            <v>The obligation to inform and consult with the union and the obligation to notify the Employment Service</v>
          </cell>
          <cell r="J2351">
            <v>1</v>
          </cell>
          <cell r="M2351">
            <v>3</v>
          </cell>
        </row>
        <row r="2352">
          <cell r="A2352" t="str">
            <v>SVNCD32012</v>
          </cell>
          <cell r="B2352" t="str">
            <v>SVN</v>
          </cell>
          <cell r="C2352" t="str">
            <v>Slovenia</v>
          </cell>
          <cell r="D2352" t="str">
            <v>Item 20</v>
          </cell>
          <cell r="E2352" t="str">
            <v>CD3</v>
          </cell>
          <cell r="F2352" t="str">
            <v>Additional delays involved in case of collective dismissals</v>
          </cell>
          <cell r="G2352">
            <v>2012</v>
          </cell>
          <cell r="H2352">
            <v>2012</v>
          </cell>
          <cell r="I235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52">
            <v>30</v>
          </cell>
          <cell r="M2352">
            <v>3</v>
          </cell>
        </row>
        <row r="2353">
          <cell r="A2353" t="str">
            <v>SVNCD42012</v>
          </cell>
          <cell r="B2353" t="str">
            <v>SVN</v>
          </cell>
          <cell r="C2353" t="str">
            <v>Slovenia</v>
          </cell>
          <cell r="D2353" t="str">
            <v>Item 21</v>
          </cell>
          <cell r="E2353" t="str">
            <v>CD4</v>
          </cell>
          <cell r="F2353" t="str">
            <v>Other special costs to employers in case of collective dismissals</v>
          </cell>
          <cell r="G2353">
            <v>2012</v>
          </cell>
          <cell r="H2353">
            <v>2012</v>
          </cell>
          <cell r="I235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53">
            <v>1</v>
          </cell>
          <cell r="M2353">
            <v>3</v>
          </cell>
        </row>
        <row r="2354">
          <cell r="A2354" t="str">
            <v>SVNREG12013</v>
          </cell>
          <cell r="B2354" t="str">
            <v>SVN</v>
          </cell>
          <cell r="C2354" t="str">
            <v>Slovenia</v>
          </cell>
          <cell r="D2354" t="str">
            <v>Item 1</v>
          </cell>
          <cell r="E2354" t="str">
            <v>REG1</v>
          </cell>
          <cell r="F2354" t="str">
            <v>Notification procedures</v>
          </cell>
          <cell r="G2354">
            <v>2013</v>
          </cell>
          <cell r="H2354">
            <v>2013</v>
          </cell>
          <cell r="I2354"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54">
            <v>2.25</v>
          </cell>
          <cell r="M2354">
            <v>4.5</v>
          </cell>
        </row>
        <row r="2355">
          <cell r="A2355" t="str">
            <v>SVNREG22013</v>
          </cell>
          <cell r="B2355" t="str">
            <v>SVN</v>
          </cell>
          <cell r="C2355" t="str">
            <v>Slovenia</v>
          </cell>
          <cell r="D2355" t="str">
            <v>Item 2</v>
          </cell>
          <cell r="E2355" t="str">
            <v>REG2</v>
          </cell>
          <cell r="F2355" t="str">
            <v>Delay before notice can start</v>
          </cell>
          <cell r="G2355">
            <v>2013</v>
          </cell>
          <cell r="H2355">
            <v>2013</v>
          </cell>
          <cell r="I2355"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55">
            <v>3</v>
          </cell>
          <cell r="M2355">
            <v>1</v>
          </cell>
        </row>
        <row r="2356">
          <cell r="A2356" t="str">
            <v>SVNREG32013</v>
          </cell>
          <cell r="B2356" t="str">
            <v>SVN</v>
          </cell>
          <cell r="C2356" t="str">
            <v>Slovenia</v>
          </cell>
          <cell r="D2356" t="str">
            <v>Item 3</v>
          </cell>
          <cell r="E2356" t="str">
            <v>REG3A, REG3B, REG3C</v>
          </cell>
          <cell r="F2356" t="str">
            <v>Notice / tenure</v>
          </cell>
          <cell r="G2356">
            <v>2013</v>
          </cell>
          <cell r="H2356">
            <v>2013</v>
          </cell>
          <cell r="I2356"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56">
            <v>1</v>
          </cell>
          <cell r="K2356">
            <v>1</v>
          </cell>
          <cell r="L2356">
            <v>2</v>
          </cell>
          <cell r="M2356">
            <v>3</v>
          </cell>
          <cell r="N2356">
            <v>2</v>
          </cell>
          <cell r="O2356">
            <v>1</v>
          </cell>
        </row>
        <row r="2357">
          <cell r="A2357" t="str">
            <v>SVNREG42013</v>
          </cell>
          <cell r="B2357" t="str">
            <v>SVN</v>
          </cell>
          <cell r="C2357" t="str">
            <v>Slovenia</v>
          </cell>
          <cell r="D2357" t="str">
            <v>Item 4</v>
          </cell>
          <cell r="E2357" t="str">
            <v>REG4A, REG4B, REG4C</v>
          </cell>
          <cell r="F2357" t="str">
            <v>Severance pay / tenure</v>
          </cell>
          <cell r="G2357">
            <v>2013</v>
          </cell>
          <cell r="H2357">
            <v>2013</v>
          </cell>
          <cell r="I2357"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57">
            <v>0</v>
          </cell>
          <cell r="K2357">
            <v>0.8</v>
          </cell>
          <cell r="L2357">
            <v>6.7</v>
          </cell>
          <cell r="M2357">
            <v>0</v>
          </cell>
          <cell r="N2357">
            <v>2</v>
          </cell>
          <cell r="O2357">
            <v>3</v>
          </cell>
        </row>
        <row r="2358">
          <cell r="A2358" t="str">
            <v>SVNREG52013</v>
          </cell>
          <cell r="B2358" t="str">
            <v>SVN</v>
          </cell>
          <cell r="C2358" t="str">
            <v>Slovenia</v>
          </cell>
          <cell r="D2358" t="str">
            <v>Item 5</v>
          </cell>
          <cell r="E2358" t="str">
            <v>REG5</v>
          </cell>
          <cell r="F2358" t="str">
            <v>Definition of justified or unfair dismissal</v>
          </cell>
          <cell r="G2358">
            <v>2013</v>
          </cell>
          <cell r="H2358">
            <v>2013</v>
          </cell>
          <cell r="I2358"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58">
            <v>2</v>
          </cell>
          <cell r="M2358">
            <v>4</v>
          </cell>
        </row>
        <row r="2359">
          <cell r="A2359" t="str">
            <v>SVNREG62013</v>
          </cell>
          <cell r="B2359" t="str">
            <v>SVN</v>
          </cell>
          <cell r="C2359" t="str">
            <v>Slovenia</v>
          </cell>
          <cell r="D2359" t="str">
            <v>Item 6</v>
          </cell>
          <cell r="E2359" t="str">
            <v>REG6</v>
          </cell>
          <cell r="F2359" t="str">
            <v>Trial period</v>
          </cell>
          <cell r="G2359">
            <v>2013</v>
          </cell>
          <cell r="H2359">
            <v>2013</v>
          </cell>
          <cell r="I2359" t="str">
            <v>Probation can last a maximum of six months. It can be extended in the event of temporary absence from work. Unsuccessful completion of probation is a reason for extraordinary cancellation (without notice period).</v>
          </cell>
          <cell r="J2359">
            <v>6</v>
          </cell>
          <cell r="M2359">
            <v>3</v>
          </cell>
        </row>
        <row r="2360">
          <cell r="A2360" t="str">
            <v>SVNREG72013</v>
          </cell>
          <cell r="B2360" t="str">
            <v>SVN</v>
          </cell>
          <cell r="C2360" t="str">
            <v>Slovenia</v>
          </cell>
          <cell r="D2360" t="str">
            <v>Item 7</v>
          </cell>
          <cell r="E2360" t="str">
            <v>REG7</v>
          </cell>
          <cell r="F2360" t="str">
            <v xml:space="preserve">Compensation following unfair dismissal </v>
          </cell>
          <cell r="G2360">
            <v>2013</v>
          </cell>
          <cell r="H2360">
            <v>2013</v>
          </cell>
          <cell r="I2360"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60">
            <v>11.3</v>
          </cell>
          <cell r="M2360">
            <v>2</v>
          </cell>
        </row>
        <row r="2361">
          <cell r="A2361" t="str">
            <v>SVNREG82013</v>
          </cell>
          <cell r="B2361" t="str">
            <v>SVN</v>
          </cell>
          <cell r="C2361" t="str">
            <v>Slovenia</v>
          </cell>
          <cell r="D2361" t="str">
            <v>Item 8</v>
          </cell>
          <cell r="E2361" t="str">
            <v>REG8</v>
          </cell>
          <cell r="F2361" t="str">
            <v>Possibility of reinstatement following unfair dismissal</v>
          </cell>
          <cell r="G2361">
            <v>2013</v>
          </cell>
          <cell r="H2361">
            <v>2013</v>
          </cell>
          <cell r="I2361"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61">
            <v>2</v>
          </cell>
          <cell r="M2361">
            <v>4</v>
          </cell>
        </row>
        <row r="2362">
          <cell r="A2362" t="str">
            <v>SVNREG92013</v>
          </cell>
          <cell r="B2362" t="str">
            <v>SVN</v>
          </cell>
          <cell r="C2362" t="str">
            <v>Slovenia</v>
          </cell>
          <cell r="D2362" t="str">
            <v>Item 9</v>
          </cell>
          <cell r="E2362" t="str">
            <v>REG9</v>
          </cell>
          <cell r="F2362" t="str">
            <v>Maximum time for claim</v>
          </cell>
          <cell r="G2362">
            <v>2013</v>
          </cell>
          <cell r="H2362">
            <v>2013</v>
          </cell>
          <cell r="I2362"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62">
            <v>0</v>
          </cell>
          <cell r="M2362">
            <v>0</v>
          </cell>
        </row>
        <row r="2363">
          <cell r="A2363" t="str">
            <v>SVNFTC12013</v>
          </cell>
          <cell r="B2363" t="str">
            <v>SVN</v>
          </cell>
          <cell r="C2363" t="str">
            <v>Slovenia</v>
          </cell>
          <cell r="D2363" t="str">
            <v>Item 10</v>
          </cell>
          <cell r="E2363" t="str">
            <v>FTC1</v>
          </cell>
          <cell r="F2363" t="str">
            <v>Valid cases for use of fixed-term contracts, other than  “objective”  or “material” situation</v>
          </cell>
          <cell r="G2363">
            <v>2013</v>
          </cell>
          <cell r="H2363">
            <v>2013</v>
          </cell>
          <cell r="I2363"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63">
            <v>2</v>
          </cell>
          <cell r="M2363">
            <v>2</v>
          </cell>
        </row>
        <row r="2364">
          <cell r="A2364" t="str">
            <v>SVNFTC22013</v>
          </cell>
          <cell r="B2364" t="str">
            <v>SVN</v>
          </cell>
          <cell r="C2364" t="str">
            <v>Slovenia</v>
          </cell>
          <cell r="D2364" t="str">
            <v>Item 11</v>
          </cell>
          <cell r="E2364" t="str">
            <v>FTC2</v>
          </cell>
          <cell r="F2364" t="str">
            <v>Maximum number of successive fixed-term contracts</v>
          </cell>
          <cell r="G2364">
            <v>2013</v>
          </cell>
          <cell r="H2364">
            <v>2013</v>
          </cell>
          <cell r="I2364" t="str">
            <v>No limit, within 2-year time limit for fixed term contracts.</v>
          </cell>
          <cell r="J2364">
            <v>100</v>
          </cell>
          <cell r="M2364">
            <v>0</v>
          </cell>
        </row>
        <row r="2365">
          <cell r="A2365" t="str">
            <v>SVNFTC32013</v>
          </cell>
          <cell r="B2365" t="str">
            <v>SVN</v>
          </cell>
          <cell r="C2365" t="str">
            <v>Slovenia</v>
          </cell>
          <cell r="D2365" t="str">
            <v>Item 12</v>
          </cell>
          <cell r="E2365" t="str">
            <v>FTC3</v>
          </cell>
          <cell r="F2365" t="str">
            <v>Maximum cumulated duration of successive fixed-term contracts</v>
          </cell>
          <cell r="G2365">
            <v>2013</v>
          </cell>
          <cell r="H2365">
            <v>2013</v>
          </cell>
          <cell r="I2365"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65">
            <v>24</v>
          </cell>
          <cell r="M2365">
            <v>3</v>
          </cell>
        </row>
        <row r="2366">
          <cell r="A2366" t="str">
            <v>SVNTWA12013</v>
          </cell>
          <cell r="B2366" t="str">
            <v>SVN</v>
          </cell>
          <cell r="C2366" t="str">
            <v>Slovenia</v>
          </cell>
          <cell r="D2366" t="str">
            <v>Item 13</v>
          </cell>
          <cell r="E2366" t="str">
            <v>TWA1</v>
          </cell>
          <cell r="F2366" t="str">
            <v>Types of work for which TWA employment is legal</v>
          </cell>
          <cell r="G2366">
            <v>2013</v>
          </cell>
          <cell r="H2366">
            <v>2013</v>
          </cell>
          <cell r="I2366"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66">
            <v>3.5</v>
          </cell>
          <cell r="M2366">
            <v>0.75</v>
          </cell>
        </row>
        <row r="2367">
          <cell r="A2367" t="str">
            <v>SVNTWA22013</v>
          </cell>
          <cell r="B2367" t="str">
            <v>SVN</v>
          </cell>
          <cell r="C2367" t="str">
            <v>Slovenia</v>
          </cell>
          <cell r="D2367" t="str">
            <v>Item 14</v>
          </cell>
          <cell r="E2367" t="str">
            <v>TWA2A, TWA2B</v>
          </cell>
          <cell r="F2367" t="str">
            <v>Are there any restrictions on the number of renewals of a TWA contract?</v>
          </cell>
          <cell r="G2367">
            <v>2013</v>
          </cell>
          <cell r="H2367">
            <v>2013</v>
          </cell>
          <cell r="I2367" t="str">
            <v>No restrictions.</v>
          </cell>
          <cell r="J2367" t="str">
            <v>No</v>
          </cell>
          <cell r="K2367" t="str">
            <v>No</v>
          </cell>
          <cell r="M2367">
            <v>2</v>
          </cell>
          <cell r="N2367">
            <v>2</v>
          </cell>
        </row>
        <row r="2368">
          <cell r="A2368" t="str">
            <v>SVNTWA32013</v>
          </cell>
          <cell r="B2368" t="str">
            <v>SVN</v>
          </cell>
          <cell r="C2368" t="str">
            <v>Slovenia</v>
          </cell>
          <cell r="D2368" t="str">
            <v>Item 15</v>
          </cell>
          <cell r="E2368" t="str">
            <v>TWA3A, TWA3B</v>
          </cell>
          <cell r="F2368" t="str">
            <v>Maximum cumulated duration of temporary work contracts</v>
          </cell>
          <cell r="G2368">
            <v>2013</v>
          </cell>
          <cell r="H2368">
            <v>2013</v>
          </cell>
          <cell r="I2368"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68">
            <v>12</v>
          </cell>
          <cell r="K2368">
            <v>100</v>
          </cell>
          <cell r="M2368">
            <v>4</v>
          </cell>
          <cell r="N2368">
            <v>0</v>
          </cell>
        </row>
        <row r="2369">
          <cell r="A2369" t="str">
            <v>SVNTWA42013</v>
          </cell>
          <cell r="B2369" t="str">
            <v>SVN</v>
          </cell>
          <cell r="C2369" t="str">
            <v>Slovenia</v>
          </cell>
          <cell r="D2369" t="str">
            <v>Item 16</v>
          </cell>
          <cell r="E2369" t="str">
            <v>TWA4</v>
          </cell>
          <cell r="F2369" t="str">
            <v>Authorisation or reporting requirements</v>
          </cell>
          <cell r="G2369">
            <v>2013</v>
          </cell>
          <cell r="H2369">
            <v>2013</v>
          </cell>
          <cell r="I2369" t="str">
            <v>Agencies must be entered into the register of agencies and issue annual reports. Agencies must also provide a report upon request from the Ministry.</v>
          </cell>
          <cell r="J2369">
            <v>3</v>
          </cell>
          <cell r="M2369">
            <v>6</v>
          </cell>
        </row>
        <row r="2370">
          <cell r="A2370" t="str">
            <v>SVNTWA52013</v>
          </cell>
          <cell r="B2370" t="str">
            <v>SVN</v>
          </cell>
          <cell r="C2370" t="str">
            <v>Slovenia</v>
          </cell>
          <cell r="D2370" t="str">
            <v>Item 17</v>
          </cell>
          <cell r="E2370" t="str">
            <v>TWA5</v>
          </cell>
          <cell r="F2370" t="str">
            <v>Equal treatment for TWA workers</v>
          </cell>
          <cell r="G2370">
            <v>2013</v>
          </cell>
          <cell r="H2370">
            <v>2013</v>
          </cell>
          <cell r="I2370"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70">
            <v>2</v>
          </cell>
          <cell r="M2370">
            <v>6</v>
          </cell>
        </row>
        <row r="2371">
          <cell r="A2371" t="str">
            <v>SVNCD12013</v>
          </cell>
          <cell r="B2371" t="str">
            <v>SVN</v>
          </cell>
          <cell r="C2371" t="str">
            <v>Slovenia</v>
          </cell>
          <cell r="D2371" t="str">
            <v>Item 18</v>
          </cell>
          <cell r="E2371" t="str">
            <v>CD1</v>
          </cell>
          <cell r="F2371" t="str">
            <v>Definition of collective dismissal</v>
          </cell>
          <cell r="G2371">
            <v>2013</v>
          </cell>
          <cell r="H2371">
            <v>2013</v>
          </cell>
          <cell r="I2371"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71">
            <v>3</v>
          </cell>
          <cell r="M2371">
            <v>4.5</v>
          </cell>
        </row>
        <row r="2372">
          <cell r="A2372" t="str">
            <v>SVNCD22013</v>
          </cell>
          <cell r="B2372" t="str">
            <v>SVN</v>
          </cell>
          <cell r="C2372" t="str">
            <v>Slovenia</v>
          </cell>
          <cell r="D2372" t="str">
            <v>Item 19</v>
          </cell>
          <cell r="E2372" t="str">
            <v>CD2</v>
          </cell>
          <cell r="F2372" t="str">
            <v>Additional notification requirements in case of collective dismissals</v>
          </cell>
          <cell r="G2372">
            <v>2013</v>
          </cell>
          <cell r="H2372">
            <v>2013</v>
          </cell>
          <cell r="I2372" t="str">
            <v>The obligation to inform and consult with the union and the obligation to notify the Employment Service</v>
          </cell>
          <cell r="J2372">
            <v>1</v>
          </cell>
          <cell r="M2372">
            <v>3</v>
          </cell>
        </row>
        <row r="2373">
          <cell r="A2373" t="str">
            <v>SVNCD32013</v>
          </cell>
          <cell r="B2373" t="str">
            <v>SVN</v>
          </cell>
          <cell r="C2373" t="str">
            <v>Slovenia</v>
          </cell>
          <cell r="D2373" t="str">
            <v>Item 20</v>
          </cell>
          <cell r="E2373" t="str">
            <v>CD3</v>
          </cell>
          <cell r="F2373" t="str">
            <v>Additional delays involved in case of collective dismissals</v>
          </cell>
          <cell r="G2373">
            <v>2013</v>
          </cell>
          <cell r="H2373">
            <v>2013</v>
          </cell>
          <cell r="I2373"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73">
            <v>30</v>
          </cell>
          <cell r="M2373">
            <v>3</v>
          </cell>
        </row>
        <row r="2374">
          <cell r="A2374" t="str">
            <v>SVNCD42013</v>
          </cell>
          <cell r="B2374" t="str">
            <v>SVN</v>
          </cell>
          <cell r="C2374" t="str">
            <v>Slovenia</v>
          </cell>
          <cell r="D2374" t="str">
            <v>Item 21</v>
          </cell>
          <cell r="E2374" t="str">
            <v>CD4</v>
          </cell>
          <cell r="F2374" t="str">
            <v>Other special costs to employers in case of collective dismissals</v>
          </cell>
          <cell r="G2374">
            <v>2013</v>
          </cell>
          <cell r="H2374">
            <v>2013</v>
          </cell>
          <cell r="I2374"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74">
            <v>1</v>
          </cell>
          <cell r="M2374">
            <v>3</v>
          </cell>
        </row>
        <row r="2375">
          <cell r="A2375" t="str">
            <v>SVKREG12012</v>
          </cell>
          <cell r="B2375" t="str">
            <v>SVK</v>
          </cell>
          <cell r="C2375" t="str">
            <v>Slovak Republic</v>
          </cell>
          <cell r="D2375" t="str">
            <v>Item 1</v>
          </cell>
          <cell r="E2375" t="str">
            <v>REG1</v>
          </cell>
          <cell r="F2375" t="str">
            <v>Notification procedures</v>
          </cell>
          <cell r="G2375">
            <v>2012</v>
          </cell>
          <cell r="H2375">
            <v>2012</v>
          </cell>
          <cell r="I2375" t="str">
            <v>Notice must be given in writing.</v>
          </cell>
          <cell r="J2375">
            <v>1</v>
          </cell>
          <cell r="M2375">
            <v>2</v>
          </cell>
        </row>
        <row r="2376">
          <cell r="A2376" t="str">
            <v>SVKREG22012</v>
          </cell>
          <cell r="B2376" t="str">
            <v>SVK</v>
          </cell>
          <cell r="C2376" t="str">
            <v>Slovak Republic</v>
          </cell>
          <cell r="D2376" t="str">
            <v>Item 2</v>
          </cell>
          <cell r="E2376" t="str">
            <v>REG2</v>
          </cell>
          <cell r="F2376" t="str">
            <v>Delay before notice can start</v>
          </cell>
          <cell r="G2376">
            <v>2012</v>
          </cell>
          <cell r="H2376">
            <v>2012</v>
          </cell>
          <cell r="I2376"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2376">
            <v>4</v>
          </cell>
          <cell r="M2376">
            <v>1</v>
          </cell>
        </row>
        <row r="2377">
          <cell r="A2377" t="str">
            <v>SVKREG32012</v>
          </cell>
          <cell r="B2377" t="str">
            <v>SVK</v>
          </cell>
          <cell r="C2377" t="str">
            <v>Slovak Republic</v>
          </cell>
          <cell r="D2377" t="str">
            <v>Item 3</v>
          </cell>
          <cell r="E2377" t="str">
            <v>REG3A, REG3B, REG3C</v>
          </cell>
          <cell r="F2377" t="str">
            <v>Notice / tenure</v>
          </cell>
          <cell r="G2377">
            <v>2012</v>
          </cell>
          <cell r="H2377">
            <v>2012</v>
          </cell>
          <cell r="I2377"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77">
            <v>1</v>
          </cell>
          <cell r="K2377">
            <v>2</v>
          </cell>
          <cell r="L2377">
            <v>2.5</v>
          </cell>
          <cell r="M2377">
            <v>3</v>
          </cell>
          <cell r="N2377">
            <v>4</v>
          </cell>
          <cell r="O2377">
            <v>1</v>
          </cell>
          <cell r="P2377">
            <v>40787</v>
          </cell>
        </row>
        <row r="2378">
          <cell r="A2378" t="str">
            <v>SVKREG42012</v>
          </cell>
          <cell r="B2378" t="str">
            <v>SVK</v>
          </cell>
          <cell r="C2378" t="str">
            <v>Slovak Republic</v>
          </cell>
          <cell r="D2378" t="str">
            <v>Item 4</v>
          </cell>
          <cell r="E2378" t="str">
            <v>REG4A, REG4B, REG4C</v>
          </cell>
          <cell r="F2378" t="str">
            <v>Severance pay / tenure</v>
          </cell>
          <cell r="G2378">
            <v>2012</v>
          </cell>
          <cell r="H2378">
            <v>2012</v>
          </cell>
          <cell r="I2378" t="str">
            <v xml:space="preserve">No obligation to pay severance payment in case of termination of contract by advance notice.
However the employee is entitled to ask to receive severance payments in lieu of notice if termination is for health or organizational reasons.
Severance pay is the same as notice period – 1/2/3 months in case of organizational reasons and health reason. Specific situation (10x of average wage) – see section 76 (4) of Labour Code: .
If an employer terminates an employee’s employment relationship by notice or by agreement on the reasons that the employee must no longer perform his/her work as a result of an occupational accident, occupational disease or the risk of such a disease, or that the employee has already received the maximum permitted level of exposure in the work place as determined by a decision of a competent public health body, the employee shall be entitled to a severance allowance equal to at least ten times his/her monthly earnings; this shall not apply if an occupational accident was caused by the employee breaching, through his/her own fault, legal regulations or other regulations for ensuring occupational safety and health or instructions for ensuring occupational safety and health despite having been duly and demonstrably </v>
          </cell>
          <cell r="J2378">
            <v>0</v>
          </cell>
          <cell r="K2378">
            <v>0</v>
          </cell>
          <cell r="L2378">
            <v>0</v>
          </cell>
          <cell r="M2378">
            <v>0</v>
          </cell>
          <cell r="N2378">
            <v>0</v>
          </cell>
          <cell r="O2378">
            <v>0</v>
          </cell>
        </row>
        <row r="2379">
          <cell r="A2379" t="str">
            <v>SVKREG52012</v>
          </cell>
          <cell r="B2379" t="str">
            <v>SVK</v>
          </cell>
          <cell r="C2379" t="str">
            <v>Slovak Republic</v>
          </cell>
          <cell r="D2379" t="str">
            <v>Item 5</v>
          </cell>
          <cell r="E2379" t="str">
            <v>REG5</v>
          </cell>
          <cell r="F2379" t="str">
            <v>Definition of justified or unfair dismissal</v>
          </cell>
          <cell r="G2379">
            <v>2012</v>
          </cell>
          <cell r="H2379">
            <v>2012</v>
          </cell>
          <cell r="I2379"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379">
            <v>0</v>
          </cell>
          <cell r="M2379">
            <v>0</v>
          </cell>
        </row>
        <row r="2380">
          <cell r="A2380" t="str">
            <v>SVKREG62012</v>
          </cell>
          <cell r="B2380" t="str">
            <v>SVK</v>
          </cell>
          <cell r="C2380" t="str">
            <v>Slovak Republic</v>
          </cell>
          <cell r="D2380" t="str">
            <v>Item 6</v>
          </cell>
          <cell r="E2380" t="str">
            <v>REG6</v>
          </cell>
          <cell r="F2380" t="str">
            <v>Trial period</v>
          </cell>
          <cell r="G2380">
            <v>2012</v>
          </cell>
          <cell r="H2380">
            <v>2012</v>
          </cell>
          <cell r="I2380"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2380">
            <v>3</v>
          </cell>
          <cell r="M2380">
            <v>4</v>
          </cell>
        </row>
        <row r="2381">
          <cell r="A2381" t="str">
            <v>SVKREG72012</v>
          </cell>
          <cell r="B2381" t="str">
            <v>SVK</v>
          </cell>
          <cell r="C2381" t="str">
            <v>Slovak Republic</v>
          </cell>
          <cell r="D2381" t="str">
            <v>Item 7</v>
          </cell>
          <cell r="E2381" t="str">
            <v>REG7</v>
          </cell>
          <cell r="F2381" t="str">
            <v xml:space="preserve">Compensation following unfair dismissal </v>
          </cell>
          <cell r="G2381">
            <v>2012</v>
          </cell>
          <cell r="H2381">
            <v>2012</v>
          </cell>
          <cell r="I2381" t="str">
            <v>Up to 9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v>
          </cell>
          <cell r="J2381">
            <v>6</v>
          </cell>
          <cell r="M2381">
            <v>1</v>
          </cell>
        </row>
        <row r="2382">
          <cell r="A2382" t="str">
            <v>SVKREG82012</v>
          </cell>
          <cell r="B2382" t="str">
            <v>SVK</v>
          </cell>
          <cell r="C2382" t="str">
            <v>Slovak Republic</v>
          </cell>
          <cell r="D2382" t="str">
            <v>Item 8</v>
          </cell>
          <cell r="E2382" t="str">
            <v>REG8</v>
          </cell>
          <cell r="F2382" t="str">
            <v>Possibility of reinstatement following unfair dismissal</v>
          </cell>
          <cell r="G2382">
            <v>2012</v>
          </cell>
          <cell r="H2382">
            <v>2012</v>
          </cell>
          <cell r="I2382"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382">
            <v>2.5</v>
          </cell>
          <cell r="M2382">
            <v>5</v>
          </cell>
        </row>
        <row r="2383">
          <cell r="A2383" t="str">
            <v>SVKREG92012</v>
          </cell>
          <cell r="B2383" t="str">
            <v>SVK</v>
          </cell>
          <cell r="C2383" t="str">
            <v>Slovak Republic</v>
          </cell>
          <cell r="D2383" t="str">
            <v>Item 9</v>
          </cell>
          <cell r="E2383" t="str">
            <v>REG9</v>
          </cell>
          <cell r="F2383" t="str">
            <v>Maximum time for claim</v>
          </cell>
          <cell r="G2383">
            <v>2012</v>
          </cell>
          <cell r="H2383">
            <v>2012</v>
          </cell>
          <cell r="I2383"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383">
            <v>2</v>
          </cell>
          <cell r="M2383">
            <v>2</v>
          </cell>
        </row>
        <row r="2384">
          <cell r="A2384" t="str">
            <v>SVKFTC12012</v>
          </cell>
          <cell r="B2384" t="str">
            <v>SVK</v>
          </cell>
          <cell r="C2384" t="str">
            <v>Slovak Republic</v>
          </cell>
          <cell r="D2384" t="str">
            <v>Item 10</v>
          </cell>
          <cell r="E2384" t="str">
            <v>FTC1</v>
          </cell>
          <cell r="F2384" t="str">
            <v>Valid cases for use of fixed-term contracts, other than  “objective”  or “material” situation</v>
          </cell>
          <cell r="G2384">
            <v>2012</v>
          </cell>
          <cell r="H2384">
            <v>2012</v>
          </cell>
          <cell r="I2384" t="str">
            <v>A fixed term employment may be agreed, extended or renewed for a maximum of three years without specifying an objective reason.</v>
          </cell>
          <cell r="J2384">
            <v>3</v>
          </cell>
          <cell r="M2384">
            <v>0</v>
          </cell>
        </row>
        <row r="2385">
          <cell r="A2385" t="str">
            <v>SVKFTC22012</v>
          </cell>
          <cell r="B2385" t="str">
            <v>SVK</v>
          </cell>
          <cell r="C2385" t="str">
            <v>Slovak Republic</v>
          </cell>
          <cell r="D2385" t="str">
            <v>Item 11</v>
          </cell>
          <cell r="E2385" t="str">
            <v>FTC2</v>
          </cell>
          <cell r="F2385" t="str">
            <v>Maximum number of successive fixed-term contracts</v>
          </cell>
          <cell r="G2385">
            <v>2012</v>
          </cell>
          <cell r="H2385">
            <v>2012</v>
          </cell>
          <cell r="I2385" t="str">
            <v>Fixed-term employment may only be agreed for a maximum of 3 years. Fixed-term employment may only be extended or renewed once within the 3-year period. Another extension or renewal of fixed-term employment may only be agreed for material or objective reasons.</v>
          </cell>
          <cell r="J2385">
            <v>2.5</v>
          </cell>
          <cell r="M2385">
            <v>4</v>
          </cell>
        </row>
        <row r="2386">
          <cell r="A2386" t="str">
            <v>SVKFTC32012</v>
          </cell>
          <cell r="B2386" t="str">
            <v>SVK</v>
          </cell>
          <cell r="C2386" t="str">
            <v>Slovak Republic</v>
          </cell>
          <cell r="D2386" t="str">
            <v>Item 12</v>
          </cell>
          <cell r="E2386" t="str">
            <v>FTC3</v>
          </cell>
          <cell r="F2386" t="str">
            <v>Maximum cumulated duration of successive fixed-term contracts</v>
          </cell>
          <cell r="G2386">
            <v>2012</v>
          </cell>
          <cell r="H2386">
            <v>2012</v>
          </cell>
          <cell r="I2386" t="str">
            <v>The cumulated duration of successive fixed-term contracts may reach a maximum of 36 months. This shall not apply if fixed-term contracts are concluded for material or objective reasons.</v>
          </cell>
          <cell r="J2386">
            <v>36</v>
          </cell>
          <cell r="M2386">
            <v>1</v>
          </cell>
          <cell r="P2386" t="str">
            <v>but 36 months in 2012 and 24 months in 2011.</v>
          </cell>
        </row>
        <row r="2387">
          <cell r="A2387" t="str">
            <v>SVKTWA12012</v>
          </cell>
          <cell r="B2387" t="str">
            <v>SVK</v>
          </cell>
          <cell r="C2387" t="str">
            <v>Slovak Republic</v>
          </cell>
          <cell r="D2387" t="str">
            <v>Item 13</v>
          </cell>
          <cell r="E2387" t="str">
            <v>TWA1</v>
          </cell>
          <cell r="F2387" t="str">
            <v>Types of work for which TWA employment is legal</v>
          </cell>
          <cell r="G2387">
            <v>2012</v>
          </cell>
          <cell r="H2387">
            <v>2012</v>
          </cell>
          <cell r="I2387" t="str">
            <v>Section 58a (1) states that “The employer may agree on temporary assignment with the using employer only where there are objective operational reasons for such assignment” (cf. Act No. 348/2007).</v>
          </cell>
          <cell r="J2387">
            <v>2</v>
          </cell>
          <cell r="M2387">
            <v>3</v>
          </cell>
        </row>
        <row r="2388">
          <cell r="A2388" t="str">
            <v>SVKTWA22012</v>
          </cell>
          <cell r="B2388" t="str">
            <v>SVK</v>
          </cell>
          <cell r="C2388" t="str">
            <v>Slovak Republic</v>
          </cell>
          <cell r="D2388" t="str">
            <v>Item 14</v>
          </cell>
          <cell r="E2388" t="str">
            <v>TWA2A, TWA2B</v>
          </cell>
          <cell r="F2388" t="str">
            <v>Are there any restrictions on the number of renewals of a TWA contract?</v>
          </cell>
          <cell r="G2388">
            <v>2012</v>
          </cell>
          <cell r="H2388">
            <v>2012</v>
          </cell>
          <cell r="I2388" t="str">
            <v>No for assignments. Same restrictions as for fixed-term contracts if the contract between the agency and the worker is fixed-term.</v>
          </cell>
          <cell r="J2388" t="str">
            <v>No</v>
          </cell>
          <cell r="K2388" t="str">
            <v>Yes</v>
          </cell>
          <cell r="M2388">
            <v>2</v>
          </cell>
          <cell r="N2388">
            <v>4</v>
          </cell>
        </row>
        <row r="2389">
          <cell r="A2389" t="str">
            <v>SVKTWA32012</v>
          </cell>
          <cell r="B2389" t="str">
            <v>SVK</v>
          </cell>
          <cell r="C2389" t="str">
            <v>Slovak Republic</v>
          </cell>
          <cell r="D2389" t="str">
            <v>Item 15</v>
          </cell>
          <cell r="E2389" t="str">
            <v>TWA3A, TWA3B</v>
          </cell>
          <cell r="F2389" t="str">
            <v>Maximum cumulated duration of temporary work contracts</v>
          </cell>
          <cell r="G2389">
            <v>2012</v>
          </cell>
          <cell r="H2389">
            <v>2012</v>
          </cell>
          <cell r="I2389" t="str">
            <v xml:space="preserve">No limit for both assignment and contract, if the latter is open-ended. </v>
          </cell>
          <cell r="J2389">
            <v>100</v>
          </cell>
          <cell r="K2389">
            <v>100</v>
          </cell>
          <cell r="M2389">
            <v>0</v>
          </cell>
          <cell r="N2389">
            <v>0</v>
          </cell>
        </row>
        <row r="2390">
          <cell r="A2390" t="str">
            <v>SVKTWA42012</v>
          </cell>
          <cell r="B2390" t="str">
            <v>SVK</v>
          </cell>
          <cell r="C2390" t="str">
            <v>Slovak Republic</v>
          </cell>
          <cell r="D2390" t="str">
            <v>Item 16</v>
          </cell>
          <cell r="E2390" t="str">
            <v>TWA4</v>
          </cell>
          <cell r="F2390" t="str">
            <v>Authorisation and reporting obligations</v>
          </cell>
          <cell r="G2390">
            <v>2012</v>
          </cell>
          <cell r="H2390">
            <v>2012</v>
          </cell>
          <cell r="I2390" t="str">
            <v>Requires administrative authorisation. The TWA is also required to submit annual reports of activities to the Centre of Labour, Social Affairs and Family.</v>
          </cell>
          <cell r="J2390">
            <v>3</v>
          </cell>
          <cell r="M2390">
            <v>6</v>
          </cell>
        </row>
        <row r="2391">
          <cell r="A2391" t="str">
            <v>SVKTWA52012</v>
          </cell>
          <cell r="B2391" t="str">
            <v>SVK</v>
          </cell>
          <cell r="C2391" t="str">
            <v>Slovak Republic</v>
          </cell>
          <cell r="D2391" t="str">
            <v>Item 17</v>
          </cell>
          <cell r="E2391" t="str">
            <v>TWA5</v>
          </cell>
          <cell r="F2391" t="str">
            <v>Equal treatment for TWA workers</v>
          </cell>
          <cell r="G2391">
            <v>2012</v>
          </cell>
          <cell r="H2391">
            <v>2012</v>
          </cell>
          <cell r="I2391" t="str">
            <v>Working conditions, including wage conditions and employment conditions for TWA workers must be at least equally favourable to those of comparable workers at the user firm.
Cf. Section 58 (5) of the Labour Code</v>
          </cell>
          <cell r="J2391">
            <v>2</v>
          </cell>
          <cell r="M2391">
            <v>6</v>
          </cell>
          <cell r="P2391">
            <v>40238</v>
          </cell>
        </row>
        <row r="2392">
          <cell r="A2392" t="str">
            <v>SVKCD12012</v>
          </cell>
          <cell r="B2392" t="str">
            <v>SVK</v>
          </cell>
          <cell r="C2392" t="str">
            <v>Slovak Republic</v>
          </cell>
          <cell r="D2392" t="str">
            <v>Item 18</v>
          </cell>
          <cell r="E2392" t="str">
            <v>CD1</v>
          </cell>
          <cell r="F2392" t="str">
            <v>Definition of collective dismissal</v>
          </cell>
          <cell r="G2392">
            <v>2012</v>
          </cell>
          <cell r="H2392">
            <v>2012</v>
          </cell>
          <cell r="I2392"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392">
            <v>3</v>
          </cell>
          <cell r="M2392">
            <v>4.5</v>
          </cell>
          <cell r="P2392">
            <v>40787</v>
          </cell>
        </row>
        <row r="2393">
          <cell r="A2393" t="str">
            <v>SVKCD22012</v>
          </cell>
          <cell r="B2393" t="str">
            <v>SVK</v>
          </cell>
          <cell r="C2393" t="str">
            <v>Slovak Republic</v>
          </cell>
          <cell r="D2393" t="str">
            <v>Item 19</v>
          </cell>
          <cell r="E2393" t="str">
            <v>CD2</v>
          </cell>
          <cell r="F2393" t="str">
            <v>Additional notification requirements in case of collective dismissals</v>
          </cell>
          <cell r="G2393">
            <v>2012</v>
          </cell>
          <cell r="H2393">
            <v>2012</v>
          </cell>
          <cell r="I2393"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393">
            <v>2</v>
          </cell>
          <cell r="M2393">
            <v>6</v>
          </cell>
        </row>
        <row r="2394">
          <cell r="A2394" t="str">
            <v>SVKCD32012</v>
          </cell>
          <cell r="B2394" t="str">
            <v>SVK</v>
          </cell>
          <cell r="C2394" t="str">
            <v>Slovak Republic</v>
          </cell>
          <cell r="D2394" t="str">
            <v>Item 20</v>
          </cell>
          <cell r="E2394" t="str">
            <v>CD3</v>
          </cell>
          <cell r="F2394" t="str">
            <v>Additional delays involved in case of collective dismissals</v>
          </cell>
          <cell r="G2394">
            <v>2012</v>
          </cell>
          <cell r="H2394">
            <v>2012</v>
          </cell>
          <cell r="I2394"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394">
            <v>30</v>
          </cell>
          <cell r="M2394">
            <v>3</v>
          </cell>
        </row>
        <row r="2395">
          <cell r="A2395" t="str">
            <v>SVKCD42012</v>
          </cell>
          <cell r="B2395" t="str">
            <v>SVK</v>
          </cell>
          <cell r="C2395" t="str">
            <v>Slovak Republic</v>
          </cell>
          <cell r="D2395" t="str">
            <v>Item 21</v>
          </cell>
          <cell r="E2395" t="str">
            <v>CD4</v>
          </cell>
          <cell r="F2395" t="str">
            <v>Other special costs to employers in case of collective dismissals</v>
          </cell>
          <cell r="G2395">
            <v>2012</v>
          </cell>
          <cell r="H2395">
            <v>2012</v>
          </cell>
          <cell r="I2395"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395">
            <v>0</v>
          </cell>
          <cell r="M2395">
            <v>0</v>
          </cell>
          <cell r="P2395">
            <v>40787</v>
          </cell>
        </row>
        <row r="2396">
          <cell r="A2396" t="str">
            <v>SVKREG12013</v>
          </cell>
          <cell r="B2396" t="str">
            <v>SVK</v>
          </cell>
          <cell r="C2396" t="str">
            <v>Slovak Republic</v>
          </cell>
          <cell r="D2396" t="str">
            <v>Item 1</v>
          </cell>
          <cell r="E2396" t="str">
            <v>REG1</v>
          </cell>
          <cell r="F2396" t="str">
            <v>Notification procedures</v>
          </cell>
          <cell r="G2396">
            <v>2013</v>
          </cell>
          <cell r="H2396">
            <v>2013</v>
          </cell>
          <cell r="I2396" t="str">
            <v>Notice must be given in writing.</v>
          </cell>
          <cell r="J2396">
            <v>1</v>
          </cell>
          <cell r="M2396">
            <v>2</v>
          </cell>
        </row>
        <row r="2397">
          <cell r="A2397" t="str">
            <v>SVKREG22013</v>
          </cell>
          <cell r="B2397" t="str">
            <v>SVK</v>
          </cell>
          <cell r="C2397" t="str">
            <v>Slovak Republic</v>
          </cell>
          <cell r="D2397" t="str">
            <v>Item 2</v>
          </cell>
          <cell r="E2397" t="str">
            <v>REG2</v>
          </cell>
          <cell r="F2397" t="str">
            <v>Delay before notice can start</v>
          </cell>
          <cell r="G2397">
            <v>2013</v>
          </cell>
          <cell r="H2397">
            <v>2013</v>
          </cell>
          <cell r="I2397" t="str">
            <v xml:space="preserve">Personal reasons (e.g. continual minor breaches of work discipline or unsatisfactory work results) – If the employee does not satisfactorily fulfil the work tasks, notice can be given if the employer has, in the preceding six months challenged him in writing to rectify the insufficiencies, and the employee failed to do so within a reasonable period of time, For less serious breaches of labour discipline, the employee may be given a notice if, with respect to breach of labour discipline, he/she has been cautioned in writing within the previous six months as to the possibility of notice.
Redundancy/economic/organisational reasons – Standard notification procedure, no additional delay. 
Calculation: 4 days = 6/2 days for required warning procedure + 1 day for notice
</v>
          </cell>
          <cell r="J2397">
            <v>4</v>
          </cell>
          <cell r="M2397">
            <v>1</v>
          </cell>
          <cell r="P2397">
            <v>41275</v>
          </cell>
        </row>
        <row r="2398">
          <cell r="A2398" t="str">
            <v>SVKREG32013</v>
          </cell>
          <cell r="B2398" t="str">
            <v>SVK</v>
          </cell>
          <cell r="C2398" t="str">
            <v>Slovak Republic</v>
          </cell>
          <cell r="D2398" t="str">
            <v>Item 3</v>
          </cell>
          <cell r="E2398" t="str">
            <v>REG3A, REG3B, REG3C</v>
          </cell>
          <cell r="F2398" t="str">
            <v>Notice / tenure</v>
          </cell>
          <cell r="G2398">
            <v>2013</v>
          </cell>
          <cell r="H2398">
            <v>2013</v>
          </cell>
          <cell r="I2398"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98">
            <v>1</v>
          </cell>
          <cell r="K2398">
            <v>2</v>
          </cell>
          <cell r="L2398">
            <v>2.5</v>
          </cell>
          <cell r="M2398">
            <v>3</v>
          </cell>
          <cell r="N2398">
            <v>4</v>
          </cell>
          <cell r="O2398">
            <v>1</v>
          </cell>
        </row>
        <row r="2399">
          <cell r="A2399" t="str">
            <v>SVKREG42013</v>
          </cell>
          <cell r="B2399" t="str">
            <v>SVK</v>
          </cell>
          <cell r="C2399" t="str">
            <v>Slovak Republic</v>
          </cell>
          <cell r="D2399" t="str">
            <v>Item 4</v>
          </cell>
          <cell r="E2399" t="str">
            <v>REG4A, REG4B, REG4C</v>
          </cell>
          <cell r="F2399" t="str">
            <v>Severance pay / tenure</v>
          </cell>
          <cell r="G2399">
            <v>2013</v>
          </cell>
          <cell r="H2399">
            <v>2013</v>
          </cell>
          <cell r="I2399" t="str">
            <v xml:space="preserve">If the employment is terminated by the employer by a notice  for due to organisational or health reasons, and if the employee worked for the employer:
A) At least 2 years but less than 5 years, he is entitled to one month severance pay
B) At least 5 years but less than 10 years, he is entitled to two month severance pay
C) At least 10 years but less than 20 years, he is entitled to three month severance pay
D) At least 20 years, he is entitled to four month severance pay.
No severance pay in the case of dismissal for personal reasons
A specific situation (10x of average wage) – apply in the cases of occupational injuries and other cases.
</v>
          </cell>
          <cell r="J2399">
            <v>0</v>
          </cell>
          <cell r="K2399">
            <v>0.5</v>
          </cell>
          <cell r="L2399">
            <v>2</v>
          </cell>
          <cell r="M2399">
            <v>0</v>
          </cell>
          <cell r="N2399">
            <v>1</v>
          </cell>
          <cell r="O2399">
            <v>1</v>
          </cell>
        </row>
        <row r="2400">
          <cell r="A2400" t="str">
            <v>SVKREG52013</v>
          </cell>
          <cell r="B2400" t="str">
            <v>SVK</v>
          </cell>
          <cell r="C2400" t="str">
            <v>Slovak Republic</v>
          </cell>
          <cell r="D2400" t="str">
            <v>Item 5</v>
          </cell>
          <cell r="E2400" t="str">
            <v>REG5</v>
          </cell>
          <cell r="F2400" t="str">
            <v>Definition of justified or unfair dismissal</v>
          </cell>
          <cell r="G2400">
            <v>2013</v>
          </cell>
          <cell r="H2400">
            <v>2013</v>
          </cell>
          <cell r="I240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400">
            <v>0</v>
          </cell>
          <cell r="M2400">
            <v>0</v>
          </cell>
        </row>
        <row r="2401">
          <cell r="A2401" t="str">
            <v>SVKREG62013</v>
          </cell>
          <cell r="B2401" t="str">
            <v>SVK</v>
          </cell>
          <cell r="C2401" t="str">
            <v>Slovak Republic</v>
          </cell>
          <cell r="D2401" t="str">
            <v>Item 6</v>
          </cell>
          <cell r="E2401" t="str">
            <v>REG6</v>
          </cell>
          <cell r="F2401" t="str">
            <v>Trial period</v>
          </cell>
          <cell r="G2401">
            <v>2013</v>
          </cell>
          <cell r="H2401">
            <v>2013</v>
          </cell>
          <cell r="I2401" t="str">
            <v>Section 45 (1) of the Labour Code provides that a probationary period may be agreed in an employment contract for a maximum of three months, except in the case of an executive employee who reports directly to the statutory body or a member of the statutory body and in the case of an executive employee who reports directly to such an executive employee, where the maximum shall be six months. A probationary period may not be prolonged.</v>
          </cell>
          <cell r="J2401">
            <v>3</v>
          </cell>
          <cell r="M2401">
            <v>4</v>
          </cell>
          <cell r="P2401">
            <v>41275</v>
          </cell>
        </row>
        <row r="2402">
          <cell r="A2402" t="str">
            <v>SVKREG72013</v>
          </cell>
          <cell r="B2402" t="str">
            <v>SVK</v>
          </cell>
          <cell r="C2402" t="str">
            <v>Slovak Republic</v>
          </cell>
          <cell r="D2402" t="str">
            <v>Item 7</v>
          </cell>
          <cell r="E2402" t="str">
            <v>REG7</v>
          </cell>
          <cell r="F2402" t="str">
            <v xml:space="preserve">Compensation following unfair dismissal </v>
          </cell>
          <cell r="G2402">
            <v>2013</v>
          </cell>
          <cell r="H2402">
            <v>2013</v>
          </cell>
          <cell r="I2402" t="str">
            <v xml:space="preserve">Section 79 (1) of the Labour Code provides that the employee shall be entitled to such compensation in the amount of average earnings from the day he/she announced to the employer that he/she insists on keeping employment, to such time for which the employer enables him/her to keep working, or until a court rules on termination of the employment relationship
Section 79 (2) of Labour code
If the overall time for which an employee should be paid wage compensation is greater than  twelve months, the court may, based on the request of the employer, decide to lower the wage compensation, provided it is greater than twelve months, or even decide that the worker will not get wage compensation above the twelve months compensation. The employee may be entitled to a wage compensation amounting up to 36 months.
</v>
          </cell>
          <cell r="J2402">
            <v>6</v>
          </cell>
          <cell r="M2402">
            <v>1</v>
          </cell>
        </row>
        <row r="2403">
          <cell r="A2403" t="str">
            <v>SVKREG82013</v>
          </cell>
          <cell r="B2403" t="str">
            <v>SVK</v>
          </cell>
          <cell r="C2403" t="str">
            <v>Slovak Republic</v>
          </cell>
          <cell r="D2403" t="str">
            <v>Item 8</v>
          </cell>
          <cell r="E2403" t="str">
            <v>REG8</v>
          </cell>
          <cell r="F2403" t="str">
            <v>Possibility of reinstatement following unfair dismissal</v>
          </cell>
          <cell r="G2403">
            <v>2013</v>
          </cell>
          <cell r="H2403">
            <v>2013</v>
          </cell>
          <cell r="I240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403">
            <v>2.5</v>
          </cell>
          <cell r="M2403">
            <v>5</v>
          </cell>
        </row>
        <row r="2404">
          <cell r="A2404" t="str">
            <v>SVKREG92013</v>
          </cell>
          <cell r="B2404" t="str">
            <v>SVK</v>
          </cell>
          <cell r="C2404" t="str">
            <v>Slovak Republic</v>
          </cell>
          <cell r="D2404" t="str">
            <v>Item 9</v>
          </cell>
          <cell r="E2404" t="str">
            <v>REG9</v>
          </cell>
          <cell r="F2404" t="str">
            <v>Maximum time for claim</v>
          </cell>
          <cell r="G2404">
            <v>2013</v>
          </cell>
          <cell r="H2404">
            <v>2013</v>
          </cell>
          <cell r="I240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404">
            <v>2</v>
          </cell>
          <cell r="M2404">
            <v>2</v>
          </cell>
        </row>
        <row r="2405">
          <cell r="A2405" t="str">
            <v>SVKFTC12013</v>
          </cell>
          <cell r="B2405" t="str">
            <v>SVK</v>
          </cell>
          <cell r="C2405" t="str">
            <v>Slovak Republic</v>
          </cell>
          <cell r="D2405" t="str">
            <v>Item 10</v>
          </cell>
          <cell r="E2405" t="str">
            <v>FTC1</v>
          </cell>
          <cell r="F2405" t="str">
            <v>Valid cases for use of fixed-term contracts, other than  “objective”  or “material” situation</v>
          </cell>
          <cell r="G2405">
            <v>2013</v>
          </cell>
          <cell r="H2405">
            <v>2013</v>
          </cell>
          <cell r="I2405" t="str">
            <v>A fixed term employment may be agreed without specifying  an objective reason. However, extension of renewal of a fixed term employment is allowed for objective reason only (e.g. maternity leave of another employee, sudden increase of work) and has to be specified in the employment contract.</v>
          </cell>
          <cell r="J2405">
            <v>3</v>
          </cell>
          <cell r="M2405">
            <v>0</v>
          </cell>
          <cell r="P2405">
            <v>41275</v>
          </cell>
        </row>
        <row r="2406">
          <cell r="A2406" t="str">
            <v>SVKFTC22013</v>
          </cell>
          <cell r="B2406" t="str">
            <v>SVK</v>
          </cell>
          <cell r="C2406" t="str">
            <v>Slovak Republic</v>
          </cell>
          <cell r="D2406" t="str">
            <v>Item 11</v>
          </cell>
          <cell r="E2406" t="str">
            <v>FTC2</v>
          </cell>
          <cell r="F2406" t="str">
            <v>Maximum number of successive fixed-term contracts</v>
          </cell>
          <cell r="G2406">
            <v>2013</v>
          </cell>
          <cell r="H2406">
            <v>2013</v>
          </cell>
          <cell r="I2406" t="str">
            <v>Fixed-term employment may only be agreed for a maximum of 2 years. Fixed-term employment may only be extended or renewed twice within the 2-year period. Another extension or renewal of fixed-term employment may only be agreed for material or objective reasons.</v>
          </cell>
          <cell r="J2406">
            <v>3.5</v>
          </cell>
          <cell r="M2406">
            <v>3</v>
          </cell>
        </row>
        <row r="2407">
          <cell r="A2407" t="str">
            <v>SVKFTC32013</v>
          </cell>
          <cell r="B2407" t="str">
            <v>SVK</v>
          </cell>
          <cell r="C2407" t="str">
            <v>Slovak Republic</v>
          </cell>
          <cell r="D2407" t="str">
            <v>Item 12</v>
          </cell>
          <cell r="E2407" t="str">
            <v>FTC3</v>
          </cell>
          <cell r="F2407" t="str">
            <v>Maximum cumulated duration of successive fixed-term contracts</v>
          </cell>
          <cell r="G2407">
            <v>2013</v>
          </cell>
          <cell r="H2407">
            <v>2013</v>
          </cell>
          <cell r="I2407" t="str">
            <v>2 years</v>
          </cell>
          <cell r="J2407">
            <v>24</v>
          </cell>
          <cell r="M2407">
            <v>3</v>
          </cell>
          <cell r="P2407" t="str">
            <v xml:space="preserve">1st January 2013
24 months 
</v>
          </cell>
        </row>
        <row r="2408">
          <cell r="A2408" t="str">
            <v>SVKTWA12013</v>
          </cell>
          <cell r="B2408" t="str">
            <v>SVK</v>
          </cell>
          <cell r="C2408" t="str">
            <v>Slovak Republic</v>
          </cell>
          <cell r="D2408" t="str">
            <v>Item 13</v>
          </cell>
          <cell r="E2408" t="str">
            <v>TWA1</v>
          </cell>
          <cell r="F2408" t="str">
            <v>Types of work for which TWA employment is legal</v>
          </cell>
          <cell r="G2408">
            <v>2013</v>
          </cell>
          <cell r="H2408">
            <v>2013</v>
          </cell>
          <cell r="I2408" t="str">
            <v>Section 58a (1) states that “The employer may agree on temporary assignment with the using employer only where there are objective operational reasons for such assignment” (cf. Act No. 348/2007).</v>
          </cell>
          <cell r="J2408">
            <v>2</v>
          </cell>
          <cell r="M2408">
            <v>3</v>
          </cell>
        </row>
        <row r="2409">
          <cell r="A2409" t="str">
            <v>SVKTWA22013</v>
          </cell>
          <cell r="B2409" t="str">
            <v>SVK</v>
          </cell>
          <cell r="C2409" t="str">
            <v>Slovak Republic</v>
          </cell>
          <cell r="D2409" t="str">
            <v>Item 14</v>
          </cell>
          <cell r="E2409" t="str">
            <v>TWA2A, TWA2B</v>
          </cell>
          <cell r="F2409" t="str">
            <v>Are there any restrictions on the number of renewals of a TWA contract?</v>
          </cell>
          <cell r="G2409">
            <v>2013</v>
          </cell>
          <cell r="H2409">
            <v>2013</v>
          </cell>
          <cell r="I2409" t="str">
            <v>No for assignments. Same restrictions as for fixed-term contracts if the contract between the agency and the worker is fixed-term.</v>
          </cell>
          <cell r="J2409" t="str">
            <v>No</v>
          </cell>
          <cell r="K2409" t="str">
            <v>Yes</v>
          </cell>
          <cell r="M2409">
            <v>2</v>
          </cell>
          <cell r="N2409">
            <v>4</v>
          </cell>
        </row>
        <row r="2410">
          <cell r="A2410" t="str">
            <v>SVKTWA32013</v>
          </cell>
          <cell r="B2410" t="str">
            <v>SVK</v>
          </cell>
          <cell r="C2410" t="str">
            <v>Slovak Republic</v>
          </cell>
          <cell r="D2410" t="str">
            <v>Item 15</v>
          </cell>
          <cell r="E2410" t="str">
            <v>TWA3A, TWA3B</v>
          </cell>
          <cell r="F2410" t="str">
            <v>Maximum cumulated duration of temporary work contracts</v>
          </cell>
          <cell r="G2410">
            <v>2013</v>
          </cell>
          <cell r="H2410">
            <v>2013</v>
          </cell>
          <cell r="I2410" t="str">
            <v xml:space="preserve">No limit for both assignment and contract, if the latter is open-ended. </v>
          </cell>
          <cell r="J2410">
            <v>100</v>
          </cell>
          <cell r="K2410">
            <v>100</v>
          </cell>
          <cell r="M2410">
            <v>0</v>
          </cell>
          <cell r="N2410">
            <v>0</v>
          </cell>
        </row>
        <row r="2411">
          <cell r="A2411" t="str">
            <v>SVKTWA42013</v>
          </cell>
          <cell r="B2411" t="str">
            <v>SVK</v>
          </cell>
          <cell r="C2411" t="str">
            <v>Slovak Republic</v>
          </cell>
          <cell r="D2411" t="str">
            <v>Item 16</v>
          </cell>
          <cell r="E2411" t="str">
            <v>TWA4</v>
          </cell>
          <cell r="F2411" t="str">
            <v>Authorisation and reporting obligations</v>
          </cell>
          <cell r="G2411">
            <v>2013</v>
          </cell>
          <cell r="H2411">
            <v>2013</v>
          </cell>
          <cell r="I2411" t="str">
            <v>Requires administrative authorisation. The TWA is also required to submit annual reports of activities to the Centre of Labour, Social Affairs and Family.</v>
          </cell>
          <cell r="J2411">
            <v>3</v>
          </cell>
          <cell r="M2411">
            <v>6</v>
          </cell>
        </row>
        <row r="2412">
          <cell r="A2412" t="str">
            <v>SVKTWA52013</v>
          </cell>
          <cell r="B2412" t="str">
            <v>SVK</v>
          </cell>
          <cell r="C2412" t="str">
            <v>Slovak Republic</v>
          </cell>
          <cell r="D2412" t="str">
            <v>Item 17</v>
          </cell>
          <cell r="E2412" t="str">
            <v>TWA5</v>
          </cell>
          <cell r="F2412" t="str">
            <v>Equal treatment for TWA workers</v>
          </cell>
          <cell r="G2412">
            <v>2013</v>
          </cell>
          <cell r="H2412">
            <v>2013</v>
          </cell>
          <cell r="I2412" t="str">
            <v>Working conditions, including wage conditions and employment conditions for TWA workers must be at least equally favourable to those of comparable workers at the user firm.
Cf. Section 58 (5) of the Labour Code</v>
          </cell>
          <cell r="J2412">
            <v>2</v>
          </cell>
          <cell r="M2412">
            <v>6</v>
          </cell>
        </row>
        <row r="2413">
          <cell r="A2413" t="str">
            <v>SVKCD12013</v>
          </cell>
          <cell r="B2413" t="str">
            <v>SVK</v>
          </cell>
          <cell r="C2413" t="str">
            <v>Slovak Republic</v>
          </cell>
          <cell r="D2413" t="str">
            <v>Item 18</v>
          </cell>
          <cell r="E2413" t="str">
            <v>CD1</v>
          </cell>
          <cell r="F2413" t="str">
            <v>Definition of collective dismissal</v>
          </cell>
          <cell r="G2413">
            <v>2013</v>
          </cell>
          <cell r="H2413">
            <v>2013</v>
          </cell>
          <cell r="I2413"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413">
            <v>3</v>
          </cell>
          <cell r="M2413">
            <v>4.5</v>
          </cell>
        </row>
        <row r="2414">
          <cell r="A2414" t="str">
            <v>SVKCD22013</v>
          </cell>
          <cell r="B2414" t="str">
            <v>SVK</v>
          </cell>
          <cell r="C2414" t="str">
            <v>Slovak Republic</v>
          </cell>
          <cell r="D2414" t="str">
            <v>Item 19</v>
          </cell>
          <cell r="E2414" t="str">
            <v>CD2</v>
          </cell>
          <cell r="F2414" t="str">
            <v>Additional notification requirements in case of collective dismissals</v>
          </cell>
          <cell r="G2414">
            <v>2013</v>
          </cell>
          <cell r="H2414">
            <v>2013</v>
          </cell>
          <cell r="I241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414">
            <v>2</v>
          </cell>
          <cell r="M2414">
            <v>6</v>
          </cell>
        </row>
        <row r="2415">
          <cell r="A2415" t="str">
            <v>SVKCD32013</v>
          </cell>
          <cell r="B2415" t="str">
            <v>SVK</v>
          </cell>
          <cell r="C2415" t="str">
            <v>Slovak Republic</v>
          </cell>
          <cell r="D2415" t="str">
            <v>Item 20</v>
          </cell>
          <cell r="E2415" t="str">
            <v>CD3</v>
          </cell>
          <cell r="F2415" t="str">
            <v>Additional delays involved in case of collective dismissals</v>
          </cell>
          <cell r="G2415">
            <v>2013</v>
          </cell>
          <cell r="H2415">
            <v>2013</v>
          </cell>
          <cell r="I2415"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415">
            <v>30</v>
          </cell>
          <cell r="M2415">
            <v>3</v>
          </cell>
        </row>
        <row r="2416">
          <cell r="A2416" t="str">
            <v>SVKCD42013</v>
          </cell>
          <cell r="B2416" t="str">
            <v>SVK</v>
          </cell>
          <cell r="C2416" t="str">
            <v>Slovak Republic</v>
          </cell>
          <cell r="D2416" t="str">
            <v>Item 21</v>
          </cell>
          <cell r="E2416" t="str">
            <v>CD4</v>
          </cell>
          <cell r="F2416" t="str">
            <v>Other special costs to employers in case of collective dismissals</v>
          </cell>
          <cell r="G2416">
            <v>2013</v>
          </cell>
          <cell r="H2416">
            <v>2013</v>
          </cell>
          <cell r="I2416"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416">
            <v>0</v>
          </cell>
          <cell r="M2416">
            <v>0</v>
          </cell>
        </row>
        <row r="2417">
          <cell r="A2417" t="str">
            <v>CZEREG12012</v>
          </cell>
          <cell r="B2417" t="str">
            <v>CZE</v>
          </cell>
          <cell r="C2417" t="str">
            <v>Czech Republic</v>
          </cell>
          <cell r="D2417" t="str">
            <v>Item 1</v>
          </cell>
          <cell r="E2417" t="str">
            <v>REG1</v>
          </cell>
          <cell r="F2417" t="str">
            <v>Notification procedures</v>
          </cell>
          <cell r="G2417">
            <v>2012</v>
          </cell>
          <cell r="H2417">
            <v>2012</v>
          </cell>
          <cell r="I2417" t="str">
            <v>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v>
          </cell>
          <cell r="J2417">
            <v>2</v>
          </cell>
          <cell r="M2417">
            <v>4</v>
          </cell>
        </row>
        <row r="2418">
          <cell r="A2418" t="str">
            <v>CZEREG22012</v>
          </cell>
          <cell r="B2418" t="str">
            <v>CZE</v>
          </cell>
          <cell r="C2418" t="str">
            <v>Czech Republic</v>
          </cell>
          <cell r="D2418" t="str">
            <v>Item 2</v>
          </cell>
          <cell r="E2418" t="str">
            <v>REG2</v>
          </cell>
          <cell r="F2418" t="str">
            <v>Delay before notice can start</v>
          </cell>
          <cell r="G2418">
            <v>2012</v>
          </cell>
          <cell r="H2418">
            <v>2012</v>
          </cell>
          <cell r="I2418"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18">
            <v>21</v>
          </cell>
          <cell r="M2418">
            <v>3</v>
          </cell>
        </row>
        <row r="2419">
          <cell r="A2419" t="str">
            <v>CZEREG32012</v>
          </cell>
          <cell r="B2419" t="str">
            <v>CZE</v>
          </cell>
          <cell r="C2419" t="str">
            <v>Czech Republic</v>
          </cell>
          <cell r="D2419" t="str">
            <v>Item 3</v>
          </cell>
          <cell r="E2419" t="str">
            <v>REG3A, REG3B, REG3C</v>
          </cell>
          <cell r="F2419" t="str">
            <v>Notice / tenure</v>
          </cell>
          <cell r="G2419">
            <v>2012</v>
          </cell>
          <cell r="H2419">
            <v>2012</v>
          </cell>
          <cell r="I2419" t="str">
            <v>All workers: 2 months.</v>
          </cell>
          <cell r="J2419">
            <v>2</v>
          </cell>
          <cell r="K2419">
            <v>2</v>
          </cell>
          <cell r="L2419">
            <v>2</v>
          </cell>
          <cell r="M2419">
            <v>6</v>
          </cell>
          <cell r="N2419">
            <v>4</v>
          </cell>
          <cell r="O2419">
            <v>1</v>
          </cell>
        </row>
        <row r="2420">
          <cell r="A2420" t="str">
            <v>CZEREG42012</v>
          </cell>
          <cell r="B2420" t="str">
            <v>CZE</v>
          </cell>
          <cell r="C2420" t="str">
            <v>Czech Republic</v>
          </cell>
          <cell r="D2420" t="str">
            <v>Item 4</v>
          </cell>
          <cell r="E2420" t="str">
            <v>REG4A, REG4B, REG4C</v>
          </cell>
          <cell r="F2420" t="str">
            <v>Severance pay / tenure</v>
          </cell>
          <cell r="G2420">
            <v>2012</v>
          </cell>
          <cell r="H2420">
            <v>2012</v>
          </cell>
          <cell r="I2420"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20">
            <v>0.5</v>
          </cell>
          <cell r="K2420">
            <v>1.5</v>
          </cell>
          <cell r="L2420">
            <v>1.5</v>
          </cell>
          <cell r="M2420">
            <v>1</v>
          </cell>
          <cell r="N2420">
            <v>3</v>
          </cell>
          <cell r="O2420">
            <v>1</v>
          </cell>
          <cell r="P2420">
            <v>40909</v>
          </cell>
        </row>
        <row r="2421">
          <cell r="A2421" t="str">
            <v>CZEREG52012</v>
          </cell>
          <cell r="B2421" t="str">
            <v>CZE</v>
          </cell>
          <cell r="C2421" t="str">
            <v>Czech Republic</v>
          </cell>
          <cell r="D2421" t="str">
            <v>Item 5</v>
          </cell>
          <cell r="E2421" t="str">
            <v>REG5</v>
          </cell>
          <cell r="F2421" t="str">
            <v>Definition of justified or unfair dismissal</v>
          </cell>
          <cell r="G2421">
            <v>2012</v>
          </cell>
          <cell r="H2421">
            <v>2012</v>
          </cell>
          <cell r="I2421"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21">
            <v>0</v>
          </cell>
          <cell r="M2421">
            <v>0</v>
          </cell>
        </row>
        <row r="2422">
          <cell r="A2422" t="str">
            <v>CZEREG62012</v>
          </cell>
          <cell r="B2422" t="str">
            <v>CZE</v>
          </cell>
          <cell r="C2422" t="str">
            <v>Czech Republic</v>
          </cell>
          <cell r="D2422" t="str">
            <v>Item 6</v>
          </cell>
          <cell r="E2422" t="str">
            <v>REG6</v>
          </cell>
          <cell r="F2422" t="str">
            <v>Trial period</v>
          </cell>
          <cell r="G2422">
            <v>2012</v>
          </cell>
          <cell r="H2422">
            <v>2012</v>
          </cell>
          <cell r="I2422" t="str">
            <v xml:space="preserve">Maximum 6 months for managerial employees; 3 months for other workers
For all employees trial period may not be longer than one half of the agreed period of the employment relationship.
Calculation: average of managerial and other employees
</v>
          </cell>
          <cell r="J2422">
            <v>4.5</v>
          </cell>
          <cell r="M2422">
            <v>4</v>
          </cell>
        </row>
        <row r="2423">
          <cell r="A2423" t="str">
            <v>CZEREG72012</v>
          </cell>
          <cell r="B2423" t="str">
            <v>CZE</v>
          </cell>
          <cell r="C2423" t="str">
            <v>Czech Republic</v>
          </cell>
          <cell r="D2423" t="str">
            <v>Item 7</v>
          </cell>
          <cell r="E2423" t="str">
            <v>REG7</v>
          </cell>
          <cell r="F2423" t="str">
            <v xml:space="preserve">Compensation following unfair dismissal </v>
          </cell>
          <cell r="G2423">
            <v>2012</v>
          </cell>
          <cell r="H2423">
            <v>2012</v>
          </cell>
          <cell r="I2423"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23">
            <v>6</v>
          </cell>
          <cell r="M2423">
            <v>1</v>
          </cell>
        </row>
        <row r="2424">
          <cell r="A2424" t="str">
            <v>CZEREG82012</v>
          </cell>
          <cell r="B2424" t="str">
            <v>CZE</v>
          </cell>
          <cell r="C2424" t="str">
            <v>Czech Republic</v>
          </cell>
          <cell r="D2424" t="str">
            <v>Item 8</v>
          </cell>
          <cell r="E2424" t="str">
            <v>REG8</v>
          </cell>
          <cell r="F2424" t="str">
            <v>Possibility of reinstatement following unfair dismissal</v>
          </cell>
          <cell r="G2424">
            <v>2012</v>
          </cell>
          <cell r="H2424">
            <v>2012</v>
          </cell>
          <cell r="I2424" t="str">
            <v>Reinstatement is always available to the employee.</v>
          </cell>
          <cell r="J2424">
            <v>3</v>
          </cell>
          <cell r="M2424">
            <v>6</v>
          </cell>
        </row>
        <row r="2425">
          <cell r="A2425" t="str">
            <v>CZEREG92012</v>
          </cell>
          <cell r="B2425" t="str">
            <v>CZE</v>
          </cell>
          <cell r="C2425" t="str">
            <v>Czech Republic</v>
          </cell>
          <cell r="D2425" t="str">
            <v>Item 9</v>
          </cell>
          <cell r="E2425" t="str">
            <v>REG9</v>
          </cell>
          <cell r="F2425" t="str">
            <v>Maximum time for claim</v>
          </cell>
          <cell r="G2425">
            <v>2012</v>
          </cell>
          <cell r="H2425">
            <v>2012</v>
          </cell>
          <cell r="I2425" t="str">
            <v>Two months after the day on which the contract was due to end (art. 72, Labour Code).</v>
          </cell>
          <cell r="J2425">
            <v>2</v>
          </cell>
          <cell r="M2425">
            <v>2</v>
          </cell>
        </row>
        <row r="2426">
          <cell r="A2426" t="str">
            <v>CZEFTC12012</v>
          </cell>
          <cell r="B2426" t="str">
            <v>CZE</v>
          </cell>
          <cell r="C2426" t="str">
            <v>Czech Republic</v>
          </cell>
          <cell r="D2426" t="str">
            <v>Item 10</v>
          </cell>
          <cell r="E2426" t="str">
            <v>FTC1</v>
          </cell>
          <cell r="F2426" t="str">
            <v>Valid cases for use of fixed-term contracts, other than  “objective”  or “material” situation</v>
          </cell>
          <cell r="G2426">
            <v>2012</v>
          </cell>
          <cell r="H2426">
            <v>2012</v>
          </cell>
          <cell r="I2426" t="str">
            <v>Generally permitted.</v>
          </cell>
          <cell r="J2426">
            <v>3</v>
          </cell>
          <cell r="M2426">
            <v>0</v>
          </cell>
        </row>
        <row r="2427">
          <cell r="A2427" t="str">
            <v>CZEFTC22012</v>
          </cell>
          <cell r="B2427" t="str">
            <v>CZE</v>
          </cell>
          <cell r="C2427" t="str">
            <v>Czech Republic</v>
          </cell>
          <cell r="D2427" t="str">
            <v>Item 11</v>
          </cell>
          <cell r="E2427" t="str">
            <v>FTC2</v>
          </cell>
          <cell r="F2427" t="str">
            <v>Maximum number of successive fixed-term contracts</v>
          </cell>
          <cell r="G2427">
            <v>2012</v>
          </cell>
          <cell r="H2427">
            <v>2012</v>
          </cell>
          <cell r="I2427"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27">
            <v>3</v>
          </cell>
          <cell r="M2427">
            <v>3</v>
          </cell>
          <cell r="P2427">
            <v>40909</v>
          </cell>
        </row>
        <row r="2428">
          <cell r="A2428" t="str">
            <v>CZEFTC32012</v>
          </cell>
          <cell r="B2428" t="str">
            <v>CZE</v>
          </cell>
          <cell r="C2428" t="str">
            <v>Czech Republic</v>
          </cell>
          <cell r="D2428" t="str">
            <v>Item 12</v>
          </cell>
          <cell r="E2428" t="str">
            <v>FTC3</v>
          </cell>
          <cell r="F2428" t="str">
            <v>Maximum cumulated duration of successive fixed-term contracts</v>
          </cell>
          <cell r="G2428">
            <v>2012</v>
          </cell>
          <cell r="H2428">
            <v>2012</v>
          </cell>
          <cell r="I2428"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28">
            <v>108</v>
          </cell>
          <cell r="M2428">
            <v>1</v>
          </cell>
          <cell r="P2428">
            <v>40909</v>
          </cell>
        </row>
        <row r="2429">
          <cell r="A2429" t="str">
            <v>CZETWA12012</v>
          </cell>
          <cell r="B2429" t="str">
            <v>CZE</v>
          </cell>
          <cell r="C2429" t="str">
            <v>Czech Republic</v>
          </cell>
          <cell r="D2429" t="str">
            <v>Item 13</v>
          </cell>
          <cell r="E2429" t="str">
            <v>TWA1</v>
          </cell>
          <cell r="F2429" t="str">
            <v>Types of work for which TWA employment is legal</v>
          </cell>
          <cell r="G2429">
            <v>2012</v>
          </cell>
          <cell r="H2429">
            <v>2012</v>
          </cell>
          <cell r="I2429" t="str">
            <v xml:space="preserve">Section 66 of act No. 435/2004 Coll. on employment:
In case of employment by temporary assignment, TWA is not allowed to mediate employment for persons with disabilities and foreign nationals from third countries. 
</v>
          </cell>
          <cell r="J2429">
            <v>3.5</v>
          </cell>
          <cell r="M2429">
            <v>0.75</v>
          </cell>
          <cell r="P2429" t="str">
            <v>1.3.2009</v>
          </cell>
        </row>
        <row r="2430">
          <cell r="A2430" t="str">
            <v>CZETWA22012</v>
          </cell>
          <cell r="B2430" t="str">
            <v>CZE</v>
          </cell>
          <cell r="C2430" t="str">
            <v>Czech Republic</v>
          </cell>
          <cell r="D2430" t="str">
            <v>Item 14</v>
          </cell>
          <cell r="E2430" t="str">
            <v>TWA2A, TWA2B</v>
          </cell>
          <cell r="F2430" t="str">
            <v>Are there any restrictions on the number of renewals of a TWA contract?</v>
          </cell>
          <cell r="G2430">
            <v>2012</v>
          </cell>
          <cell r="H2430">
            <v>2012</v>
          </cell>
          <cell r="I2430" t="str">
            <v>No</v>
          </cell>
          <cell r="J2430" t="str">
            <v>No</v>
          </cell>
          <cell r="K2430" t="str">
            <v>No</v>
          </cell>
          <cell r="M2430">
            <v>2</v>
          </cell>
          <cell r="N2430">
            <v>2</v>
          </cell>
        </row>
        <row r="2431">
          <cell r="A2431" t="str">
            <v>CZETWA32012</v>
          </cell>
          <cell r="B2431" t="str">
            <v>CZE</v>
          </cell>
          <cell r="C2431" t="str">
            <v>Czech Republic</v>
          </cell>
          <cell r="D2431" t="str">
            <v>Item 15</v>
          </cell>
          <cell r="E2431" t="str">
            <v>TWA3A, TWA3B</v>
          </cell>
          <cell r="F2431" t="str">
            <v>Maximum cumulated duration of temporary work contracts</v>
          </cell>
          <cell r="G2431">
            <v>2012</v>
          </cell>
          <cell r="H2431">
            <v>2012</v>
          </cell>
          <cell r="I2431" t="str">
            <v xml:space="preserve">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
</v>
          </cell>
          <cell r="J2431">
            <v>12</v>
          </cell>
          <cell r="K2431">
            <v>100</v>
          </cell>
          <cell r="M2431">
            <v>4</v>
          </cell>
          <cell r="N2431">
            <v>0</v>
          </cell>
        </row>
        <row r="2432">
          <cell r="A2432" t="str">
            <v>CZETWA42012</v>
          </cell>
          <cell r="B2432" t="str">
            <v>CZE</v>
          </cell>
          <cell r="C2432" t="str">
            <v>Czech Republic</v>
          </cell>
          <cell r="D2432" t="str">
            <v>Item 16</v>
          </cell>
          <cell r="E2432" t="str">
            <v>TWA4</v>
          </cell>
          <cell r="F2432" t="str">
            <v>Authorisation and reporting obligations</v>
          </cell>
          <cell r="G2432">
            <v>2012</v>
          </cell>
          <cell r="H2432">
            <v>2012</v>
          </cell>
          <cell r="I2432" t="str">
            <v>Requires authorization and periodic reporting obligations.</v>
          </cell>
          <cell r="J2432">
            <v>3</v>
          </cell>
          <cell r="M2432">
            <v>6</v>
          </cell>
        </row>
        <row r="2433">
          <cell r="A2433" t="str">
            <v>CZETWA52012</v>
          </cell>
          <cell r="B2433" t="str">
            <v>CZE</v>
          </cell>
          <cell r="C2433" t="str">
            <v>Czech Republic</v>
          </cell>
          <cell r="D2433" t="str">
            <v>Item 17</v>
          </cell>
          <cell r="E2433" t="str">
            <v>TWA5</v>
          </cell>
          <cell r="F2433" t="str">
            <v>Equal treatment for TWA workers</v>
          </cell>
          <cell r="G2433">
            <v>2012</v>
          </cell>
          <cell r="H2433">
            <v>2012</v>
          </cell>
          <cell r="I2433" t="str">
            <v>Equal treatment on wages and conditions.</v>
          </cell>
          <cell r="J2433">
            <v>2</v>
          </cell>
          <cell r="M2433">
            <v>6</v>
          </cell>
        </row>
        <row r="2434">
          <cell r="A2434" t="str">
            <v>CZECD12012</v>
          </cell>
          <cell r="B2434" t="str">
            <v>CZE</v>
          </cell>
          <cell r="C2434" t="str">
            <v>Czech Republic</v>
          </cell>
          <cell r="D2434" t="str">
            <v>Item 18</v>
          </cell>
          <cell r="E2434" t="str">
            <v>CD1</v>
          </cell>
          <cell r="F2434" t="str">
            <v>Definition of collective dismissal</v>
          </cell>
          <cell r="G2434">
            <v>2012</v>
          </cell>
          <cell r="H2434">
            <v>2012</v>
          </cell>
          <cell r="I2434"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34">
            <v>3</v>
          </cell>
          <cell r="M2434">
            <v>4.5</v>
          </cell>
        </row>
        <row r="2435">
          <cell r="A2435" t="str">
            <v>CZECD22012</v>
          </cell>
          <cell r="B2435" t="str">
            <v>CZE</v>
          </cell>
          <cell r="C2435" t="str">
            <v>Czech Republic</v>
          </cell>
          <cell r="D2435" t="str">
            <v>Item 19</v>
          </cell>
          <cell r="E2435" t="str">
            <v>CD2</v>
          </cell>
          <cell r="F2435" t="str">
            <v>Additional notification requirements in case of collective dismissals</v>
          </cell>
          <cell r="G2435">
            <v>2012</v>
          </cell>
          <cell r="H2435">
            <v>2012</v>
          </cell>
          <cell r="I2435" t="str">
            <v>Notification of employee representatives: Duty to inform competent employment representatives. Notification of public authorities: Notification of district labour office.</v>
          </cell>
          <cell r="J2435">
            <v>1</v>
          </cell>
          <cell r="M2435">
            <v>3</v>
          </cell>
        </row>
        <row r="2436">
          <cell r="A2436" t="str">
            <v>CZECD32012</v>
          </cell>
          <cell r="B2436" t="str">
            <v>CZE</v>
          </cell>
          <cell r="C2436" t="str">
            <v>Czech Republic</v>
          </cell>
          <cell r="D2436" t="str">
            <v>Item 20</v>
          </cell>
          <cell r="E2436" t="str">
            <v>CD3</v>
          </cell>
          <cell r="F2436" t="str">
            <v>Additional delays involved in case of collective dismissals</v>
          </cell>
          <cell r="G2436">
            <v>2012</v>
          </cell>
          <cell r="H2436">
            <v>2012</v>
          </cell>
          <cell r="I2436" t="str">
            <v xml:space="preserve">Information to trade union and PES office 30 days before implementation. 
Calculation: 30 days - 21days in case of individual dismissal (item 2)
</v>
          </cell>
          <cell r="J2436">
            <v>9</v>
          </cell>
          <cell r="M2436">
            <v>1</v>
          </cell>
        </row>
        <row r="2437">
          <cell r="A2437" t="str">
            <v>CZECD42012</v>
          </cell>
          <cell r="B2437" t="str">
            <v>CZE</v>
          </cell>
          <cell r="C2437" t="str">
            <v>Czech Republic</v>
          </cell>
          <cell r="D2437" t="str">
            <v>Item 21</v>
          </cell>
          <cell r="E2437" t="str">
            <v>CD4</v>
          </cell>
          <cell r="F2437" t="str">
            <v>Other special costs to employers in case of collective dismissals</v>
          </cell>
          <cell r="G2437">
            <v>2012</v>
          </cell>
          <cell r="H2437">
            <v>2012</v>
          </cell>
          <cell r="I2437"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37">
            <v>0</v>
          </cell>
          <cell r="M2437">
            <v>0</v>
          </cell>
        </row>
        <row r="2438">
          <cell r="A2438" t="str">
            <v>CZEREG12013</v>
          </cell>
          <cell r="B2438" t="str">
            <v>CZE</v>
          </cell>
          <cell r="C2438" t="str">
            <v>Czech Republic</v>
          </cell>
          <cell r="D2438" t="str">
            <v>Item 1</v>
          </cell>
          <cell r="E2438" t="str">
            <v>REG1</v>
          </cell>
          <cell r="F2438" t="str">
            <v>Notification procedures</v>
          </cell>
          <cell r="G2438">
            <v>2013</v>
          </cell>
          <cell r="H2438">
            <v>2013</v>
          </cell>
          <cell r="I2438"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2438">
            <v>2</v>
          </cell>
          <cell r="M2438">
            <v>4</v>
          </cell>
        </row>
        <row r="2439">
          <cell r="A2439" t="str">
            <v>CZEREG22013</v>
          </cell>
          <cell r="B2439" t="str">
            <v>CZE</v>
          </cell>
          <cell r="C2439" t="str">
            <v>Czech Republic</v>
          </cell>
          <cell r="D2439" t="str">
            <v>Item 2</v>
          </cell>
          <cell r="E2439" t="str">
            <v>REG2</v>
          </cell>
          <cell r="F2439" t="str">
            <v>Delay before notice can start</v>
          </cell>
          <cell r="G2439">
            <v>2013</v>
          </cell>
          <cell r="H2439">
            <v>2013</v>
          </cell>
          <cell r="I2439"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39">
            <v>21</v>
          </cell>
          <cell r="M2439">
            <v>3</v>
          </cell>
        </row>
        <row r="2440">
          <cell r="A2440" t="str">
            <v>CZEREG32013</v>
          </cell>
          <cell r="B2440" t="str">
            <v>CZE</v>
          </cell>
          <cell r="C2440" t="str">
            <v>Czech Republic</v>
          </cell>
          <cell r="D2440" t="str">
            <v>Item 3</v>
          </cell>
          <cell r="E2440" t="str">
            <v>REG3A, REG3B, REG3C</v>
          </cell>
          <cell r="F2440" t="str">
            <v>Notice / tenure</v>
          </cell>
          <cell r="G2440">
            <v>2013</v>
          </cell>
          <cell r="H2440">
            <v>2013</v>
          </cell>
          <cell r="I2440" t="str">
            <v>All workers: 2 months.</v>
          </cell>
          <cell r="J2440">
            <v>2</v>
          </cell>
          <cell r="K2440">
            <v>2</v>
          </cell>
          <cell r="L2440">
            <v>2</v>
          </cell>
          <cell r="M2440">
            <v>6</v>
          </cell>
          <cell r="N2440">
            <v>4</v>
          </cell>
          <cell r="O2440">
            <v>1</v>
          </cell>
        </row>
        <row r="2441">
          <cell r="A2441" t="str">
            <v>CZEREG42013</v>
          </cell>
          <cell r="B2441" t="str">
            <v>CZE</v>
          </cell>
          <cell r="C2441" t="str">
            <v>Czech Republic</v>
          </cell>
          <cell r="D2441" t="str">
            <v>Item 4</v>
          </cell>
          <cell r="E2441" t="str">
            <v>REG4A, REG4B, REG4C</v>
          </cell>
          <cell r="F2441" t="str">
            <v>Severance pay / tenure</v>
          </cell>
          <cell r="G2441">
            <v>2013</v>
          </cell>
          <cell r="H2441">
            <v>2013</v>
          </cell>
          <cell r="I2441"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41">
            <v>0.5</v>
          </cell>
          <cell r="K2441">
            <v>1.5</v>
          </cell>
          <cell r="L2441">
            <v>1.5</v>
          </cell>
          <cell r="M2441">
            <v>1</v>
          </cell>
          <cell r="N2441">
            <v>3</v>
          </cell>
          <cell r="O2441">
            <v>1</v>
          </cell>
        </row>
        <row r="2442">
          <cell r="A2442" t="str">
            <v>CZEREG52013</v>
          </cell>
          <cell r="B2442" t="str">
            <v>CZE</v>
          </cell>
          <cell r="C2442" t="str">
            <v>Czech Republic</v>
          </cell>
          <cell r="D2442" t="str">
            <v>Item 5</v>
          </cell>
          <cell r="E2442" t="str">
            <v>REG5</v>
          </cell>
          <cell r="F2442" t="str">
            <v>Definition of justified or unfair dismissal</v>
          </cell>
          <cell r="G2442">
            <v>2013</v>
          </cell>
          <cell r="H2442">
            <v>2013</v>
          </cell>
          <cell r="I2442"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42">
            <v>0</v>
          </cell>
          <cell r="M2442">
            <v>0</v>
          </cell>
        </row>
        <row r="2443">
          <cell r="A2443" t="str">
            <v>CZEREG62013</v>
          </cell>
          <cell r="B2443" t="str">
            <v>CZE</v>
          </cell>
          <cell r="C2443" t="str">
            <v>Czech Republic</v>
          </cell>
          <cell r="D2443" t="str">
            <v>Item 6</v>
          </cell>
          <cell r="E2443" t="str">
            <v>REG6</v>
          </cell>
          <cell r="F2443" t="str">
            <v>Trial period</v>
          </cell>
          <cell r="G2443">
            <v>2013</v>
          </cell>
          <cell r="H2443">
            <v>2013</v>
          </cell>
          <cell r="I2443" t="str">
            <v xml:space="preserve">Maximum 6 months for managerial employees; 3 months for other workers
For all employees trial period may not be longer than one half of the agreed period of the employment relationship.
Calculation: average of managerial and other employees
</v>
          </cell>
          <cell r="J2443">
            <v>4.5</v>
          </cell>
          <cell r="M2443">
            <v>4</v>
          </cell>
        </row>
        <row r="2444">
          <cell r="A2444" t="str">
            <v>CZEREG72013</v>
          </cell>
          <cell r="B2444" t="str">
            <v>CZE</v>
          </cell>
          <cell r="C2444" t="str">
            <v>Czech Republic</v>
          </cell>
          <cell r="D2444" t="str">
            <v>Item 7</v>
          </cell>
          <cell r="E2444" t="str">
            <v>REG7</v>
          </cell>
          <cell r="F2444" t="str">
            <v xml:space="preserve">Compensation following unfair dismissal </v>
          </cell>
          <cell r="G2444">
            <v>2013</v>
          </cell>
          <cell r="H2444">
            <v>2013</v>
          </cell>
          <cell r="I2444"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44">
            <v>6</v>
          </cell>
          <cell r="M2444">
            <v>1</v>
          </cell>
        </row>
        <row r="2445">
          <cell r="A2445" t="str">
            <v>CZEREG82013</v>
          </cell>
          <cell r="B2445" t="str">
            <v>CZE</v>
          </cell>
          <cell r="C2445" t="str">
            <v>Czech Republic</v>
          </cell>
          <cell r="D2445" t="str">
            <v>Item 8</v>
          </cell>
          <cell r="E2445" t="str">
            <v>REG8</v>
          </cell>
          <cell r="F2445" t="str">
            <v>Possibility of reinstatement following unfair dismissal</v>
          </cell>
          <cell r="G2445">
            <v>2013</v>
          </cell>
          <cell r="H2445">
            <v>2013</v>
          </cell>
          <cell r="I2445" t="str">
            <v>Reinstatement is always available to the employee.</v>
          </cell>
          <cell r="J2445">
            <v>3</v>
          </cell>
          <cell r="M2445">
            <v>6</v>
          </cell>
        </row>
        <row r="2446">
          <cell r="A2446" t="str">
            <v>CZEREG92013</v>
          </cell>
          <cell r="B2446" t="str">
            <v>CZE</v>
          </cell>
          <cell r="C2446" t="str">
            <v>Czech Republic</v>
          </cell>
          <cell r="D2446" t="str">
            <v>Item 9</v>
          </cell>
          <cell r="E2446" t="str">
            <v>REG9</v>
          </cell>
          <cell r="F2446" t="str">
            <v>Maximum time for claim</v>
          </cell>
          <cell r="G2446">
            <v>2013</v>
          </cell>
          <cell r="H2446">
            <v>2013</v>
          </cell>
          <cell r="I2446" t="str">
            <v>Two months after the day on which the contract was due to end (art. 72, Labour Code).</v>
          </cell>
          <cell r="J2446">
            <v>2</v>
          </cell>
          <cell r="M2446">
            <v>2</v>
          </cell>
        </row>
        <row r="2447">
          <cell r="A2447" t="str">
            <v>CZEFTC12013</v>
          </cell>
          <cell r="B2447" t="str">
            <v>CZE</v>
          </cell>
          <cell r="C2447" t="str">
            <v>Czech Republic</v>
          </cell>
          <cell r="D2447" t="str">
            <v>Item 10</v>
          </cell>
          <cell r="E2447" t="str">
            <v>FTC1</v>
          </cell>
          <cell r="F2447" t="str">
            <v>Valid cases for use of fixed-term contracts, other than  “objective”  or “material” situation</v>
          </cell>
          <cell r="G2447">
            <v>2013</v>
          </cell>
          <cell r="H2447">
            <v>2013</v>
          </cell>
          <cell r="I2447" t="str">
            <v>Generally permitted.</v>
          </cell>
          <cell r="J2447">
            <v>3</v>
          </cell>
          <cell r="M2447">
            <v>0</v>
          </cell>
        </row>
        <row r="2448">
          <cell r="A2448" t="str">
            <v>CZEFTC22013</v>
          </cell>
          <cell r="B2448" t="str">
            <v>CZE</v>
          </cell>
          <cell r="C2448" t="str">
            <v>Czech Republic</v>
          </cell>
          <cell r="D2448" t="str">
            <v>Item 11</v>
          </cell>
          <cell r="E2448" t="str">
            <v>FTC2</v>
          </cell>
          <cell r="F2448" t="str">
            <v>Maximum number of successive fixed-term contracts</v>
          </cell>
          <cell r="G2448">
            <v>2013</v>
          </cell>
          <cell r="H2448">
            <v>2013</v>
          </cell>
          <cell r="I2448"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48">
            <v>3</v>
          </cell>
          <cell r="M2448">
            <v>3</v>
          </cell>
        </row>
        <row r="2449">
          <cell r="A2449" t="str">
            <v>CZEFTC32013</v>
          </cell>
          <cell r="B2449" t="str">
            <v>CZE</v>
          </cell>
          <cell r="C2449" t="str">
            <v>Czech Republic</v>
          </cell>
          <cell r="D2449" t="str">
            <v>Item 12</v>
          </cell>
          <cell r="E2449" t="str">
            <v>FTC3</v>
          </cell>
          <cell r="F2449" t="str">
            <v>Maximum cumulated duration of successive fixed-term contracts</v>
          </cell>
          <cell r="G2449">
            <v>2013</v>
          </cell>
          <cell r="H2449">
            <v>2013</v>
          </cell>
          <cell r="I2449"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49">
            <v>108</v>
          </cell>
          <cell r="M2449">
            <v>1</v>
          </cell>
        </row>
        <row r="2450">
          <cell r="A2450" t="str">
            <v>CZETWA12013</v>
          </cell>
          <cell r="B2450" t="str">
            <v>CZE</v>
          </cell>
          <cell r="C2450" t="str">
            <v>Czech Republic</v>
          </cell>
          <cell r="D2450" t="str">
            <v>Item 13</v>
          </cell>
          <cell r="E2450" t="str">
            <v>TWA1</v>
          </cell>
          <cell r="F2450" t="str">
            <v>Types of work for which TWA employment is legal</v>
          </cell>
          <cell r="G2450">
            <v>2013</v>
          </cell>
          <cell r="H2450">
            <v>2013</v>
          </cell>
          <cell r="I2450" t="str">
            <v xml:space="preserve">Section 66 of act No. 435/2004 Coll. on employment:
In case of employment by temporary assignment, TWA is not allowed to mediate employment for persons with disabilities and foreign nationals from third countries. 
</v>
          </cell>
          <cell r="J2450">
            <v>3.5</v>
          </cell>
          <cell r="M2450">
            <v>0.75</v>
          </cell>
        </row>
        <row r="2451">
          <cell r="A2451" t="str">
            <v>CZETWA22013</v>
          </cell>
          <cell r="B2451" t="str">
            <v>CZE</v>
          </cell>
          <cell r="C2451" t="str">
            <v>Czech Republic</v>
          </cell>
          <cell r="D2451" t="str">
            <v>Item 14</v>
          </cell>
          <cell r="E2451" t="str">
            <v>TWA2A, TWA2B</v>
          </cell>
          <cell r="F2451" t="str">
            <v>Are there any restrictions on the number of renewals of a TWA contract?</v>
          </cell>
          <cell r="G2451">
            <v>2013</v>
          </cell>
          <cell r="H2451">
            <v>2013</v>
          </cell>
          <cell r="I2451" t="str">
            <v>No</v>
          </cell>
          <cell r="J2451" t="str">
            <v>No</v>
          </cell>
          <cell r="K2451" t="str">
            <v>No</v>
          </cell>
          <cell r="M2451">
            <v>2</v>
          </cell>
          <cell r="N2451">
            <v>2</v>
          </cell>
        </row>
        <row r="2452">
          <cell r="A2452" t="str">
            <v>CZETWA32013</v>
          </cell>
          <cell r="B2452" t="str">
            <v>CZE</v>
          </cell>
          <cell r="C2452" t="str">
            <v>Czech Republic</v>
          </cell>
          <cell r="D2452" t="str">
            <v>Item 15</v>
          </cell>
          <cell r="E2452" t="str">
            <v>TWA3A, TWA3B</v>
          </cell>
          <cell r="F2452" t="str">
            <v>Maximum cumulated duration of temporary work contracts</v>
          </cell>
          <cell r="G2452">
            <v>2013</v>
          </cell>
          <cell r="H2452">
            <v>2013</v>
          </cell>
          <cell r="I2452"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v>
          </cell>
          <cell r="J2452">
            <v>12</v>
          </cell>
          <cell r="K2452">
            <v>100</v>
          </cell>
          <cell r="M2452">
            <v>4</v>
          </cell>
          <cell r="N2452">
            <v>0</v>
          </cell>
        </row>
        <row r="2453">
          <cell r="A2453" t="str">
            <v>CZETWA42013</v>
          </cell>
          <cell r="B2453" t="str">
            <v>CZE</v>
          </cell>
          <cell r="C2453" t="str">
            <v>Czech Republic</v>
          </cell>
          <cell r="D2453" t="str">
            <v>Item 16</v>
          </cell>
          <cell r="E2453" t="str">
            <v>TWA4</v>
          </cell>
          <cell r="F2453" t="str">
            <v>Authorisation and reporting obligations</v>
          </cell>
          <cell r="G2453">
            <v>2013</v>
          </cell>
          <cell r="H2453">
            <v>2013</v>
          </cell>
          <cell r="I2453" t="str">
            <v>Requires authorization and periodic reporting obligations.</v>
          </cell>
          <cell r="J2453">
            <v>3</v>
          </cell>
          <cell r="M2453">
            <v>6</v>
          </cell>
        </row>
        <row r="2454">
          <cell r="A2454" t="str">
            <v>CZETWA52013</v>
          </cell>
          <cell r="B2454" t="str">
            <v>CZE</v>
          </cell>
          <cell r="C2454" t="str">
            <v>Czech Republic</v>
          </cell>
          <cell r="D2454" t="str">
            <v>Item 17</v>
          </cell>
          <cell r="E2454" t="str">
            <v>TWA5</v>
          </cell>
          <cell r="F2454" t="str">
            <v>Equal treatment for TWA workers</v>
          </cell>
          <cell r="G2454">
            <v>2013</v>
          </cell>
          <cell r="H2454">
            <v>2013</v>
          </cell>
          <cell r="I2454" t="str">
            <v>Equal treatment on wages and conditions.</v>
          </cell>
          <cell r="J2454">
            <v>2</v>
          </cell>
          <cell r="M2454">
            <v>6</v>
          </cell>
        </row>
        <row r="2455">
          <cell r="A2455" t="str">
            <v>CZECD12013</v>
          </cell>
          <cell r="B2455" t="str">
            <v>CZE</v>
          </cell>
          <cell r="C2455" t="str">
            <v>Czech Republic</v>
          </cell>
          <cell r="D2455" t="str">
            <v>Item 18</v>
          </cell>
          <cell r="E2455" t="str">
            <v>CD1</v>
          </cell>
          <cell r="F2455" t="str">
            <v>Definition of collective dismissal</v>
          </cell>
          <cell r="G2455">
            <v>2013</v>
          </cell>
          <cell r="H2455">
            <v>2013</v>
          </cell>
          <cell r="I2455"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55">
            <v>3</v>
          </cell>
          <cell r="M2455">
            <v>4.5</v>
          </cell>
        </row>
        <row r="2456">
          <cell r="A2456" t="str">
            <v>CZECD22013</v>
          </cell>
          <cell r="B2456" t="str">
            <v>CZE</v>
          </cell>
          <cell r="C2456" t="str">
            <v>Czech Republic</v>
          </cell>
          <cell r="D2456" t="str">
            <v>Item 19</v>
          </cell>
          <cell r="E2456" t="str">
            <v>CD2</v>
          </cell>
          <cell r="F2456" t="str">
            <v>Additional notification requirements in case of collective dismissals</v>
          </cell>
          <cell r="G2456">
            <v>2013</v>
          </cell>
          <cell r="H2456">
            <v>2013</v>
          </cell>
          <cell r="I2456" t="str">
            <v>Notification of employee representatives: Duty to inform competent employment representatives. Notification of public authorities: Notification of district labour office.</v>
          </cell>
          <cell r="J2456">
            <v>1</v>
          </cell>
          <cell r="M2456">
            <v>3</v>
          </cell>
        </row>
        <row r="2457">
          <cell r="A2457" t="str">
            <v>CZECD32013</v>
          </cell>
          <cell r="B2457" t="str">
            <v>CZE</v>
          </cell>
          <cell r="C2457" t="str">
            <v>Czech Republic</v>
          </cell>
          <cell r="D2457" t="str">
            <v>Item 20</v>
          </cell>
          <cell r="E2457" t="str">
            <v>CD3</v>
          </cell>
          <cell r="F2457" t="str">
            <v>Additional delays involved in case of collective dismissals</v>
          </cell>
          <cell r="G2457">
            <v>2013</v>
          </cell>
          <cell r="H2457">
            <v>2013</v>
          </cell>
          <cell r="I2457" t="str">
            <v xml:space="preserve">Information to trade union and PES office 30 days before implementation. 
Calculation: 30 days - 21days in case of individual dismissal (item 2)
</v>
          </cell>
          <cell r="J2457">
            <v>9</v>
          </cell>
          <cell r="M2457">
            <v>1</v>
          </cell>
        </row>
        <row r="2458">
          <cell r="A2458" t="str">
            <v>CZECD42013</v>
          </cell>
          <cell r="B2458" t="str">
            <v>CZE</v>
          </cell>
          <cell r="C2458" t="str">
            <v>Czech Republic</v>
          </cell>
          <cell r="D2458" t="str">
            <v>Item 21</v>
          </cell>
          <cell r="E2458" t="str">
            <v>CD4</v>
          </cell>
          <cell r="F2458" t="str">
            <v>Other special costs to employers in case of collective dismissals</v>
          </cell>
          <cell r="G2458">
            <v>2013</v>
          </cell>
          <cell r="H2458">
            <v>2013</v>
          </cell>
          <cell r="I2458"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58">
            <v>0</v>
          </cell>
          <cell r="M2458">
            <v>0</v>
          </cell>
        </row>
        <row r="2459">
          <cell r="A2459" t="str">
            <v>IRLREG12012</v>
          </cell>
          <cell r="B2459" t="str">
            <v>IRL</v>
          </cell>
          <cell r="C2459" t="str">
            <v>Ireland</v>
          </cell>
          <cell r="D2459" t="str">
            <v>Item 1</v>
          </cell>
          <cell r="E2459" t="str">
            <v>REG1</v>
          </cell>
          <cell r="F2459" t="str">
            <v>Notification procedures</v>
          </cell>
          <cell r="G2459">
            <v>2012</v>
          </cell>
          <cell r="H2459">
            <v>2012</v>
          </cell>
          <cell r="I2459"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59">
            <v>1</v>
          </cell>
          <cell r="M2459">
            <v>2</v>
          </cell>
        </row>
        <row r="2460">
          <cell r="A2460" t="str">
            <v>IRLREG22012</v>
          </cell>
          <cell r="B2460" t="str">
            <v>IRL</v>
          </cell>
          <cell r="C2460" t="str">
            <v>Ireland</v>
          </cell>
          <cell r="D2460" t="str">
            <v>Item 2</v>
          </cell>
          <cell r="E2460" t="str">
            <v>REG2</v>
          </cell>
          <cell r="F2460" t="str">
            <v>Delay before notice can start</v>
          </cell>
          <cell r="G2460">
            <v>2012</v>
          </cell>
          <cell r="H2460">
            <v>2012</v>
          </cell>
          <cell r="I2460"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60">
            <v>4</v>
          </cell>
          <cell r="M2460">
            <v>1</v>
          </cell>
        </row>
        <row r="2461">
          <cell r="A2461" t="str">
            <v>IRLREG32012</v>
          </cell>
          <cell r="B2461" t="str">
            <v>IRL</v>
          </cell>
          <cell r="C2461" t="str">
            <v>Ireland</v>
          </cell>
          <cell r="D2461" t="str">
            <v>Item 3</v>
          </cell>
          <cell r="E2461" t="str">
            <v>REG3A, REG3B, REG3C</v>
          </cell>
          <cell r="F2461" t="str">
            <v>Notice / tenure</v>
          </cell>
          <cell r="G2461">
            <v>2012</v>
          </cell>
          <cell r="H2461">
            <v>2012</v>
          </cell>
          <cell r="I2461"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61">
            <v>0.37</v>
          </cell>
          <cell r="K2461">
            <v>0.5</v>
          </cell>
          <cell r="L2461">
            <v>2</v>
          </cell>
          <cell r="M2461">
            <v>1</v>
          </cell>
          <cell r="N2461">
            <v>1</v>
          </cell>
          <cell r="O2461">
            <v>1</v>
          </cell>
        </row>
        <row r="2462">
          <cell r="A2462" t="str">
            <v>IRLREG42012</v>
          </cell>
          <cell r="B2462" t="str">
            <v>IRL</v>
          </cell>
          <cell r="C2462" t="str">
            <v>Ireland</v>
          </cell>
          <cell r="D2462" t="str">
            <v>Item 4</v>
          </cell>
          <cell r="E2462" t="str">
            <v>REG4A, REG4B, REG4C</v>
          </cell>
          <cell r="F2462" t="str">
            <v>Severance pay / tenure</v>
          </cell>
          <cell r="G2462">
            <v>2012</v>
          </cell>
          <cell r="H2462">
            <v>2012</v>
          </cell>
          <cell r="I2462"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62">
            <v>0</v>
          </cell>
          <cell r="K2462">
            <v>0.95</v>
          </cell>
          <cell r="L2462">
            <v>4</v>
          </cell>
          <cell r="M2462">
            <v>0</v>
          </cell>
          <cell r="N2462">
            <v>2</v>
          </cell>
          <cell r="O2462">
            <v>2</v>
          </cell>
          <cell r="P2462">
            <v>40909</v>
          </cell>
        </row>
        <row r="2463">
          <cell r="A2463" t="str">
            <v>IRLREG52012</v>
          </cell>
          <cell r="B2463" t="str">
            <v>IRL</v>
          </cell>
          <cell r="C2463" t="str">
            <v>Ireland</v>
          </cell>
          <cell r="D2463" t="str">
            <v>Item 5</v>
          </cell>
          <cell r="E2463" t="str">
            <v>REG5</v>
          </cell>
          <cell r="F2463" t="str">
            <v>Definition of justified or unfair dismissal</v>
          </cell>
          <cell r="G2463">
            <v>2012</v>
          </cell>
          <cell r="H2463">
            <v>2012</v>
          </cell>
          <cell r="I2463"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63">
            <v>0</v>
          </cell>
          <cell r="M2463">
            <v>0</v>
          </cell>
        </row>
        <row r="2464">
          <cell r="A2464" t="str">
            <v>IRLREG62012</v>
          </cell>
          <cell r="B2464" t="str">
            <v>IRL</v>
          </cell>
          <cell r="C2464" t="str">
            <v>Ireland</v>
          </cell>
          <cell r="D2464" t="str">
            <v>Item 6</v>
          </cell>
          <cell r="E2464" t="str">
            <v>REG6</v>
          </cell>
          <cell r="F2464" t="str">
            <v>Trial period</v>
          </cell>
          <cell r="G2464">
            <v>2012</v>
          </cell>
          <cell r="H2464">
            <v>2012</v>
          </cell>
          <cell r="I2464"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64">
            <v>12</v>
          </cell>
          <cell r="M2464">
            <v>2</v>
          </cell>
        </row>
        <row r="2465">
          <cell r="A2465" t="str">
            <v>IRLREG72012</v>
          </cell>
          <cell r="B2465" t="str">
            <v>IRL</v>
          </cell>
          <cell r="C2465" t="str">
            <v>Ireland</v>
          </cell>
          <cell r="D2465" t="str">
            <v>Item 7</v>
          </cell>
          <cell r="E2465" t="str">
            <v>REG7</v>
          </cell>
          <cell r="F2465" t="str">
            <v xml:space="preserve">Compensation following unfair dismissal </v>
          </cell>
          <cell r="G2465">
            <v>2012</v>
          </cell>
          <cell r="H2465">
            <v>2012</v>
          </cell>
          <cell r="I2465"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65">
            <v>10.7</v>
          </cell>
          <cell r="M2465">
            <v>2</v>
          </cell>
          <cell r="P2465">
            <v>40909</v>
          </cell>
        </row>
        <row r="2466">
          <cell r="A2466" t="str">
            <v>IRLREG82012</v>
          </cell>
          <cell r="B2466" t="str">
            <v>IRL</v>
          </cell>
          <cell r="C2466" t="str">
            <v>Ireland</v>
          </cell>
          <cell r="D2466" t="str">
            <v>Item 8</v>
          </cell>
          <cell r="E2466" t="str">
            <v>REG8</v>
          </cell>
          <cell r="F2466" t="str">
            <v>Possibility of reinstatement following unfair dismissal</v>
          </cell>
          <cell r="G2466">
            <v>2012</v>
          </cell>
          <cell r="H2466">
            <v>2012</v>
          </cell>
          <cell r="I2466"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66">
            <v>1</v>
          </cell>
          <cell r="M2466">
            <v>2</v>
          </cell>
        </row>
        <row r="2467">
          <cell r="A2467" t="str">
            <v>IRLREG92012</v>
          </cell>
          <cell r="B2467" t="str">
            <v>IRL</v>
          </cell>
          <cell r="C2467" t="str">
            <v>Ireland</v>
          </cell>
          <cell r="D2467" t="str">
            <v>Item 9</v>
          </cell>
          <cell r="E2467" t="str">
            <v>REG9</v>
          </cell>
          <cell r="F2467" t="str">
            <v>Maximum time for claim</v>
          </cell>
          <cell r="G2467">
            <v>2012</v>
          </cell>
          <cell r="H2467">
            <v>2012</v>
          </cell>
          <cell r="I2467" t="str">
            <v>6 months, extended to 12 months in exceptional circumstances</v>
          </cell>
          <cell r="J2467">
            <v>6</v>
          </cell>
          <cell r="M2467">
            <v>3</v>
          </cell>
        </row>
        <row r="2468">
          <cell r="A2468" t="str">
            <v>IRLFTC12012</v>
          </cell>
          <cell r="B2468" t="str">
            <v>IRL</v>
          </cell>
          <cell r="C2468" t="str">
            <v>Ireland</v>
          </cell>
          <cell r="D2468" t="str">
            <v>Item 10</v>
          </cell>
          <cell r="E2468" t="str">
            <v>FTC1</v>
          </cell>
          <cell r="F2468" t="str">
            <v>Valid cases for use of fixed-term contracts, other than  “objective”  or “material” situation</v>
          </cell>
          <cell r="G2468">
            <v>2012</v>
          </cell>
          <cell r="H2468">
            <v>2012</v>
          </cell>
          <cell r="I2468"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68">
            <v>2.5</v>
          </cell>
          <cell r="M2468">
            <v>1</v>
          </cell>
        </row>
        <row r="2469">
          <cell r="A2469" t="str">
            <v>IRLFTC22012</v>
          </cell>
          <cell r="B2469" t="str">
            <v>IRL</v>
          </cell>
          <cell r="C2469" t="str">
            <v>Ireland</v>
          </cell>
          <cell r="D2469" t="str">
            <v>Item 11</v>
          </cell>
          <cell r="E2469" t="str">
            <v>FTC2</v>
          </cell>
          <cell r="F2469" t="str">
            <v>Maximum number of successive fixed-term contracts</v>
          </cell>
          <cell r="G2469">
            <v>2012</v>
          </cell>
          <cell r="H2469">
            <v>2012</v>
          </cell>
          <cell r="I2469"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69">
            <v>100</v>
          </cell>
          <cell r="M2469">
            <v>0</v>
          </cell>
        </row>
        <row r="2470">
          <cell r="A2470" t="str">
            <v>IRLFTC32012</v>
          </cell>
          <cell r="B2470" t="str">
            <v>IRL</v>
          </cell>
          <cell r="C2470" t="str">
            <v>Ireland</v>
          </cell>
          <cell r="D2470" t="str">
            <v>Item 12</v>
          </cell>
          <cell r="E2470" t="str">
            <v>FTC3</v>
          </cell>
          <cell r="F2470" t="str">
            <v>Maximum cumulated duration of successive fixed-term contracts</v>
          </cell>
          <cell r="G2470">
            <v>2012</v>
          </cell>
          <cell r="H2470">
            <v>2012</v>
          </cell>
          <cell r="I2470" t="str">
            <v xml:space="preserve">The maximum cumulated duration of two or more successive fixed-term contracts is 4 years, unless there are objective grounds justifying the renewal on a fixed-term basis.
No limits for the first contract
</v>
          </cell>
          <cell r="J2470">
            <v>48</v>
          </cell>
          <cell r="M2470">
            <v>1</v>
          </cell>
        </row>
        <row r="2471">
          <cell r="A2471" t="str">
            <v>IRLTWA12012</v>
          </cell>
          <cell r="B2471" t="str">
            <v>IRL</v>
          </cell>
          <cell r="C2471" t="str">
            <v>Ireland</v>
          </cell>
          <cell r="D2471" t="str">
            <v>Item 13</v>
          </cell>
          <cell r="E2471" t="str">
            <v>TWA1</v>
          </cell>
          <cell r="F2471" t="str">
            <v>Types of work for which TWA employment is legal</v>
          </cell>
          <cell r="G2471">
            <v>2012</v>
          </cell>
          <cell r="H2471">
            <v>2012</v>
          </cell>
          <cell r="I2471" t="str">
            <v>All employment.</v>
          </cell>
          <cell r="J2471">
            <v>4</v>
          </cell>
          <cell r="M2471">
            <v>0</v>
          </cell>
        </row>
        <row r="2472">
          <cell r="A2472" t="str">
            <v>IRLTWA22012</v>
          </cell>
          <cell r="B2472" t="str">
            <v>IRL</v>
          </cell>
          <cell r="C2472" t="str">
            <v>Ireland</v>
          </cell>
          <cell r="D2472" t="str">
            <v>Item 14</v>
          </cell>
          <cell r="E2472" t="str">
            <v>TWA2A, TWA2B</v>
          </cell>
          <cell r="F2472" t="str">
            <v>Are there any restrictions on the number of renewals of a TWA contract?</v>
          </cell>
          <cell r="G2472">
            <v>2012</v>
          </cell>
          <cell r="H2472">
            <v>2012</v>
          </cell>
          <cell r="I2472" t="str">
            <v>No. The Protection of Employees (Fixed-Term Work) Act 2003 does not apply to agency workers placed by a temporary work agency at the disposition of a user enterprise.</v>
          </cell>
          <cell r="J2472" t="str">
            <v>No</v>
          </cell>
          <cell r="K2472" t="str">
            <v>No</v>
          </cell>
          <cell r="M2472">
            <v>2</v>
          </cell>
          <cell r="N2472">
            <v>2</v>
          </cell>
        </row>
        <row r="2473">
          <cell r="A2473" t="str">
            <v>IRLTWA32012</v>
          </cell>
          <cell r="B2473" t="str">
            <v>IRL</v>
          </cell>
          <cell r="C2473" t="str">
            <v>Ireland</v>
          </cell>
          <cell r="D2473" t="str">
            <v>Item 15</v>
          </cell>
          <cell r="E2473" t="str">
            <v>TWA3A, TWA3B</v>
          </cell>
          <cell r="F2473" t="str">
            <v>Maximum cumulated duration of temporary work contracts</v>
          </cell>
          <cell r="G2473">
            <v>2012</v>
          </cell>
          <cell r="H2473">
            <v>2012</v>
          </cell>
          <cell r="I2473" t="str">
            <v>No limit. The Protection of Employees (Fixed-Term Work) Act 2003 does not apply to agency workers placed by a temporary work agency at the disposition of a user enterprise.</v>
          </cell>
          <cell r="J2473">
            <v>100</v>
          </cell>
          <cell r="K2473">
            <v>100</v>
          </cell>
          <cell r="M2473">
            <v>0</v>
          </cell>
          <cell r="N2473">
            <v>0</v>
          </cell>
        </row>
        <row r="2474">
          <cell r="A2474" t="str">
            <v>IRLTWA42012</v>
          </cell>
          <cell r="B2474" t="str">
            <v>IRL</v>
          </cell>
          <cell r="C2474" t="str">
            <v>Ireland</v>
          </cell>
          <cell r="D2474" t="str">
            <v>Item 16</v>
          </cell>
          <cell r="E2474" t="str">
            <v>TWA4</v>
          </cell>
          <cell r="F2474" t="str">
            <v>Authorisation and reporting obligations</v>
          </cell>
          <cell r="G2474">
            <v>2012</v>
          </cell>
          <cell r="H2474">
            <v>2012</v>
          </cell>
          <cell r="I2474" t="str">
            <v xml:space="preserve">In order to operate in the State, an employment agency must obtain an employment agency license from the Minister for Jobs, Enterprise and Innovation.  </v>
          </cell>
          <cell r="J2474">
            <v>1</v>
          </cell>
          <cell r="M2474">
            <v>2</v>
          </cell>
          <cell r="P2474">
            <v>40580</v>
          </cell>
        </row>
        <row r="2475">
          <cell r="A2475" t="str">
            <v>IRLTWA52012</v>
          </cell>
          <cell r="B2475" t="str">
            <v>IRL</v>
          </cell>
          <cell r="C2475" t="str">
            <v>Ireland</v>
          </cell>
          <cell r="D2475" t="str">
            <v>Item 17</v>
          </cell>
          <cell r="E2475" t="str">
            <v>TWA5</v>
          </cell>
          <cell r="F2475" t="str">
            <v>Equal treatment for TWA workers</v>
          </cell>
          <cell r="G2475">
            <v>2012</v>
          </cell>
          <cell r="H2475">
            <v>2012</v>
          </cell>
          <cell r="I2475"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75">
            <v>2</v>
          </cell>
          <cell r="M2475">
            <v>6</v>
          </cell>
        </row>
        <row r="2476">
          <cell r="A2476" t="str">
            <v>IRLCD12012</v>
          </cell>
          <cell r="B2476" t="str">
            <v>IRL</v>
          </cell>
          <cell r="C2476" t="str">
            <v>Ireland</v>
          </cell>
          <cell r="D2476" t="str">
            <v>Item 18</v>
          </cell>
          <cell r="E2476" t="str">
            <v>CD1</v>
          </cell>
          <cell r="F2476" t="str">
            <v>Definition of collective dismissal</v>
          </cell>
          <cell r="G2476">
            <v>2012</v>
          </cell>
          <cell r="H2476">
            <v>2012</v>
          </cell>
          <cell r="I2476"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76">
            <v>4</v>
          </cell>
          <cell r="M2476">
            <v>6</v>
          </cell>
        </row>
        <row r="2477">
          <cell r="A2477" t="str">
            <v>IRLCD22012</v>
          </cell>
          <cell r="B2477" t="str">
            <v>IRL</v>
          </cell>
          <cell r="C2477" t="str">
            <v>Ireland</v>
          </cell>
          <cell r="D2477" t="str">
            <v>Item 19</v>
          </cell>
          <cell r="E2477" t="str">
            <v>CD2</v>
          </cell>
          <cell r="F2477" t="str">
            <v>Additional notification requirements in case of collective dismissals</v>
          </cell>
          <cell r="G2477">
            <v>2012</v>
          </cell>
          <cell r="H2477">
            <v>2012</v>
          </cell>
          <cell r="I2477"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77">
            <v>2</v>
          </cell>
          <cell r="M2477">
            <v>6</v>
          </cell>
        </row>
        <row r="2478">
          <cell r="A2478" t="str">
            <v>IRLCD32012</v>
          </cell>
          <cell r="B2478" t="str">
            <v>IRL</v>
          </cell>
          <cell r="C2478" t="str">
            <v>Ireland</v>
          </cell>
          <cell r="D2478" t="str">
            <v>Item 20</v>
          </cell>
          <cell r="E2478" t="str">
            <v>CD3</v>
          </cell>
          <cell r="F2478" t="str">
            <v>Additional delays involved in case of collective dismissals</v>
          </cell>
          <cell r="G2478">
            <v>2012</v>
          </cell>
          <cell r="H2478">
            <v>2012</v>
          </cell>
          <cell r="I2478" t="str">
            <v>Information to trade union and Ministry 30 days before implementation. (30-4 for individual dismissals)</v>
          </cell>
          <cell r="J2478">
            <v>26</v>
          </cell>
          <cell r="M2478">
            <v>2</v>
          </cell>
        </row>
        <row r="2479">
          <cell r="A2479" t="str">
            <v>IRLCD42012</v>
          </cell>
          <cell r="B2479" t="str">
            <v>IRL</v>
          </cell>
          <cell r="C2479" t="str">
            <v>Ireland</v>
          </cell>
          <cell r="D2479" t="str">
            <v>Item 21</v>
          </cell>
          <cell r="E2479" t="str">
            <v>CD4</v>
          </cell>
          <cell r="F2479" t="str">
            <v>Other special costs to employers in case of collective dismissals</v>
          </cell>
          <cell r="G2479">
            <v>2012</v>
          </cell>
          <cell r="H2479">
            <v>2012</v>
          </cell>
          <cell r="I2479"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479">
            <v>0</v>
          </cell>
          <cell r="M2479">
            <v>0</v>
          </cell>
        </row>
        <row r="2480">
          <cell r="A2480" t="str">
            <v>IRLREG12013</v>
          </cell>
          <cell r="B2480" t="str">
            <v>IRL</v>
          </cell>
          <cell r="C2480" t="str">
            <v>Ireland</v>
          </cell>
          <cell r="D2480" t="str">
            <v>Item 1</v>
          </cell>
          <cell r="E2480" t="str">
            <v>REG1</v>
          </cell>
          <cell r="F2480" t="str">
            <v>Notification procedures</v>
          </cell>
          <cell r="G2480">
            <v>2013</v>
          </cell>
          <cell r="H2480">
            <v>2013</v>
          </cell>
          <cell r="I2480"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80">
            <v>1</v>
          </cell>
          <cell r="M2480">
            <v>2</v>
          </cell>
        </row>
        <row r="2481">
          <cell r="A2481" t="str">
            <v>IRLREG22013</v>
          </cell>
          <cell r="B2481" t="str">
            <v>IRL</v>
          </cell>
          <cell r="C2481" t="str">
            <v>Ireland</v>
          </cell>
          <cell r="D2481" t="str">
            <v>Item 2</v>
          </cell>
          <cell r="E2481" t="str">
            <v>REG2</v>
          </cell>
          <cell r="F2481" t="str">
            <v>Delay before notice can start</v>
          </cell>
          <cell r="G2481">
            <v>2013</v>
          </cell>
          <cell r="H2481">
            <v>2013</v>
          </cell>
          <cell r="I2481"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81">
            <v>4</v>
          </cell>
          <cell r="M2481">
            <v>1</v>
          </cell>
        </row>
        <row r="2482">
          <cell r="A2482" t="str">
            <v>IRLREG32013</v>
          </cell>
          <cell r="B2482" t="str">
            <v>IRL</v>
          </cell>
          <cell r="C2482" t="str">
            <v>Ireland</v>
          </cell>
          <cell r="D2482" t="str">
            <v>Item 3</v>
          </cell>
          <cell r="E2482" t="str">
            <v>REG3A, REG3B, REG3C</v>
          </cell>
          <cell r="F2482" t="str">
            <v>Notice / tenure</v>
          </cell>
          <cell r="G2482">
            <v>2013</v>
          </cell>
          <cell r="H2482">
            <v>2013</v>
          </cell>
          <cell r="I2482"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82">
            <v>0.37</v>
          </cell>
          <cell r="K2482">
            <v>0.5</v>
          </cell>
          <cell r="L2482">
            <v>2</v>
          </cell>
          <cell r="M2482">
            <v>1</v>
          </cell>
          <cell r="N2482">
            <v>1</v>
          </cell>
          <cell r="O2482">
            <v>1</v>
          </cell>
        </row>
        <row r="2483">
          <cell r="A2483" t="str">
            <v>IRLREG42013</v>
          </cell>
          <cell r="B2483" t="str">
            <v>IRL</v>
          </cell>
          <cell r="C2483" t="str">
            <v>Ireland</v>
          </cell>
          <cell r="D2483" t="str">
            <v>Item 4</v>
          </cell>
          <cell r="E2483" t="str">
            <v>REG4A, REG4B, REG4C</v>
          </cell>
          <cell r="F2483" t="str">
            <v>Severance pay / tenure</v>
          </cell>
          <cell r="G2483">
            <v>2013</v>
          </cell>
          <cell r="H2483">
            <v>2013</v>
          </cell>
          <cell r="I2483"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83">
            <v>0</v>
          </cell>
          <cell r="K2483">
            <v>0.95</v>
          </cell>
          <cell r="L2483">
            <v>4</v>
          </cell>
          <cell r="M2483">
            <v>0</v>
          </cell>
          <cell r="N2483">
            <v>2</v>
          </cell>
          <cell r="O2483">
            <v>2</v>
          </cell>
        </row>
        <row r="2484">
          <cell r="A2484" t="str">
            <v>IRLREG52013</v>
          </cell>
          <cell r="B2484" t="str">
            <v>IRL</v>
          </cell>
          <cell r="C2484" t="str">
            <v>Ireland</v>
          </cell>
          <cell r="D2484" t="str">
            <v>Item 5</v>
          </cell>
          <cell r="E2484" t="str">
            <v>REG5</v>
          </cell>
          <cell r="F2484" t="str">
            <v>Definition of justified or unfair dismissal</v>
          </cell>
          <cell r="G2484">
            <v>2013</v>
          </cell>
          <cell r="H2484">
            <v>2013</v>
          </cell>
          <cell r="I2484"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84">
            <v>0</v>
          </cell>
          <cell r="M2484">
            <v>0</v>
          </cell>
        </row>
        <row r="2485">
          <cell r="A2485" t="str">
            <v>IRLREG62013</v>
          </cell>
          <cell r="B2485" t="str">
            <v>IRL</v>
          </cell>
          <cell r="C2485" t="str">
            <v>Ireland</v>
          </cell>
          <cell r="D2485" t="str">
            <v>Item 6</v>
          </cell>
          <cell r="E2485" t="str">
            <v>REG6</v>
          </cell>
          <cell r="F2485" t="str">
            <v>Trial period</v>
          </cell>
          <cell r="G2485">
            <v>2013</v>
          </cell>
          <cell r="H2485">
            <v>2013</v>
          </cell>
          <cell r="I2485"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85">
            <v>12</v>
          </cell>
          <cell r="M2485">
            <v>2</v>
          </cell>
        </row>
        <row r="2486">
          <cell r="A2486" t="str">
            <v>IRLREG72013</v>
          </cell>
          <cell r="B2486" t="str">
            <v>IRL</v>
          </cell>
          <cell r="C2486" t="str">
            <v>Ireland</v>
          </cell>
          <cell r="D2486" t="str">
            <v>Item 7</v>
          </cell>
          <cell r="E2486" t="str">
            <v>REG7</v>
          </cell>
          <cell r="F2486" t="str">
            <v xml:space="preserve">Compensation following unfair dismissal </v>
          </cell>
          <cell r="G2486">
            <v>2013</v>
          </cell>
          <cell r="H2486">
            <v>2013</v>
          </cell>
          <cell r="I2486"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86">
            <v>10.7</v>
          </cell>
          <cell r="M2486">
            <v>2</v>
          </cell>
        </row>
        <row r="2487">
          <cell r="A2487" t="str">
            <v>IRLREG82013</v>
          </cell>
          <cell r="B2487" t="str">
            <v>IRL</v>
          </cell>
          <cell r="C2487" t="str">
            <v>Ireland</v>
          </cell>
          <cell r="D2487" t="str">
            <v>Item 8</v>
          </cell>
          <cell r="E2487" t="str">
            <v>REG8</v>
          </cell>
          <cell r="F2487" t="str">
            <v>Possibility of reinstatement following unfair dismissal</v>
          </cell>
          <cell r="G2487">
            <v>2013</v>
          </cell>
          <cell r="H2487">
            <v>2013</v>
          </cell>
          <cell r="I2487"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87">
            <v>1</v>
          </cell>
          <cell r="M2487">
            <v>2</v>
          </cell>
        </row>
        <row r="2488">
          <cell r="A2488" t="str">
            <v>IRLREG92013</v>
          </cell>
          <cell r="B2488" t="str">
            <v>IRL</v>
          </cell>
          <cell r="C2488" t="str">
            <v>Ireland</v>
          </cell>
          <cell r="D2488" t="str">
            <v>Item 9</v>
          </cell>
          <cell r="E2488" t="str">
            <v>REG9</v>
          </cell>
          <cell r="F2488" t="str">
            <v>Maximum time for claim</v>
          </cell>
          <cell r="G2488">
            <v>2013</v>
          </cell>
          <cell r="H2488">
            <v>2013</v>
          </cell>
          <cell r="I2488" t="str">
            <v>6 months, extended to 12 months in exceptional circumstances</v>
          </cell>
          <cell r="J2488">
            <v>6</v>
          </cell>
          <cell r="M2488">
            <v>3</v>
          </cell>
        </row>
        <row r="2489">
          <cell r="A2489" t="str">
            <v>IRLFTC12013</v>
          </cell>
          <cell r="B2489" t="str">
            <v>IRL</v>
          </cell>
          <cell r="C2489" t="str">
            <v>Ireland</v>
          </cell>
          <cell r="D2489" t="str">
            <v>Item 10</v>
          </cell>
          <cell r="E2489" t="str">
            <v>FTC1</v>
          </cell>
          <cell r="F2489" t="str">
            <v>Valid cases for use of fixed-term contracts, other than  “objective”  or “material” situation</v>
          </cell>
          <cell r="G2489">
            <v>2013</v>
          </cell>
          <cell r="H2489">
            <v>2013</v>
          </cell>
          <cell r="I2489"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89">
            <v>2.5</v>
          </cell>
          <cell r="M2489">
            <v>1</v>
          </cell>
        </row>
        <row r="2490">
          <cell r="A2490" t="str">
            <v>IRLFTC22013</v>
          </cell>
          <cell r="B2490" t="str">
            <v>IRL</v>
          </cell>
          <cell r="C2490" t="str">
            <v>Ireland</v>
          </cell>
          <cell r="D2490" t="str">
            <v>Item 11</v>
          </cell>
          <cell r="E2490" t="str">
            <v>FTC2</v>
          </cell>
          <cell r="F2490" t="str">
            <v>Maximum number of successive fixed-term contracts</v>
          </cell>
          <cell r="G2490">
            <v>2013</v>
          </cell>
          <cell r="H2490">
            <v>2013</v>
          </cell>
          <cell r="I2490"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90">
            <v>100</v>
          </cell>
          <cell r="M2490">
            <v>0</v>
          </cell>
        </row>
        <row r="2491">
          <cell r="A2491" t="str">
            <v>IRLFTC32013</v>
          </cell>
          <cell r="B2491" t="str">
            <v>IRL</v>
          </cell>
          <cell r="C2491" t="str">
            <v>Ireland</v>
          </cell>
          <cell r="D2491" t="str">
            <v>Item 12</v>
          </cell>
          <cell r="E2491" t="str">
            <v>FTC3</v>
          </cell>
          <cell r="F2491" t="str">
            <v>Maximum cumulated duration of successive fixed-term contracts</v>
          </cell>
          <cell r="G2491">
            <v>2013</v>
          </cell>
          <cell r="H2491">
            <v>2013</v>
          </cell>
          <cell r="I2491" t="str">
            <v xml:space="preserve">The maximum cumulated duration of two or more successive fixed-term contracts is 4 years, unless there are objective grounds justifying the renewal on a fixed-term basis.
No limits for the first contract
</v>
          </cell>
          <cell r="J2491">
            <v>48</v>
          </cell>
          <cell r="M2491">
            <v>1</v>
          </cell>
        </row>
        <row r="2492">
          <cell r="A2492" t="str">
            <v>IRLTWA12013</v>
          </cell>
          <cell r="B2492" t="str">
            <v>IRL</v>
          </cell>
          <cell r="C2492" t="str">
            <v>Ireland</v>
          </cell>
          <cell r="D2492" t="str">
            <v>Item 13</v>
          </cell>
          <cell r="E2492" t="str">
            <v>TWA1</v>
          </cell>
          <cell r="F2492" t="str">
            <v>Types of work for which TWA employment is legal</v>
          </cell>
          <cell r="G2492">
            <v>2013</v>
          </cell>
          <cell r="H2492">
            <v>2013</v>
          </cell>
          <cell r="I2492" t="str">
            <v>All employment.</v>
          </cell>
          <cell r="J2492">
            <v>4</v>
          </cell>
          <cell r="M2492">
            <v>0</v>
          </cell>
        </row>
        <row r="2493">
          <cell r="A2493" t="str">
            <v>IRLTWA22013</v>
          </cell>
          <cell r="B2493" t="str">
            <v>IRL</v>
          </cell>
          <cell r="C2493" t="str">
            <v>Ireland</v>
          </cell>
          <cell r="D2493" t="str">
            <v>Item 14</v>
          </cell>
          <cell r="E2493" t="str">
            <v>TWA2A, TWA2B</v>
          </cell>
          <cell r="F2493" t="str">
            <v>Are there any restrictions on the number of renewals of a TWA contract?</v>
          </cell>
          <cell r="G2493">
            <v>2013</v>
          </cell>
          <cell r="H2493">
            <v>2013</v>
          </cell>
          <cell r="I2493" t="str">
            <v>No. The Protection of Employees (Fixed-Term Work) Act 2003 does not apply to agency workers placed by a temporary work agency at the disposition of a user enterprise.</v>
          </cell>
          <cell r="J2493" t="str">
            <v>No</v>
          </cell>
          <cell r="K2493" t="str">
            <v>No</v>
          </cell>
          <cell r="M2493">
            <v>2</v>
          </cell>
          <cell r="N2493">
            <v>2</v>
          </cell>
        </row>
        <row r="2494">
          <cell r="A2494" t="str">
            <v>IRLTWA32013</v>
          </cell>
          <cell r="B2494" t="str">
            <v>IRL</v>
          </cell>
          <cell r="C2494" t="str">
            <v>Ireland</v>
          </cell>
          <cell r="D2494" t="str">
            <v>Item 15</v>
          </cell>
          <cell r="E2494" t="str">
            <v>TWA3A, TWA3B</v>
          </cell>
          <cell r="F2494" t="str">
            <v>Maximum cumulated duration of temporary work contracts</v>
          </cell>
          <cell r="G2494">
            <v>2013</v>
          </cell>
          <cell r="H2494">
            <v>2013</v>
          </cell>
          <cell r="I2494" t="str">
            <v>No limit. The Protection of Employees (Fixed-Term Work) Act 2003 does not apply to agency workers placed by a temporary work agency at the disposition of a user enterprise.</v>
          </cell>
          <cell r="J2494">
            <v>100</v>
          </cell>
          <cell r="K2494">
            <v>100</v>
          </cell>
          <cell r="M2494">
            <v>0</v>
          </cell>
          <cell r="N2494">
            <v>0</v>
          </cell>
        </row>
        <row r="2495">
          <cell r="A2495" t="str">
            <v>IRLTWA42013</v>
          </cell>
          <cell r="B2495" t="str">
            <v>IRL</v>
          </cell>
          <cell r="C2495" t="str">
            <v>Ireland</v>
          </cell>
          <cell r="D2495" t="str">
            <v>Item 16</v>
          </cell>
          <cell r="E2495" t="str">
            <v>TWA4</v>
          </cell>
          <cell r="F2495" t="str">
            <v>Authorisation and reporting obligations</v>
          </cell>
          <cell r="G2495">
            <v>2013</v>
          </cell>
          <cell r="H2495">
            <v>2013</v>
          </cell>
          <cell r="I2495" t="str">
            <v xml:space="preserve">In order to operate in the State, an employment agency must obtain an employment agency license from the Minister for Jobs, Enterprise and Innovation.  </v>
          </cell>
          <cell r="J2495">
            <v>1</v>
          </cell>
          <cell r="M2495">
            <v>2</v>
          </cell>
        </row>
        <row r="2496">
          <cell r="A2496" t="str">
            <v>IRLTWA52013</v>
          </cell>
          <cell r="B2496" t="str">
            <v>IRL</v>
          </cell>
          <cell r="C2496" t="str">
            <v>Ireland</v>
          </cell>
          <cell r="D2496" t="str">
            <v>Item 17</v>
          </cell>
          <cell r="E2496" t="str">
            <v>TWA5</v>
          </cell>
          <cell r="F2496" t="str">
            <v>Equal treatment for TWA workers</v>
          </cell>
          <cell r="G2496">
            <v>2013</v>
          </cell>
          <cell r="H2496">
            <v>2013</v>
          </cell>
          <cell r="I2496"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96">
            <v>2</v>
          </cell>
          <cell r="M2496">
            <v>6</v>
          </cell>
        </row>
        <row r="2497">
          <cell r="A2497" t="str">
            <v>IRLCD12013</v>
          </cell>
          <cell r="B2497" t="str">
            <v>IRL</v>
          </cell>
          <cell r="C2497" t="str">
            <v>Ireland</v>
          </cell>
          <cell r="D2497" t="str">
            <v>Item 18</v>
          </cell>
          <cell r="E2497" t="str">
            <v>CD1</v>
          </cell>
          <cell r="F2497" t="str">
            <v>Definition of collective dismissal</v>
          </cell>
          <cell r="G2497">
            <v>2013</v>
          </cell>
          <cell r="H2497">
            <v>2013</v>
          </cell>
          <cell r="I2497"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97">
            <v>4</v>
          </cell>
          <cell r="M2497">
            <v>6</v>
          </cell>
        </row>
        <row r="2498">
          <cell r="A2498" t="str">
            <v>IRLCD22013</v>
          </cell>
          <cell r="B2498" t="str">
            <v>IRL</v>
          </cell>
          <cell r="C2498" t="str">
            <v>Ireland</v>
          </cell>
          <cell r="D2498" t="str">
            <v>Item 19</v>
          </cell>
          <cell r="E2498" t="str">
            <v>CD2</v>
          </cell>
          <cell r="F2498" t="str">
            <v>Additional notification requirements in case of collective dismissals</v>
          </cell>
          <cell r="G2498">
            <v>2013</v>
          </cell>
          <cell r="H2498">
            <v>2013</v>
          </cell>
          <cell r="I2498"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98">
            <v>2</v>
          </cell>
          <cell r="M2498">
            <v>6</v>
          </cell>
        </row>
        <row r="2499">
          <cell r="A2499" t="str">
            <v>IRLCD32013</v>
          </cell>
          <cell r="B2499" t="str">
            <v>IRL</v>
          </cell>
          <cell r="C2499" t="str">
            <v>Ireland</v>
          </cell>
          <cell r="D2499" t="str">
            <v>Item 20</v>
          </cell>
          <cell r="E2499" t="str">
            <v>CD3</v>
          </cell>
          <cell r="F2499" t="str">
            <v>Additional delays involved in case of collective dismissals</v>
          </cell>
          <cell r="G2499">
            <v>2013</v>
          </cell>
          <cell r="H2499">
            <v>2013</v>
          </cell>
          <cell r="I2499" t="str">
            <v>Information to trade union and Ministry 30 days before implementation. (30-4 for individual dismissals)</v>
          </cell>
          <cell r="J2499">
            <v>26</v>
          </cell>
          <cell r="M2499">
            <v>2</v>
          </cell>
        </row>
        <row r="2500">
          <cell r="A2500" t="str">
            <v>IRLCD42013</v>
          </cell>
          <cell r="B2500" t="str">
            <v>IRL</v>
          </cell>
          <cell r="C2500" t="str">
            <v>Ireland</v>
          </cell>
          <cell r="D2500" t="str">
            <v>Item 21</v>
          </cell>
          <cell r="E2500" t="str">
            <v>CD4</v>
          </cell>
          <cell r="F2500" t="str">
            <v>Other special costs to employers in case of collective dismissals</v>
          </cell>
          <cell r="G2500">
            <v>2013</v>
          </cell>
          <cell r="H2500">
            <v>2013</v>
          </cell>
          <cell r="I2500"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00">
            <v>0</v>
          </cell>
          <cell r="M2500">
            <v>0</v>
          </cell>
        </row>
        <row r="2501">
          <cell r="A2501" t="str">
            <v>MEXREG12012</v>
          </cell>
          <cell r="B2501" t="str">
            <v>MEX</v>
          </cell>
          <cell r="C2501" t="str">
            <v>Mexico</v>
          </cell>
          <cell r="D2501" t="str">
            <v>Item 1</v>
          </cell>
          <cell r="E2501" t="str">
            <v>REG1</v>
          </cell>
          <cell r="F2501" t="str">
            <v>Notification procedures</v>
          </cell>
          <cell r="G2501">
            <v>2012</v>
          </cell>
          <cell r="H2501">
            <v>2012</v>
          </cell>
          <cell r="I2501"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01">
            <v>1</v>
          </cell>
          <cell r="M2501">
            <v>2</v>
          </cell>
          <cell r="P2501">
            <v>40920</v>
          </cell>
        </row>
        <row r="2502">
          <cell r="A2502" t="str">
            <v>MEXREG22012</v>
          </cell>
          <cell r="B2502" t="str">
            <v>MEX</v>
          </cell>
          <cell r="C2502" t="str">
            <v>Mexico</v>
          </cell>
          <cell r="D2502" t="str">
            <v>Item 2</v>
          </cell>
          <cell r="E2502" t="str">
            <v>REG2</v>
          </cell>
          <cell r="F2502" t="str">
            <v>Delay before notice can start</v>
          </cell>
          <cell r="G2502">
            <v>2012</v>
          </cell>
          <cell r="H2502">
            <v>2012</v>
          </cell>
          <cell r="I2502" t="str">
            <v>The notice must be communicated to the employee.</v>
          </cell>
          <cell r="J2502">
            <v>1</v>
          </cell>
          <cell r="M2502">
            <v>0</v>
          </cell>
        </row>
        <row r="2503">
          <cell r="A2503" t="str">
            <v>MEXREG32012</v>
          </cell>
          <cell r="B2503" t="str">
            <v>MEX</v>
          </cell>
          <cell r="C2503" t="str">
            <v>Mexico</v>
          </cell>
          <cell r="D2503" t="str">
            <v>Item 3</v>
          </cell>
          <cell r="E2503" t="str">
            <v>REG3A, REG3B, REG3C</v>
          </cell>
          <cell r="F2503" t="str">
            <v>Notice / tenure</v>
          </cell>
          <cell r="G2503">
            <v>2012</v>
          </cell>
          <cell r="H2503">
            <v>2012</v>
          </cell>
          <cell r="I2503" t="str">
            <v>All workers: No minimum notice period.</v>
          </cell>
          <cell r="J2503">
            <v>0</v>
          </cell>
          <cell r="K2503">
            <v>0</v>
          </cell>
          <cell r="L2503">
            <v>0</v>
          </cell>
          <cell r="M2503">
            <v>0</v>
          </cell>
          <cell r="N2503">
            <v>0</v>
          </cell>
          <cell r="O2503">
            <v>0</v>
          </cell>
        </row>
        <row r="2504">
          <cell r="A2504" t="str">
            <v>MEXREG42012</v>
          </cell>
          <cell r="B2504" t="str">
            <v>MEX</v>
          </cell>
          <cell r="C2504" t="str">
            <v>Mexico</v>
          </cell>
          <cell r="D2504" t="str">
            <v>Item 4</v>
          </cell>
          <cell r="E2504" t="str">
            <v>REG4A, REG4B, REG4C</v>
          </cell>
          <cell r="F2504" t="str">
            <v>Severance pay / tenure</v>
          </cell>
          <cell r="G2504">
            <v>2012</v>
          </cell>
          <cell r="H2504">
            <v>2012</v>
          </cell>
          <cell r="I2504"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04">
            <v>1</v>
          </cell>
          <cell r="K2504">
            <v>2.6</v>
          </cell>
          <cell r="L2504">
            <v>1</v>
          </cell>
          <cell r="M2504">
            <v>2</v>
          </cell>
          <cell r="N2504">
            <v>4</v>
          </cell>
          <cell r="O2504">
            <v>1</v>
          </cell>
        </row>
        <row r="2505">
          <cell r="A2505" t="str">
            <v>MEXREG52012</v>
          </cell>
          <cell r="B2505" t="str">
            <v>MEX</v>
          </cell>
          <cell r="C2505" t="str">
            <v>Mexico</v>
          </cell>
          <cell r="D2505" t="str">
            <v>Item 5</v>
          </cell>
          <cell r="E2505" t="str">
            <v>REG5</v>
          </cell>
          <cell r="F2505" t="str">
            <v>Definition of justified or unfair dismissal</v>
          </cell>
          <cell r="G2505">
            <v>2012</v>
          </cell>
          <cell r="H2505">
            <v>2012</v>
          </cell>
          <cell r="I2505"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05">
            <v>2.5</v>
          </cell>
          <cell r="M2505">
            <v>5</v>
          </cell>
        </row>
        <row r="2506">
          <cell r="A2506" t="str">
            <v>MEXREG62012</v>
          </cell>
          <cell r="B2506" t="str">
            <v>MEX</v>
          </cell>
          <cell r="C2506" t="str">
            <v>Mexico</v>
          </cell>
          <cell r="D2506" t="str">
            <v>Item 6</v>
          </cell>
          <cell r="E2506" t="str">
            <v>REG6</v>
          </cell>
          <cell r="F2506" t="str">
            <v>Trial period</v>
          </cell>
          <cell r="G2506">
            <v>2012</v>
          </cell>
          <cell r="H2506">
            <v>2012</v>
          </cell>
          <cell r="I2506" t="str">
            <v>No trial period in legislation.</v>
          </cell>
          <cell r="J2506">
            <v>0</v>
          </cell>
          <cell r="M2506">
            <v>6</v>
          </cell>
        </row>
        <row r="2507">
          <cell r="A2507" t="str">
            <v>MEXREG72012</v>
          </cell>
          <cell r="B2507" t="str">
            <v>MEX</v>
          </cell>
          <cell r="C2507" t="str">
            <v>Mexico</v>
          </cell>
          <cell r="D2507" t="str">
            <v>Item 7</v>
          </cell>
          <cell r="E2507" t="str">
            <v>REG7</v>
          </cell>
          <cell r="F2507" t="str">
            <v xml:space="preserve">Compensation following unfair dismissal </v>
          </cell>
          <cell r="G2507">
            <v>2012</v>
          </cell>
          <cell r="H2507">
            <v>2012</v>
          </cell>
          <cell r="I2507"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07">
            <v>15</v>
          </cell>
          <cell r="M2507">
            <v>3</v>
          </cell>
        </row>
        <row r="2508">
          <cell r="A2508" t="str">
            <v>MEXREG82012</v>
          </cell>
          <cell r="B2508" t="str">
            <v>MEX</v>
          </cell>
          <cell r="C2508" t="str">
            <v>Mexico</v>
          </cell>
          <cell r="D2508" t="str">
            <v>Item 8</v>
          </cell>
          <cell r="E2508" t="str">
            <v>REG8</v>
          </cell>
          <cell r="F2508" t="str">
            <v>Possibility of reinstatement following unfair dismissal</v>
          </cell>
          <cell r="G2508">
            <v>2012</v>
          </cell>
          <cell r="H2508">
            <v>2012</v>
          </cell>
          <cell r="I2508"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08">
            <v>1.5</v>
          </cell>
          <cell r="M2508">
            <v>3</v>
          </cell>
        </row>
        <row r="2509">
          <cell r="A2509" t="str">
            <v>MEXREG92012</v>
          </cell>
          <cell r="B2509" t="str">
            <v>MEX</v>
          </cell>
          <cell r="C2509" t="str">
            <v>Mexico</v>
          </cell>
          <cell r="D2509" t="str">
            <v>Item 9</v>
          </cell>
          <cell r="E2509" t="str">
            <v>REG9</v>
          </cell>
          <cell r="F2509" t="str">
            <v>Maximum time for claim</v>
          </cell>
          <cell r="G2509">
            <v>2012</v>
          </cell>
          <cell r="H2509">
            <v>2012</v>
          </cell>
          <cell r="I2509"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09">
            <v>2</v>
          </cell>
          <cell r="M2509">
            <v>2</v>
          </cell>
        </row>
        <row r="2510">
          <cell r="A2510" t="str">
            <v>MEXFTC12012</v>
          </cell>
          <cell r="B2510" t="str">
            <v>MEX</v>
          </cell>
          <cell r="C2510" t="str">
            <v>Mexico</v>
          </cell>
          <cell r="D2510" t="str">
            <v>Item 10</v>
          </cell>
          <cell r="E2510" t="str">
            <v>FTC1</v>
          </cell>
          <cell r="F2510" t="str">
            <v>Valid cases for use of fixed-term contracts, other than  “objective”  or “material” situation</v>
          </cell>
          <cell r="G2510">
            <v>2012</v>
          </cell>
          <cell r="H2510">
            <v>2012</v>
          </cell>
          <cell r="I2510" t="str">
            <v>Restricted to objective situations (replacement, temporary increase in workload, work on a project that is itself of a fixed-term nature, etc.), with the exception of a few occupations.  Extent of use determined in consultation with union delegates.</v>
          </cell>
          <cell r="J2510">
            <v>0.5</v>
          </cell>
          <cell r="M2510">
            <v>5</v>
          </cell>
        </row>
        <row r="2511">
          <cell r="A2511" t="str">
            <v>MEXFTC22012</v>
          </cell>
          <cell r="B2511" t="str">
            <v>MEX</v>
          </cell>
          <cell r="C2511" t="str">
            <v>Mexico</v>
          </cell>
          <cell r="D2511" t="str">
            <v>Item 11</v>
          </cell>
          <cell r="E2511" t="str">
            <v>FTC2</v>
          </cell>
          <cell r="F2511" t="str">
            <v>Maximum number of successive fixed-term contracts</v>
          </cell>
          <cell r="G2511">
            <v>2012</v>
          </cell>
          <cell r="H2511">
            <v>2012</v>
          </cell>
          <cell r="I2511" t="str">
            <v xml:space="preserve">No limit specified, negotiable by both parties. </v>
          </cell>
          <cell r="J2511">
            <v>100</v>
          </cell>
          <cell r="M2511">
            <v>0</v>
          </cell>
        </row>
        <row r="2512">
          <cell r="A2512" t="str">
            <v>MEXFTC32012</v>
          </cell>
          <cell r="B2512" t="str">
            <v>MEX</v>
          </cell>
          <cell r="C2512" t="str">
            <v>Mexico</v>
          </cell>
          <cell r="D2512" t="str">
            <v>Item 12</v>
          </cell>
          <cell r="E2512" t="str">
            <v>FTC3</v>
          </cell>
          <cell r="F2512" t="str">
            <v>Maximum cumulated duration of successive fixed-term contracts</v>
          </cell>
          <cell r="G2512">
            <v>2012</v>
          </cell>
          <cell r="H2512">
            <v>2012</v>
          </cell>
          <cell r="I2512" t="str">
            <v>No limit specified, negotiable by both parties. If the fixed term contract is to perform work of a fixed-term nature, the contract will extend as long as the work extends.</v>
          </cell>
          <cell r="J2512">
            <v>200</v>
          </cell>
          <cell r="M2512">
            <v>0</v>
          </cell>
        </row>
        <row r="2513">
          <cell r="A2513" t="str">
            <v>MEXTWA12012</v>
          </cell>
          <cell r="B2513" t="str">
            <v>MEX</v>
          </cell>
          <cell r="C2513" t="str">
            <v>Mexico</v>
          </cell>
          <cell r="D2513" t="str">
            <v>Item 13</v>
          </cell>
          <cell r="E2513" t="str">
            <v>TWA1</v>
          </cell>
          <cell r="F2513" t="str">
            <v>Types of work for which TWA employment is legal</v>
          </cell>
          <cell r="G2513">
            <v>2012</v>
          </cell>
          <cell r="H2513">
            <v>2012</v>
          </cell>
          <cell r="I2513" t="str">
            <v>TWAs are illegal</v>
          </cell>
          <cell r="J2513">
            <v>0</v>
          </cell>
          <cell r="M2513">
            <v>6</v>
          </cell>
        </row>
        <row r="2514">
          <cell r="A2514" t="str">
            <v>MEXTWA22012</v>
          </cell>
          <cell r="B2514" t="str">
            <v>MEX</v>
          </cell>
          <cell r="C2514" t="str">
            <v>Mexico</v>
          </cell>
          <cell r="D2514" t="str">
            <v>Item 14</v>
          </cell>
          <cell r="E2514" t="str">
            <v>TWA2A, TWA2B</v>
          </cell>
          <cell r="F2514" t="str">
            <v>Are there any restrictions on the number of renewals of a TWA contract?</v>
          </cell>
          <cell r="G2514">
            <v>2012</v>
          </cell>
          <cell r="H2514">
            <v>2012</v>
          </cell>
          <cell r="I2514" t="str">
            <v>Non applicable</v>
          </cell>
          <cell r="J2514" t="str">
            <v>-</v>
          </cell>
          <cell r="K2514" t="str">
            <v>-</v>
          </cell>
          <cell r="M2514">
            <v>4</v>
          </cell>
          <cell r="N2514">
            <v>4</v>
          </cell>
        </row>
        <row r="2515">
          <cell r="A2515" t="str">
            <v>MEXTWA32012</v>
          </cell>
          <cell r="B2515" t="str">
            <v>MEX</v>
          </cell>
          <cell r="C2515" t="str">
            <v>Mexico</v>
          </cell>
          <cell r="D2515" t="str">
            <v>Item 15</v>
          </cell>
          <cell r="E2515" t="str">
            <v>TWA3A, TWA3B</v>
          </cell>
          <cell r="F2515" t="str">
            <v>Maximum cumulated duration of temporary work contracts</v>
          </cell>
          <cell r="G2515">
            <v>2012</v>
          </cell>
          <cell r="H2515">
            <v>2012</v>
          </cell>
          <cell r="I2515" t="str">
            <v>Not applicable</v>
          </cell>
          <cell r="J2515">
            <v>6</v>
          </cell>
          <cell r="K2515">
            <v>6</v>
          </cell>
          <cell r="M2515">
            <v>6</v>
          </cell>
          <cell r="N2515">
            <v>6</v>
          </cell>
        </row>
        <row r="2516">
          <cell r="A2516" t="str">
            <v>MEXTWA42012</v>
          </cell>
          <cell r="B2516" t="str">
            <v>MEX</v>
          </cell>
          <cell r="C2516" t="str">
            <v>Mexico</v>
          </cell>
          <cell r="D2516" t="str">
            <v>Item 16</v>
          </cell>
          <cell r="E2516" t="str">
            <v>TWA4</v>
          </cell>
          <cell r="F2516" t="str">
            <v>Authorisation and reporting obligations</v>
          </cell>
          <cell r="G2516">
            <v>2012</v>
          </cell>
          <cell r="H2516">
            <v>2012</v>
          </cell>
          <cell r="I2516" t="str">
            <v>Not applicable</v>
          </cell>
          <cell r="J2516" t="str">
            <v>-</v>
          </cell>
          <cell r="M2516">
            <v>6</v>
          </cell>
        </row>
        <row r="2517">
          <cell r="A2517" t="str">
            <v>MEXTWA52012</v>
          </cell>
          <cell r="B2517" t="str">
            <v>MEX</v>
          </cell>
          <cell r="C2517" t="str">
            <v>Mexico</v>
          </cell>
          <cell r="D2517" t="str">
            <v>Item 17</v>
          </cell>
          <cell r="E2517" t="str">
            <v>TWA5</v>
          </cell>
          <cell r="F2517" t="str">
            <v>Equal treatment for TWA workers</v>
          </cell>
          <cell r="G2517">
            <v>2012</v>
          </cell>
          <cell r="H2517">
            <v>2012</v>
          </cell>
          <cell r="I2517" t="str">
            <v>Not applicable</v>
          </cell>
          <cell r="J2517" t="str">
            <v>-</v>
          </cell>
          <cell r="M2517">
            <v>6</v>
          </cell>
        </row>
        <row r="2518">
          <cell r="A2518" t="str">
            <v>MEXCD12012</v>
          </cell>
          <cell r="B2518" t="str">
            <v>MEX</v>
          </cell>
          <cell r="C2518" t="str">
            <v>Mexico</v>
          </cell>
          <cell r="D2518" t="str">
            <v>Item 18</v>
          </cell>
          <cell r="E2518" t="str">
            <v>CD1</v>
          </cell>
          <cell r="F2518" t="str">
            <v>Definition of collective dismissal</v>
          </cell>
          <cell r="G2518">
            <v>2012</v>
          </cell>
          <cell r="H2518">
            <v>2012</v>
          </cell>
          <cell r="I2518"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18">
            <v>4</v>
          </cell>
          <cell r="M2518">
            <v>6</v>
          </cell>
        </row>
        <row r="2519">
          <cell r="A2519" t="str">
            <v>MEXCD22012</v>
          </cell>
          <cell r="B2519" t="str">
            <v>MEX</v>
          </cell>
          <cell r="C2519" t="str">
            <v>Mexico</v>
          </cell>
          <cell r="D2519" t="str">
            <v>Item 19</v>
          </cell>
          <cell r="E2519" t="str">
            <v>CD2</v>
          </cell>
          <cell r="F2519" t="str">
            <v>Additional notification requirements in case of collective dismissals</v>
          </cell>
          <cell r="G2519">
            <v>2012</v>
          </cell>
          <cell r="H2519">
            <v>2012</v>
          </cell>
          <cell r="I2519" t="str">
            <v>Notification of employee representatives: Duty to inform and consult with trade union/employee representatives. Notification of public authorities: Notification to Conciliation and Arbitration Board if no agreement with union can be found.</v>
          </cell>
          <cell r="J2519">
            <v>2</v>
          </cell>
          <cell r="M2519">
            <v>6</v>
          </cell>
        </row>
        <row r="2520">
          <cell r="A2520" t="str">
            <v>MEXCD32012</v>
          </cell>
          <cell r="B2520" t="str">
            <v>MEX</v>
          </cell>
          <cell r="C2520" t="str">
            <v>Mexico</v>
          </cell>
          <cell r="D2520" t="str">
            <v>Item 20</v>
          </cell>
          <cell r="E2520" t="str">
            <v>CD3</v>
          </cell>
          <cell r="F2520" t="str">
            <v>Additional delays involved in case of collective dismissals</v>
          </cell>
          <cell r="G2520">
            <v>2012</v>
          </cell>
          <cell r="H2520">
            <v>2012</v>
          </cell>
          <cell r="I2520"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20">
            <v>14</v>
          </cell>
          <cell r="M2520">
            <v>1</v>
          </cell>
        </row>
        <row r="2521">
          <cell r="A2521" t="str">
            <v>MEXCD42012</v>
          </cell>
          <cell r="B2521" t="str">
            <v>MEX</v>
          </cell>
          <cell r="C2521" t="str">
            <v>Mexico</v>
          </cell>
          <cell r="D2521" t="str">
            <v>Item 21</v>
          </cell>
          <cell r="E2521" t="str">
            <v>CD4</v>
          </cell>
          <cell r="F2521" t="str">
            <v>Other special costs to employers in case of collective dismissals</v>
          </cell>
          <cell r="G2521">
            <v>2012</v>
          </cell>
          <cell r="H2521">
            <v>2012</v>
          </cell>
          <cell r="I2521"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21">
            <v>1.5</v>
          </cell>
          <cell r="M2521">
            <v>4.5</v>
          </cell>
        </row>
        <row r="2522">
          <cell r="A2522" t="str">
            <v>MEXREG12013</v>
          </cell>
          <cell r="B2522" t="str">
            <v>MEX</v>
          </cell>
          <cell r="C2522" t="str">
            <v>Mexico</v>
          </cell>
          <cell r="D2522" t="str">
            <v>Item 1</v>
          </cell>
          <cell r="E2522" t="str">
            <v>REG1</v>
          </cell>
          <cell r="F2522" t="str">
            <v>Notification procedures</v>
          </cell>
          <cell r="G2522">
            <v>2013</v>
          </cell>
          <cell r="H2522">
            <v>2013</v>
          </cell>
          <cell r="I2522"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22">
            <v>1</v>
          </cell>
          <cell r="M2522">
            <v>2</v>
          </cell>
        </row>
        <row r="2523">
          <cell r="A2523" t="str">
            <v>MEXREG22013</v>
          </cell>
          <cell r="B2523" t="str">
            <v>MEX</v>
          </cell>
          <cell r="C2523" t="str">
            <v>Mexico</v>
          </cell>
          <cell r="D2523" t="str">
            <v>Item 2</v>
          </cell>
          <cell r="E2523" t="str">
            <v>REG2</v>
          </cell>
          <cell r="F2523" t="str">
            <v>Delay before notice can start</v>
          </cell>
          <cell r="G2523">
            <v>2013</v>
          </cell>
          <cell r="H2523">
            <v>2013</v>
          </cell>
          <cell r="I2523" t="str">
            <v>The notice must be communicated to the employee.</v>
          </cell>
          <cell r="J2523">
            <v>1</v>
          </cell>
          <cell r="M2523">
            <v>0</v>
          </cell>
        </row>
        <row r="2524">
          <cell r="A2524" t="str">
            <v>MEXREG32013</v>
          </cell>
          <cell r="B2524" t="str">
            <v>MEX</v>
          </cell>
          <cell r="C2524" t="str">
            <v>Mexico</v>
          </cell>
          <cell r="D2524" t="str">
            <v>Item 3</v>
          </cell>
          <cell r="E2524" t="str">
            <v>REG3A, REG3B, REG3C</v>
          </cell>
          <cell r="F2524" t="str">
            <v>Notice / tenure</v>
          </cell>
          <cell r="G2524">
            <v>2013</v>
          </cell>
          <cell r="H2524">
            <v>2013</v>
          </cell>
          <cell r="I2524" t="str">
            <v>All workers: No minimum notice period.</v>
          </cell>
          <cell r="J2524">
            <v>0</v>
          </cell>
          <cell r="K2524">
            <v>0</v>
          </cell>
          <cell r="L2524">
            <v>0</v>
          </cell>
          <cell r="M2524">
            <v>0</v>
          </cell>
          <cell r="N2524">
            <v>0</v>
          </cell>
          <cell r="O2524">
            <v>0</v>
          </cell>
        </row>
        <row r="2525">
          <cell r="A2525" t="str">
            <v>MEXREG42013</v>
          </cell>
          <cell r="B2525" t="str">
            <v>MEX</v>
          </cell>
          <cell r="C2525" t="str">
            <v>Mexico</v>
          </cell>
          <cell r="D2525" t="str">
            <v>Item 4</v>
          </cell>
          <cell r="E2525" t="str">
            <v>REG4A, REG4B, REG4C</v>
          </cell>
          <cell r="F2525" t="str">
            <v>Severance pay / tenure</v>
          </cell>
          <cell r="G2525">
            <v>2013</v>
          </cell>
          <cell r="H2525">
            <v>2013</v>
          </cell>
          <cell r="I2525"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25">
            <v>1</v>
          </cell>
          <cell r="K2525">
            <v>2.6</v>
          </cell>
          <cell r="L2525">
            <v>1</v>
          </cell>
          <cell r="M2525">
            <v>2</v>
          </cell>
          <cell r="N2525">
            <v>4</v>
          </cell>
          <cell r="O2525">
            <v>1</v>
          </cell>
        </row>
        <row r="2526">
          <cell r="A2526" t="str">
            <v>MEXREG52013</v>
          </cell>
          <cell r="B2526" t="str">
            <v>MEX</v>
          </cell>
          <cell r="C2526" t="str">
            <v>Mexico</v>
          </cell>
          <cell r="D2526" t="str">
            <v>Item 5</v>
          </cell>
          <cell r="E2526" t="str">
            <v>REG5</v>
          </cell>
          <cell r="F2526" t="str">
            <v>Definition of justified or unfair dismissal</v>
          </cell>
          <cell r="G2526">
            <v>2013</v>
          </cell>
          <cell r="H2526">
            <v>2013</v>
          </cell>
          <cell r="I2526"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26">
            <v>2.5</v>
          </cell>
          <cell r="M2526">
            <v>5</v>
          </cell>
        </row>
        <row r="2527">
          <cell r="A2527" t="str">
            <v>MEXREG62013</v>
          </cell>
          <cell r="B2527" t="str">
            <v>MEX</v>
          </cell>
          <cell r="C2527" t="str">
            <v>Mexico</v>
          </cell>
          <cell r="D2527" t="str">
            <v>Item 6</v>
          </cell>
          <cell r="E2527" t="str">
            <v>REG6</v>
          </cell>
          <cell r="F2527" t="str">
            <v>Trial period</v>
          </cell>
          <cell r="G2527">
            <v>2013</v>
          </cell>
          <cell r="H2527">
            <v>2013</v>
          </cell>
          <cell r="I2527" t="str">
            <v xml:space="preserve">The FLL regulates the trial period as follows: 
Article 39A: In an employment relation of unspecified duration or when exceeding 180 days, the trial period, may not exceed 30 days, with the only purpose  to verify that the employee meets the requirements and  skills needed to develop the work requested. 
The trial period may be extended up to 180 days, only in the case of workers in management positions, managerial and other involved in the management or administrative functions in the company or establishment or the performance of specialized, professional, or technical work. At the end of the trial period, if the worker cannot prove to satisfy the qualifications and skills needed to develop the work, the employer, taking into account the opinion of the Joint Commission on Productivity, Development and Training, will terminate the employment relationship without liability.
Calculation: average of the 2 situations: 3.5 months
</v>
          </cell>
          <cell r="J2527">
            <v>3.5</v>
          </cell>
          <cell r="M2527">
            <v>4</v>
          </cell>
          <cell r="P2527" t="str">
            <v>1.12.2012</v>
          </cell>
        </row>
        <row r="2528">
          <cell r="A2528" t="str">
            <v>MEXREG72013</v>
          </cell>
          <cell r="B2528" t="str">
            <v>MEX</v>
          </cell>
          <cell r="C2528" t="str">
            <v>Mexico</v>
          </cell>
          <cell r="D2528" t="str">
            <v>Item 7</v>
          </cell>
          <cell r="E2528" t="str">
            <v>REG7</v>
          </cell>
          <cell r="F2528" t="str">
            <v xml:space="preserve">Compensation following unfair dismissal </v>
          </cell>
          <cell r="G2528">
            <v>2013</v>
          </cell>
          <cell r="H2528">
            <v>2013</v>
          </cell>
          <cell r="I2528"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28">
            <v>15</v>
          </cell>
          <cell r="M2528">
            <v>3</v>
          </cell>
        </row>
        <row r="2529">
          <cell r="A2529" t="str">
            <v>MEXREG82013</v>
          </cell>
          <cell r="B2529" t="str">
            <v>MEX</v>
          </cell>
          <cell r="C2529" t="str">
            <v>Mexico</v>
          </cell>
          <cell r="D2529" t="str">
            <v>Item 8</v>
          </cell>
          <cell r="E2529" t="str">
            <v>REG8</v>
          </cell>
          <cell r="F2529" t="str">
            <v>Possibility of reinstatement following unfair dismissal</v>
          </cell>
          <cell r="G2529">
            <v>2013</v>
          </cell>
          <cell r="H2529">
            <v>2013</v>
          </cell>
          <cell r="I2529"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29">
            <v>1.5</v>
          </cell>
          <cell r="M2529">
            <v>3</v>
          </cell>
        </row>
        <row r="2530">
          <cell r="A2530" t="str">
            <v>MEXREG92013</v>
          </cell>
          <cell r="B2530" t="str">
            <v>MEX</v>
          </cell>
          <cell r="C2530" t="str">
            <v>Mexico</v>
          </cell>
          <cell r="D2530" t="str">
            <v>Item 9</v>
          </cell>
          <cell r="E2530" t="str">
            <v>REG9</v>
          </cell>
          <cell r="F2530" t="str">
            <v>Maximum time for claim</v>
          </cell>
          <cell r="G2530">
            <v>2013</v>
          </cell>
          <cell r="H2530">
            <v>2013</v>
          </cell>
          <cell r="I2530"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30">
            <v>2</v>
          </cell>
          <cell r="M2530">
            <v>2</v>
          </cell>
        </row>
        <row r="2531">
          <cell r="A2531" t="str">
            <v>MEXFTC12013</v>
          </cell>
          <cell r="B2531" t="str">
            <v>MEX</v>
          </cell>
          <cell r="C2531" t="str">
            <v>Mexico</v>
          </cell>
          <cell r="D2531" t="str">
            <v>Item 10</v>
          </cell>
          <cell r="E2531" t="str">
            <v>FTC1</v>
          </cell>
          <cell r="F2531" t="str">
            <v>Valid cases for use of fixed-term contracts, other than  “objective”  or “material” situation</v>
          </cell>
          <cell r="G2531">
            <v>2013</v>
          </cell>
          <cell r="H2531">
            <v>2013</v>
          </cell>
          <cell r="I2531" t="str">
            <v>Restricted to objective situations (replacement, temporary increase in workload, work on a project that is itself of a fixed-term nature, etc.), with the exception of a few occupations.  Extent of use determined in consultation with union delegates.</v>
          </cell>
          <cell r="J2531">
            <v>0.5</v>
          </cell>
          <cell r="M2531">
            <v>5</v>
          </cell>
        </row>
        <row r="2532">
          <cell r="A2532" t="str">
            <v>MEXFTC22013</v>
          </cell>
          <cell r="B2532" t="str">
            <v>MEX</v>
          </cell>
          <cell r="C2532" t="str">
            <v>Mexico</v>
          </cell>
          <cell r="D2532" t="str">
            <v>Item 11</v>
          </cell>
          <cell r="E2532" t="str">
            <v>FTC2</v>
          </cell>
          <cell r="F2532" t="str">
            <v>Maximum number of successive fixed-term contracts</v>
          </cell>
          <cell r="G2532">
            <v>2013</v>
          </cell>
          <cell r="H2532">
            <v>2013</v>
          </cell>
          <cell r="I2532" t="str">
            <v xml:space="preserve">No limit specified, negotiable by both parties. </v>
          </cell>
          <cell r="J2532">
            <v>100</v>
          </cell>
          <cell r="M2532">
            <v>0</v>
          </cell>
        </row>
        <row r="2533">
          <cell r="A2533" t="str">
            <v>MEXFTC32013</v>
          </cell>
          <cell r="B2533" t="str">
            <v>MEX</v>
          </cell>
          <cell r="C2533" t="str">
            <v>Mexico</v>
          </cell>
          <cell r="D2533" t="str">
            <v>Item 12</v>
          </cell>
          <cell r="E2533" t="str">
            <v>FTC3</v>
          </cell>
          <cell r="F2533" t="str">
            <v>Maximum cumulated duration of successive fixed-term contracts</v>
          </cell>
          <cell r="G2533">
            <v>2013</v>
          </cell>
          <cell r="H2533">
            <v>2013</v>
          </cell>
          <cell r="I2533" t="str">
            <v>No limit specified, negotiable by both parties. If the fixed term contract is to perform work of a fixed-term nature, the contract will extend as long as the work extends.</v>
          </cell>
          <cell r="J2533">
            <v>200</v>
          </cell>
          <cell r="M2533">
            <v>0</v>
          </cell>
        </row>
        <row r="2534">
          <cell r="A2534" t="str">
            <v>MEXTWA12013</v>
          </cell>
          <cell r="B2534" t="str">
            <v>MEX</v>
          </cell>
          <cell r="C2534" t="str">
            <v>Mexico</v>
          </cell>
          <cell r="D2534" t="str">
            <v>Item 13</v>
          </cell>
          <cell r="E2534" t="str">
            <v>TWA1</v>
          </cell>
          <cell r="F2534" t="str">
            <v>Types of work for which TWA employment is legal</v>
          </cell>
          <cell r="G2534">
            <v>2013</v>
          </cell>
          <cell r="H2534">
            <v>2013</v>
          </cell>
          <cell r="I2534" t="str">
            <v xml:space="preserve">The FLL regulates the TWA in Articles 15-A, 15-B, 15-C and 15-D.
The use of TWA should not cover the same activities that are normally performed in the user establishment. Moreover, jobs of permanent and TWA workers at the user establishment must be different. Moreover, the employment must be justified by its specialized nature.
The use of TWA employment is not permitted when worker’s contract are transferred workers from the user firm to the agency, with the clear aim of reducing labor rights.
</v>
          </cell>
          <cell r="J2534">
            <v>2.5</v>
          </cell>
          <cell r="M2534">
            <v>2.25</v>
          </cell>
          <cell r="P2534">
            <v>40920</v>
          </cell>
        </row>
        <row r="2535">
          <cell r="A2535" t="str">
            <v>MEXTWA22013</v>
          </cell>
          <cell r="B2535" t="str">
            <v>MEX</v>
          </cell>
          <cell r="C2535" t="str">
            <v>Mexico</v>
          </cell>
          <cell r="D2535" t="str">
            <v>Item 14</v>
          </cell>
          <cell r="E2535" t="str">
            <v>TWA2A, TWA2B</v>
          </cell>
          <cell r="F2535" t="str">
            <v>Are there any restrictions on the number of renewals of a TWA contract?</v>
          </cell>
          <cell r="G2535">
            <v>2013</v>
          </cell>
          <cell r="H2535">
            <v>2013</v>
          </cell>
          <cell r="I2535" t="str">
            <v xml:space="preserve">No limit for both contracts and assignments </v>
          </cell>
          <cell r="J2535" t="str">
            <v>No</v>
          </cell>
          <cell r="K2535" t="str">
            <v>No</v>
          </cell>
          <cell r="M2535">
            <v>2</v>
          </cell>
          <cell r="N2535">
            <v>2</v>
          </cell>
          <cell r="P2535">
            <v>40920</v>
          </cell>
        </row>
        <row r="2536">
          <cell r="A2536" t="str">
            <v>MEXTWA32013</v>
          </cell>
          <cell r="B2536" t="str">
            <v>MEX</v>
          </cell>
          <cell r="C2536" t="str">
            <v>Mexico</v>
          </cell>
          <cell r="D2536" t="str">
            <v>Item 15</v>
          </cell>
          <cell r="E2536" t="str">
            <v>TWA3A, TWA3B</v>
          </cell>
          <cell r="F2536" t="str">
            <v>Maximum cumulated duration of temporary work contracts</v>
          </cell>
          <cell r="G2536">
            <v>2013</v>
          </cell>
          <cell r="H2536">
            <v>2013</v>
          </cell>
          <cell r="I2536" t="str">
            <v>No limit for both contracts and assignments</v>
          </cell>
          <cell r="J2536">
            <v>100</v>
          </cell>
          <cell r="K2536">
            <v>100</v>
          </cell>
          <cell r="M2536">
            <v>0</v>
          </cell>
          <cell r="N2536">
            <v>0</v>
          </cell>
        </row>
        <row r="2537">
          <cell r="A2537" t="str">
            <v>MEXTWA42013</v>
          </cell>
          <cell r="B2537" t="str">
            <v>MEX</v>
          </cell>
          <cell r="C2537" t="str">
            <v>Mexico</v>
          </cell>
          <cell r="D2537" t="str">
            <v>Item 16</v>
          </cell>
          <cell r="E2537" t="str">
            <v>TWA4</v>
          </cell>
          <cell r="F2537" t="str">
            <v>Authorisation and reporting obligations</v>
          </cell>
          <cell r="G2537">
            <v>2013</v>
          </cell>
          <cell r="H2537">
            <v>2013</v>
          </cell>
          <cell r="I2537" t="str">
            <v>No requirements</v>
          </cell>
          <cell r="J2537">
            <v>0</v>
          </cell>
          <cell r="M2537">
            <v>0</v>
          </cell>
          <cell r="P2537">
            <v>40920</v>
          </cell>
        </row>
        <row r="2538">
          <cell r="A2538" t="str">
            <v>MEXTWA52013</v>
          </cell>
          <cell r="B2538" t="str">
            <v>MEX</v>
          </cell>
          <cell r="C2538" t="str">
            <v>Mexico</v>
          </cell>
          <cell r="D2538" t="str">
            <v>Item 17</v>
          </cell>
          <cell r="E2538" t="str">
            <v>TWA5</v>
          </cell>
          <cell r="F2538" t="str">
            <v>Equal treatment for TWA workers</v>
          </cell>
          <cell r="G2538">
            <v>2013</v>
          </cell>
          <cell r="H2538">
            <v>2013</v>
          </cell>
          <cell r="I2538" t="str">
            <v xml:space="preserve">Article 14 of the FLL establishes responsibilities for people who use intermediaries for hiring workers. Workers shall have the right to provide their services under the same conditions and have the same rights that apply to workers who perform work in the company or similar establishment. </v>
          </cell>
          <cell r="J2538">
            <v>2</v>
          </cell>
          <cell r="M2538">
            <v>6</v>
          </cell>
        </row>
        <row r="2539">
          <cell r="A2539" t="str">
            <v>MEXCD12013</v>
          </cell>
          <cell r="B2539" t="str">
            <v>MEX</v>
          </cell>
          <cell r="C2539" t="str">
            <v>Mexico</v>
          </cell>
          <cell r="D2539" t="str">
            <v>Item 18</v>
          </cell>
          <cell r="E2539" t="str">
            <v>CD1</v>
          </cell>
          <cell r="F2539" t="str">
            <v>Definition of collective dismissal</v>
          </cell>
          <cell r="G2539">
            <v>2013</v>
          </cell>
          <cell r="H2539">
            <v>2013</v>
          </cell>
          <cell r="I2539"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39">
            <v>4</v>
          </cell>
          <cell r="M2539">
            <v>6</v>
          </cell>
        </row>
        <row r="2540">
          <cell r="A2540" t="str">
            <v>MEXCD22013</v>
          </cell>
          <cell r="B2540" t="str">
            <v>MEX</v>
          </cell>
          <cell r="C2540" t="str">
            <v>Mexico</v>
          </cell>
          <cell r="D2540" t="str">
            <v>Item 19</v>
          </cell>
          <cell r="E2540" t="str">
            <v>CD2</v>
          </cell>
          <cell r="F2540" t="str">
            <v>Additional notification requirements in case of collective dismissals</v>
          </cell>
          <cell r="G2540">
            <v>2013</v>
          </cell>
          <cell r="H2540">
            <v>2013</v>
          </cell>
          <cell r="I2540" t="str">
            <v>Notification of employee representatives: Duty to inform and consult with trade union/employee representatives. Notification of public authorities: Notification to Conciliation and Arbitration Board if no agreement with union can be found.</v>
          </cell>
          <cell r="J2540">
            <v>2</v>
          </cell>
          <cell r="M2540">
            <v>6</v>
          </cell>
        </row>
        <row r="2541">
          <cell r="A2541" t="str">
            <v>MEXCD32013</v>
          </cell>
          <cell r="B2541" t="str">
            <v>MEX</v>
          </cell>
          <cell r="C2541" t="str">
            <v>Mexico</v>
          </cell>
          <cell r="D2541" t="str">
            <v>Item 20</v>
          </cell>
          <cell r="E2541" t="str">
            <v>CD3</v>
          </cell>
          <cell r="F2541" t="str">
            <v>Additional delays involved in case of collective dismissals</v>
          </cell>
          <cell r="G2541">
            <v>2013</v>
          </cell>
          <cell r="H2541">
            <v>2013</v>
          </cell>
          <cell r="I2541"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41">
            <v>14</v>
          </cell>
          <cell r="M2541">
            <v>1</v>
          </cell>
        </row>
        <row r="2542">
          <cell r="A2542" t="str">
            <v>MEXCD42013</v>
          </cell>
          <cell r="B2542" t="str">
            <v>MEX</v>
          </cell>
          <cell r="C2542" t="str">
            <v>Mexico</v>
          </cell>
          <cell r="D2542" t="str">
            <v>Item 21</v>
          </cell>
          <cell r="E2542" t="str">
            <v>CD4</v>
          </cell>
          <cell r="F2542" t="str">
            <v>Other special costs to employers in case of collective dismissals</v>
          </cell>
          <cell r="G2542">
            <v>2013</v>
          </cell>
          <cell r="H2542">
            <v>2013</v>
          </cell>
          <cell r="I2542"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42">
            <v>1.5</v>
          </cell>
          <cell r="M2542">
            <v>4.5</v>
          </cell>
        </row>
        <row r="2543">
          <cell r="A2543" t="str">
            <v>JPNREG12012</v>
          </cell>
          <cell r="B2543" t="str">
            <v>JPN</v>
          </cell>
          <cell r="C2543" t="str">
            <v>Japan</v>
          </cell>
          <cell r="D2543" t="str">
            <v>Item 1</v>
          </cell>
          <cell r="E2543" t="str">
            <v>REG1</v>
          </cell>
          <cell r="F2543" t="str">
            <v>Notification procedures</v>
          </cell>
          <cell r="G2543">
            <v>2012</v>
          </cell>
          <cell r="H2543">
            <v>2012</v>
          </cell>
          <cell r="I2543" t="str">
            <v xml:space="preserve">An employer shall provide at least 30 days advance notice, or pay the average wage for a period of not less than 30 days.
Oral notification is sufficient.
A written statement on the reasons of dismissal must be provided upon request.
</v>
          </cell>
          <cell r="J2543">
            <v>1</v>
          </cell>
          <cell r="M2543">
            <v>2</v>
          </cell>
        </row>
        <row r="2544">
          <cell r="A2544" t="str">
            <v>JPNREG22012</v>
          </cell>
          <cell r="B2544" t="str">
            <v>JPN</v>
          </cell>
          <cell r="C2544" t="str">
            <v>Japan</v>
          </cell>
          <cell r="D2544" t="str">
            <v>Item 2</v>
          </cell>
          <cell r="E2544" t="str">
            <v>REG2</v>
          </cell>
          <cell r="F2544" t="str">
            <v>Delay before notice can start</v>
          </cell>
          <cell r="G2544">
            <v>2012</v>
          </cell>
          <cell r="H2544">
            <v>2012</v>
          </cell>
          <cell r="I2544" t="str">
            <v>There are no prescribed procedures. Written or oral notification is common practice.</v>
          </cell>
          <cell r="J2544">
            <v>1</v>
          </cell>
          <cell r="M2544">
            <v>0</v>
          </cell>
        </row>
        <row r="2545">
          <cell r="A2545" t="str">
            <v>JPNREG32012</v>
          </cell>
          <cell r="B2545" t="str">
            <v>JPN</v>
          </cell>
          <cell r="C2545" t="str">
            <v>Japan</v>
          </cell>
          <cell r="D2545" t="str">
            <v>Item 3</v>
          </cell>
          <cell r="E2545" t="str">
            <v>REG3A, REG3B, REG3C</v>
          </cell>
          <cell r="F2545" t="str">
            <v>Notice / tenure</v>
          </cell>
          <cell r="G2545">
            <v>2012</v>
          </cell>
          <cell r="H2545">
            <v>2012</v>
          </cell>
          <cell r="I2545" t="str">
            <v xml:space="preserve">30 days, regardless of the tenure. </v>
          </cell>
          <cell r="J2545">
            <v>1</v>
          </cell>
          <cell r="K2545">
            <v>1</v>
          </cell>
          <cell r="L2545">
            <v>1</v>
          </cell>
          <cell r="M2545">
            <v>3</v>
          </cell>
          <cell r="N2545">
            <v>2</v>
          </cell>
          <cell r="O2545">
            <v>1</v>
          </cell>
        </row>
        <row r="2546">
          <cell r="A2546" t="str">
            <v>JPNREG42012</v>
          </cell>
          <cell r="B2546" t="str">
            <v>JPN</v>
          </cell>
          <cell r="C2546" t="str">
            <v>Japan</v>
          </cell>
          <cell r="D2546" t="str">
            <v>Item 4</v>
          </cell>
          <cell r="E2546" t="str">
            <v>REG4A, REG4B, REG4C</v>
          </cell>
          <cell r="F2546" t="str">
            <v>Severance pay / tenure</v>
          </cell>
          <cell r="G2546">
            <v>2012</v>
          </cell>
          <cell r="H2546">
            <v>2012</v>
          </cell>
          <cell r="I2546" t="str">
            <v xml:space="preserve">Severance pay is not legally required. </v>
          </cell>
          <cell r="J2546">
            <v>0</v>
          </cell>
          <cell r="K2546">
            <v>0</v>
          </cell>
          <cell r="L2546">
            <v>0</v>
          </cell>
          <cell r="M2546">
            <v>0</v>
          </cell>
          <cell r="N2546">
            <v>0</v>
          </cell>
          <cell r="O2546">
            <v>0</v>
          </cell>
        </row>
        <row r="2547">
          <cell r="A2547" t="str">
            <v>JPNREG52012</v>
          </cell>
          <cell r="B2547" t="str">
            <v>JPN</v>
          </cell>
          <cell r="C2547" t="str">
            <v>Japan</v>
          </cell>
          <cell r="D2547" t="str">
            <v>Item 5</v>
          </cell>
          <cell r="E2547" t="str">
            <v>REG5</v>
          </cell>
          <cell r="F2547" t="str">
            <v>Definition of justified or unfair dismissal</v>
          </cell>
          <cell r="G2547">
            <v>2012</v>
          </cell>
          <cell r="H2547">
            <v>2012</v>
          </cell>
          <cell r="I2547"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47">
            <v>1</v>
          </cell>
          <cell r="M2547">
            <v>2</v>
          </cell>
        </row>
        <row r="2548">
          <cell r="A2548" t="str">
            <v>JPNREG62012</v>
          </cell>
          <cell r="B2548" t="str">
            <v>JPN</v>
          </cell>
          <cell r="C2548" t="str">
            <v>Japan</v>
          </cell>
          <cell r="D2548" t="str">
            <v>Item 6</v>
          </cell>
          <cell r="E2548" t="str">
            <v>REG6</v>
          </cell>
          <cell r="F2548" t="str">
            <v>Trial period</v>
          </cell>
          <cell r="G2548">
            <v>2012</v>
          </cell>
          <cell r="H2548">
            <v>2012</v>
          </cell>
          <cell r="I2548" t="str">
            <v xml:space="preserve">Length of trial period is not legally regulated. (It usually varies from 2 to 6 months. The most common period is 3 months). </v>
          </cell>
          <cell r="J2548">
            <v>3</v>
          </cell>
          <cell r="M2548">
            <v>4</v>
          </cell>
        </row>
        <row r="2549">
          <cell r="A2549" t="str">
            <v>JPNREG72012</v>
          </cell>
          <cell r="B2549" t="str">
            <v>JPN</v>
          </cell>
          <cell r="C2549" t="str">
            <v>Japan</v>
          </cell>
          <cell r="D2549" t="str">
            <v>Item 7</v>
          </cell>
          <cell r="E2549" t="str">
            <v>REG7</v>
          </cell>
          <cell r="F2549" t="str">
            <v xml:space="preserve">Compensation following unfair dismissal </v>
          </cell>
          <cell r="G2549">
            <v>2012</v>
          </cell>
          <cell r="H2549">
            <v>2012</v>
          </cell>
          <cell r="I2549"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49">
            <v>6</v>
          </cell>
          <cell r="M2549">
            <v>1</v>
          </cell>
        </row>
        <row r="2550">
          <cell r="A2550" t="str">
            <v>JPNREG82012</v>
          </cell>
          <cell r="B2550" t="str">
            <v>JPN</v>
          </cell>
          <cell r="C2550" t="str">
            <v>Japan</v>
          </cell>
          <cell r="D2550" t="str">
            <v>Item 8</v>
          </cell>
          <cell r="E2550" t="str">
            <v>REG8</v>
          </cell>
          <cell r="F2550" t="str">
            <v>Possibility of reinstatement following unfair dismissal</v>
          </cell>
          <cell r="G2550">
            <v>2012</v>
          </cell>
          <cell r="H2550">
            <v>2012</v>
          </cell>
          <cell r="I2550"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50">
            <v>1</v>
          </cell>
          <cell r="M2550">
            <v>2</v>
          </cell>
        </row>
        <row r="2551">
          <cell r="A2551" t="str">
            <v>JPNREG92012</v>
          </cell>
          <cell r="B2551" t="str">
            <v>JPN</v>
          </cell>
          <cell r="C2551" t="str">
            <v>Japan</v>
          </cell>
          <cell r="D2551" t="str">
            <v>Item 9</v>
          </cell>
          <cell r="E2551" t="str">
            <v>REG9</v>
          </cell>
          <cell r="F2551" t="str">
            <v>Maximum time for claim</v>
          </cell>
          <cell r="G2551">
            <v>2012</v>
          </cell>
          <cell r="H2551">
            <v>2012</v>
          </cell>
          <cell r="I2551"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51">
            <v>100</v>
          </cell>
          <cell r="M2551">
            <v>6</v>
          </cell>
        </row>
        <row r="2552">
          <cell r="A2552" t="str">
            <v>JPNFTC12012</v>
          </cell>
          <cell r="B2552" t="str">
            <v>JPN</v>
          </cell>
          <cell r="C2552" t="str">
            <v>Japan</v>
          </cell>
          <cell r="D2552" t="str">
            <v>Item 10</v>
          </cell>
          <cell r="E2552" t="str">
            <v>FTC1</v>
          </cell>
          <cell r="F2552" t="str">
            <v>Valid cases for use of fixed-term contracts, other than  “objective”  or “material” situation</v>
          </cell>
          <cell r="G2552">
            <v>2012</v>
          </cell>
          <cell r="H2552">
            <v>2012</v>
          </cell>
          <cell r="I2552" t="str">
            <v>Fixed-term  contracts under 3 year duration widely possible without specifying an objective reason. The contract can be of 5 years for highly skilled employees or those aged 60+.</v>
          </cell>
          <cell r="J2552">
            <v>3</v>
          </cell>
          <cell r="M2552">
            <v>0</v>
          </cell>
        </row>
        <row r="2553">
          <cell r="A2553" t="str">
            <v>JPNFTC22012</v>
          </cell>
          <cell r="B2553" t="str">
            <v>JPN</v>
          </cell>
          <cell r="C2553" t="str">
            <v>Japan</v>
          </cell>
          <cell r="D2553" t="str">
            <v>Item 11</v>
          </cell>
          <cell r="E2553" t="str">
            <v>FTC2</v>
          </cell>
          <cell r="F2553" t="str">
            <v>Maximum number of successive fixed-term contracts</v>
          </cell>
          <cell r="G2553">
            <v>2012</v>
          </cell>
          <cell r="H2553">
            <v>2012</v>
          </cell>
          <cell r="I2553" t="str">
            <v xml:space="preserve">No legal limit specified in terms of the number of renewals; after repeated renewals the employee becomes entitled to expect renewal of his contract and the employer must have just cause to refuse renewal. </v>
          </cell>
          <cell r="J2553">
            <v>98</v>
          </cell>
          <cell r="M2553">
            <v>1</v>
          </cell>
        </row>
        <row r="2554">
          <cell r="A2554" t="str">
            <v>JPNFTC32012</v>
          </cell>
          <cell r="B2554" t="str">
            <v>JPN</v>
          </cell>
          <cell r="C2554" t="str">
            <v>Japan</v>
          </cell>
          <cell r="D2554" t="str">
            <v>Item 12</v>
          </cell>
          <cell r="E2554" t="str">
            <v>FTC3</v>
          </cell>
          <cell r="F2554" t="str">
            <v>Maximum cumulated duration of successive fixed-term contracts</v>
          </cell>
          <cell r="G2554">
            <v>2012</v>
          </cell>
          <cell r="H2554">
            <v>2012</v>
          </cell>
          <cell r="I2554"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54">
            <v>200</v>
          </cell>
          <cell r="M2554">
            <v>0</v>
          </cell>
        </row>
        <row r="2555">
          <cell r="A2555" t="str">
            <v>JPNTWA12012</v>
          </cell>
          <cell r="B2555" t="str">
            <v>JPN</v>
          </cell>
          <cell r="C2555" t="str">
            <v>Japan</v>
          </cell>
          <cell r="D2555" t="str">
            <v>Item 13</v>
          </cell>
          <cell r="E2555" t="str">
            <v>TWA1</v>
          </cell>
          <cell r="F2555" t="str">
            <v>Types of work for which TWA employment is legal</v>
          </cell>
          <cell r="G2555">
            <v>2012</v>
          </cell>
          <cell r="H2555">
            <v>2012</v>
          </cell>
          <cell r="I2555" t="str">
            <v xml:space="preserve">"Dispatching agencies" allowed for all occupations except port transport services, construction work, security services, medical-related work at hospital etc. </v>
          </cell>
          <cell r="J2555">
            <v>3</v>
          </cell>
          <cell r="M2555">
            <v>1.5</v>
          </cell>
        </row>
        <row r="2556">
          <cell r="A2556" t="str">
            <v>JPNTWA22012</v>
          </cell>
          <cell r="B2556" t="str">
            <v>JPN</v>
          </cell>
          <cell r="C2556" t="str">
            <v>Japan</v>
          </cell>
          <cell r="D2556" t="str">
            <v>Item 14</v>
          </cell>
          <cell r="E2556" t="str">
            <v>TWA2A, TWA2B</v>
          </cell>
          <cell r="F2556" t="str">
            <v>Are there any restrictions on the number of renewals of a TWA contract?</v>
          </cell>
          <cell r="G2556">
            <v>2012</v>
          </cell>
          <cell r="H2556">
            <v>2012</v>
          </cell>
          <cell r="I2556" t="str">
            <v>No restrictions</v>
          </cell>
          <cell r="J2556" t="str">
            <v>No</v>
          </cell>
          <cell r="K2556" t="str">
            <v>No</v>
          </cell>
          <cell r="M2556">
            <v>2</v>
          </cell>
          <cell r="N2556">
            <v>2</v>
          </cell>
        </row>
        <row r="2557">
          <cell r="A2557" t="str">
            <v>JPNTWA32012</v>
          </cell>
          <cell r="B2557" t="str">
            <v>JPN</v>
          </cell>
          <cell r="C2557" t="str">
            <v>Japan</v>
          </cell>
          <cell r="D2557" t="str">
            <v>Item 15</v>
          </cell>
          <cell r="E2557" t="str">
            <v>TWA3A, TWA3B</v>
          </cell>
          <cell r="F2557" t="str">
            <v>Maximum cumulated duration of temporary work contracts</v>
          </cell>
          <cell r="G2557">
            <v>2012</v>
          </cell>
          <cell r="H2557">
            <v>2012</v>
          </cell>
          <cell r="I2557"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57">
            <v>36</v>
          </cell>
          <cell r="K2557">
            <v>36</v>
          </cell>
          <cell r="M2557">
            <v>1</v>
          </cell>
          <cell r="N2557">
            <v>1</v>
          </cell>
        </row>
        <row r="2558">
          <cell r="A2558" t="str">
            <v>JPNTWA42012</v>
          </cell>
          <cell r="B2558" t="str">
            <v>JPN</v>
          </cell>
          <cell r="C2558" t="str">
            <v>Japan</v>
          </cell>
          <cell r="D2558" t="str">
            <v>Item 16</v>
          </cell>
          <cell r="E2558" t="str">
            <v>TWA4</v>
          </cell>
          <cell r="F2558" t="str">
            <v>Authorisation and reporting obligations</v>
          </cell>
          <cell r="G2558">
            <v>2012</v>
          </cell>
          <cell r="H2558">
            <v>2012</v>
          </cell>
          <cell r="I2558" t="str">
            <v>Setting up a TWA requires the permission or notification of the Ministry for Health, Labour and Welfare. After set-up, the TWA is required to report on its operations, etc., once a year.</v>
          </cell>
          <cell r="J2558">
            <v>3</v>
          </cell>
          <cell r="M2558">
            <v>6</v>
          </cell>
        </row>
        <row r="2559">
          <cell r="A2559" t="str">
            <v>JPNTWA52012</v>
          </cell>
          <cell r="B2559" t="str">
            <v>JPN</v>
          </cell>
          <cell r="C2559" t="str">
            <v>Japan</v>
          </cell>
          <cell r="D2559" t="str">
            <v>Item 17</v>
          </cell>
          <cell r="E2559" t="str">
            <v>TWA5</v>
          </cell>
          <cell r="F2559" t="str">
            <v>Equal treatment for TWA workers</v>
          </cell>
          <cell r="G2559">
            <v>2012</v>
          </cell>
          <cell r="H2559">
            <v>2012</v>
          </cell>
          <cell r="I2559"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559">
            <v>0.5</v>
          </cell>
          <cell r="M2559">
            <v>1.5</v>
          </cell>
        </row>
        <row r="2560">
          <cell r="A2560" t="str">
            <v>JPNCD12012</v>
          </cell>
          <cell r="B2560" t="str">
            <v>JPN</v>
          </cell>
          <cell r="C2560" t="str">
            <v>Japan</v>
          </cell>
          <cell r="D2560" t="str">
            <v>Item 18</v>
          </cell>
          <cell r="E2560" t="str">
            <v>CD1</v>
          </cell>
          <cell r="F2560" t="str">
            <v>Definition of collective dismissal</v>
          </cell>
          <cell r="G2560">
            <v>2012</v>
          </cell>
          <cell r="H2560">
            <v>2012</v>
          </cell>
          <cell r="I2560" t="str">
            <v>Firms expecting 30+ workers turnover in one month will have additional notification requirements</v>
          </cell>
          <cell r="J2560">
            <v>2</v>
          </cell>
          <cell r="M2560">
            <v>3</v>
          </cell>
        </row>
        <row r="2561">
          <cell r="A2561" t="str">
            <v>JPNCD22012</v>
          </cell>
          <cell r="B2561" t="str">
            <v>JPN</v>
          </cell>
          <cell r="C2561" t="str">
            <v>Japan</v>
          </cell>
          <cell r="D2561" t="str">
            <v>Item 19</v>
          </cell>
          <cell r="E2561" t="str">
            <v>CD2</v>
          </cell>
          <cell r="F2561" t="str">
            <v>Additional notification requirements in case of collective dismissals</v>
          </cell>
          <cell r="G2561">
            <v>2012</v>
          </cell>
          <cell r="H2561">
            <v>2012</v>
          </cell>
          <cell r="I2561"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61">
            <v>2</v>
          </cell>
          <cell r="M2561">
            <v>6</v>
          </cell>
        </row>
        <row r="2562">
          <cell r="A2562" t="str">
            <v>JPNCD32012</v>
          </cell>
          <cell r="B2562" t="str">
            <v>JPN</v>
          </cell>
          <cell r="C2562" t="str">
            <v>Japan</v>
          </cell>
          <cell r="D2562" t="str">
            <v>Item 20</v>
          </cell>
          <cell r="E2562" t="str">
            <v>CD3</v>
          </cell>
          <cell r="F2562" t="str">
            <v>Additional delays involved in case of collective dismissals</v>
          </cell>
          <cell r="G2562">
            <v>2012</v>
          </cell>
          <cell r="H2562">
            <v>2012</v>
          </cell>
          <cell r="I2562"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62">
            <v>1</v>
          </cell>
          <cell r="M2562">
            <v>1</v>
          </cell>
        </row>
        <row r="2563">
          <cell r="A2563" t="str">
            <v>JPNCD42012</v>
          </cell>
          <cell r="B2563" t="str">
            <v>JPN</v>
          </cell>
          <cell r="C2563" t="str">
            <v>Japan</v>
          </cell>
          <cell r="D2563" t="str">
            <v>Item 21</v>
          </cell>
          <cell r="E2563" t="str">
            <v>CD4</v>
          </cell>
          <cell r="F2563" t="str">
            <v>Other special costs to employers in case of collective dismissals</v>
          </cell>
          <cell r="G2563">
            <v>2012</v>
          </cell>
          <cell r="H2563">
            <v>2012</v>
          </cell>
          <cell r="I2563" t="str">
            <v xml:space="preserve">Firms expecting 30 or more workers’ turn over within one month due to business contraction are obliged to make a re-employment assistance plan and submit it to the public employment service. </v>
          </cell>
          <cell r="J2563">
            <v>1</v>
          </cell>
          <cell r="M2563">
            <v>3</v>
          </cell>
        </row>
        <row r="2564">
          <cell r="A2564" t="str">
            <v>JPNREG12013</v>
          </cell>
          <cell r="B2564" t="str">
            <v>JPN</v>
          </cell>
          <cell r="C2564" t="str">
            <v>Japan</v>
          </cell>
          <cell r="D2564" t="str">
            <v>Item 1</v>
          </cell>
          <cell r="E2564" t="str">
            <v>REG1</v>
          </cell>
          <cell r="F2564" t="str">
            <v>Notification procedures</v>
          </cell>
          <cell r="G2564">
            <v>2013</v>
          </cell>
          <cell r="H2564">
            <v>2013</v>
          </cell>
          <cell r="I2564" t="str">
            <v xml:space="preserve">An employer shall provide at least 30 days advance notice, or pay the average wage for a period of not less than 30 days.
Oral notification is sufficient.
A written statement on the reasons of dismissal must be provided upon request.
</v>
          </cell>
          <cell r="J2564">
            <v>1</v>
          </cell>
          <cell r="M2564">
            <v>2</v>
          </cell>
        </row>
        <row r="2565">
          <cell r="A2565" t="str">
            <v>JPNREG22013</v>
          </cell>
          <cell r="B2565" t="str">
            <v>JPN</v>
          </cell>
          <cell r="C2565" t="str">
            <v>Japan</v>
          </cell>
          <cell r="D2565" t="str">
            <v>Item 2</v>
          </cell>
          <cell r="E2565" t="str">
            <v>REG2</v>
          </cell>
          <cell r="F2565" t="str">
            <v>Delay before notice can start</v>
          </cell>
          <cell r="G2565">
            <v>2013</v>
          </cell>
          <cell r="H2565">
            <v>2013</v>
          </cell>
          <cell r="I2565" t="str">
            <v>There are no prescribed procedures. Written or oral notification is common practice.</v>
          </cell>
          <cell r="J2565">
            <v>1</v>
          </cell>
          <cell r="M2565">
            <v>0</v>
          </cell>
        </row>
        <row r="2566">
          <cell r="A2566" t="str">
            <v>JPNREG32013</v>
          </cell>
          <cell r="B2566" t="str">
            <v>JPN</v>
          </cell>
          <cell r="C2566" t="str">
            <v>Japan</v>
          </cell>
          <cell r="D2566" t="str">
            <v>Item 3</v>
          </cell>
          <cell r="E2566" t="str">
            <v>REG3A, REG3B, REG3C</v>
          </cell>
          <cell r="F2566" t="str">
            <v>Notice / tenure</v>
          </cell>
          <cell r="G2566">
            <v>2013</v>
          </cell>
          <cell r="H2566">
            <v>2013</v>
          </cell>
          <cell r="I2566" t="str">
            <v xml:space="preserve">30 days, regardless of the tenure. </v>
          </cell>
          <cell r="J2566">
            <v>1</v>
          </cell>
          <cell r="K2566">
            <v>1</v>
          </cell>
          <cell r="L2566">
            <v>1</v>
          </cell>
          <cell r="M2566">
            <v>3</v>
          </cell>
          <cell r="N2566">
            <v>2</v>
          </cell>
          <cell r="O2566">
            <v>1</v>
          </cell>
        </row>
        <row r="2567">
          <cell r="A2567" t="str">
            <v>JPNREG42013</v>
          </cell>
          <cell r="B2567" t="str">
            <v>JPN</v>
          </cell>
          <cell r="C2567" t="str">
            <v>Japan</v>
          </cell>
          <cell r="D2567" t="str">
            <v>Item 4</v>
          </cell>
          <cell r="E2567" t="str">
            <v>REG4A, REG4B, REG4C</v>
          </cell>
          <cell r="F2567" t="str">
            <v>Severance pay / tenure</v>
          </cell>
          <cell r="G2567">
            <v>2013</v>
          </cell>
          <cell r="H2567">
            <v>2013</v>
          </cell>
          <cell r="I2567" t="str">
            <v xml:space="preserve">Severance pay is not legally required. </v>
          </cell>
          <cell r="J2567">
            <v>0</v>
          </cell>
          <cell r="K2567">
            <v>0</v>
          </cell>
          <cell r="L2567">
            <v>0</v>
          </cell>
          <cell r="M2567">
            <v>0</v>
          </cell>
          <cell r="N2567">
            <v>0</v>
          </cell>
          <cell r="O2567">
            <v>0</v>
          </cell>
        </row>
        <row r="2568">
          <cell r="A2568" t="str">
            <v>JPNREG52013</v>
          </cell>
          <cell r="B2568" t="str">
            <v>JPN</v>
          </cell>
          <cell r="C2568" t="str">
            <v>Japan</v>
          </cell>
          <cell r="D2568" t="str">
            <v>Item 5</v>
          </cell>
          <cell r="E2568" t="str">
            <v>REG5</v>
          </cell>
          <cell r="F2568" t="str">
            <v>Definition of justified or unfair dismissal</v>
          </cell>
          <cell r="G2568">
            <v>2013</v>
          </cell>
          <cell r="H2568">
            <v>2013</v>
          </cell>
          <cell r="I2568"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68">
            <v>1</v>
          </cell>
          <cell r="M2568">
            <v>2</v>
          </cell>
        </row>
        <row r="2569">
          <cell r="A2569" t="str">
            <v>JPNREG62013</v>
          </cell>
          <cell r="B2569" t="str">
            <v>JPN</v>
          </cell>
          <cell r="C2569" t="str">
            <v>Japan</v>
          </cell>
          <cell r="D2569" t="str">
            <v>Item 6</v>
          </cell>
          <cell r="E2569" t="str">
            <v>REG6</v>
          </cell>
          <cell r="F2569" t="str">
            <v>Trial period</v>
          </cell>
          <cell r="G2569">
            <v>2013</v>
          </cell>
          <cell r="H2569">
            <v>2013</v>
          </cell>
          <cell r="I2569" t="str">
            <v xml:space="preserve">Length of trial period is not legally regulated. (It usually varies from 2 to 6 months. The most common period is 3 months). </v>
          </cell>
          <cell r="J2569">
            <v>3</v>
          </cell>
          <cell r="M2569">
            <v>4</v>
          </cell>
        </row>
        <row r="2570">
          <cell r="A2570" t="str">
            <v>JPNREG72013</v>
          </cell>
          <cell r="B2570" t="str">
            <v>JPN</v>
          </cell>
          <cell r="C2570" t="str">
            <v>Japan</v>
          </cell>
          <cell r="D2570" t="str">
            <v>Item 7</v>
          </cell>
          <cell r="E2570" t="str">
            <v>REG7</v>
          </cell>
          <cell r="F2570" t="str">
            <v xml:space="preserve">Compensation following unfair dismissal </v>
          </cell>
          <cell r="G2570">
            <v>2013</v>
          </cell>
          <cell r="H2570">
            <v>2013</v>
          </cell>
          <cell r="I2570"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70">
            <v>6</v>
          </cell>
          <cell r="M2570">
            <v>1</v>
          </cell>
        </row>
        <row r="2571">
          <cell r="A2571" t="str">
            <v>JPNREG82013</v>
          </cell>
          <cell r="B2571" t="str">
            <v>JPN</v>
          </cell>
          <cell r="C2571" t="str">
            <v>Japan</v>
          </cell>
          <cell r="D2571" t="str">
            <v>Item 8</v>
          </cell>
          <cell r="E2571" t="str">
            <v>REG8</v>
          </cell>
          <cell r="F2571" t="str">
            <v>Possibility of reinstatement following unfair dismissal</v>
          </cell>
          <cell r="G2571">
            <v>2013</v>
          </cell>
          <cell r="H2571">
            <v>2013</v>
          </cell>
          <cell r="I2571"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71">
            <v>1</v>
          </cell>
          <cell r="M2571">
            <v>2</v>
          </cell>
        </row>
        <row r="2572">
          <cell r="A2572" t="str">
            <v>JPNREG92013</v>
          </cell>
          <cell r="B2572" t="str">
            <v>JPN</v>
          </cell>
          <cell r="C2572" t="str">
            <v>Japan</v>
          </cell>
          <cell r="D2572" t="str">
            <v>Item 9</v>
          </cell>
          <cell r="E2572" t="str">
            <v>REG9</v>
          </cell>
          <cell r="F2572" t="str">
            <v>Maximum time for claim</v>
          </cell>
          <cell r="G2572">
            <v>2013</v>
          </cell>
          <cell r="H2572">
            <v>2013</v>
          </cell>
          <cell r="I2572"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72">
            <v>100</v>
          </cell>
          <cell r="M2572">
            <v>6</v>
          </cell>
        </row>
        <row r="2573">
          <cell r="A2573" t="str">
            <v>JPNFTC12013</v>
          </cell>
          <cell r="B2573" t="str">
            <v>JPN</v>
          </cell>
          <cell r="C2573" t="str">
            <v>Japan</v>
          </cell>
          <cell r="D2573" t="str">
            <v>Item 10</v>
          </cell>
          <cell r="E2573" t="str">
            <v>FTC1</v>
          </cell>
          <cell r="F2573" t="str">
            <v>Valid cases for use of fixed-term contracts, other than  “objective”  or “material” situation</v>
          </cell>
          <cell r="G2573">
            <v>2013</v>
          </cell>
          <cell r="H2573">
            <v>2013</v>
          </cell>
          <cell r="I2573" t="str">
            <v>Fixed-term  contracts under 3 year duration widely possible without specifying an objective reason. The contract can be of 5 years for highly skilled employees or those aged 60+.</v>
          </cell>
          <cell r="J2573">
            <v>3</v>
          </cell>
          <cell r="M2573">
            <v>0</v>
          </cell>
        </row>
        <row r="2574">
          <cell r="A2574" t="str">
            <v>JPNFTC22013</v>
          </cell>
          <cell r="B2574" t="str">
            <v>JPN</v>
          </cell>
          <cell r="C2574" t="str">
            <v>Japan</v>
          </cell>
          <cell r="D2574" t="str">
            <v>Item 11</v>
          </cell>
          <cell r="E2574" t="str">
            <v>FTC2</v>
          </cell>
          <cell r="F2574" t="str">
            <v>Maximum number of successive fixed-term contracts</v>
          </cell>
          <cell r="G2574">
            <v>2013</v>
          </cell>
          <cell r="H2574">
            <v>2013</v>
          </cell>
          <cell r="I2574" t="str">
            <v xml:space="preserve">No legal limit specified in terms of the number of renewals; after repeated renewals the employee becomes entitled to expect renewal of his contract and the employer must have just cause to refuse renewal. </v>
          </cell>
          <cell r="J2574">
            <v>98</v>
          </cell>
          <cell r="M2574">
            <v>1</v>
          </cell>
        </row>
        <row r="2575">
          <cell r="A2575" t="str">
            <v>JPNFTC32013</v>
          </cell>
          <cell r="B2575" t="str">
            <v>JPN</v>
          </cell>
          <cell r="C2575" t="str">
            <v>Japan</v>
          </cell>
          <cell r="D2575" t="str">
            <v>Item 12</v>
          </cell>
          <cell r="E2575" t="str">
            <v>FTC3</v>
          </cell>
          <cell r="F2575" t="str">
            <v>Maximum cumulated duration of successive fixed-term contracts</v>
          </cell>
          <cell r="G2575">
            <v>2013</v>
          </cell>
          <cell r="H2575">
            <v>2013</v>
          </cell>
          <cell r="I2575"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75">
            <v>200</v>
          </cell>
          <cell r="M2575">
            <v>0</v>
          </cell>
        </row>
        <row r="2576">
          <cell r="A2576" t="str">
            <v>JPNTWA12013</v>
          </cell>
          <cell r="B2576" t="str">
            <v>JPN</v>
          </cell>
          <cell r="C2576" t="str">
            <v>Japan</v>
          </cell>
          <cell r="D2576" t="str">
            <v>Item 13</v>
          </cell>
          <cell r="E2576" t="str">
            <v>TWA1</v>
          </cell>
          <cell r="F2576" t="str">
            <v>Types of work for which TWA employment is legal</v>
          </cell>
          <cell r="G2576">
            <v>2013</v>
          </cell>
          <cell r="H2576">
            <v>2013</v>
          </cell>
          <cell r="I2576" t="str">
            <v xml:space="preserve">"Dispatching agencies" allowed for all occupations except port transport services, construction work, security services, medical-related work at hospital etc. </v>
          </cell>
          <cell r="J2576">
            <v>3</v>
          </cell>
          <cell r="M2576">
            <v>1.5</v>
          </cell>
        </row>
        <row r="2577">
          <cell r="A2577" t="str">
            <v>JPNTWA22013</v>
          </cell>
          <cell r="B2577" t="str">
            <v>JPN</v>
          </cell>
          <cell r="C2577" t="str">
            <v>Japan</v>
          </cell>
          <cell r="D2577" t="str">
            <v>Item 14</v>
          </cell>
          <cell r="E2577" t="str">
            <v>TWA2A, TWA2B</v>
          </cell>
          <cell r="F2577" t="str">
            <v>Are there any restrictions on the number of renewals of a TWA contract?</v>
          </cell>
          <cell r="G2577">
            <v>2013</v>
          </cell>
          <cell r="H2577">
            <v>2013</v>
          </cell>
          <cell r="I2577" t="str">
            <v>No restrictions</v>
          </cell>
          <cell r="J2577" t="str">
            <v>No</v>
          </cell>
          <cell r="K2577" t="str">
            <v>No</v>
          </cell>
          <cell r="M2577">
            <v>2</v>
          </cell>
          <cell r="N2577">
            <v>2</v>
          </cell>
        </row>
        <row r="2578">
          <cell r="A2578" t="str">
            <v>JPNTWA32013</v>
          </cell>
          <cell r="B2578" t="str">
            <v>JPN</v>
          </cell>
          <cell r="C2578" t="str">
            <v>Japan</v>
          </cell>
          <cell r="D2578" t="str">
            <v>Item 15</v>
          </cell>
          <cell r="E2578" t="str">
            <v>TWA3A, TWA3B</v>
          </cell>
          <cell r="F2578" t="str">
            <v>Maximum cumulated duration of temporary work contracts</v>
          </cell>
          <cell r="G2578">
            <v>2013</v>
          </cell>
          <cell r="H2578">
            <v>2013</v>
          </cell>
          <cell r="I2578"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78">
            <v>36</v>
          </cell>
          <cell r="K2578">
            <v>36</v>
          </cell>
          <cell r="M2578">
            <v>1</v>
          </cell>
          <cell r="N2578">
            <v>1</v>
          </cell>
        </row>
        <row r="2579">
          <cell r="A2579" t="str">
            <v>JPNTWA42013</v>
          </cell>
          <cell r="B2579" t="str">
            <v>JPN</v>
          </cell>
          <cell r="C2579" t="str">
            <v>Japan</v>
          </cell>
          <cell r="D2579" t="str">
            <v>Item 16</v>
          </cell>
          <cell r="E2579" t="str">
            <v>TWA4</v>
          </cell>
          <cell r="F2579" t="str">
            <v>Authorisation and reporting obligations</v>
          </cell>
          <cell r="G2579">
            <v>2013</v>
          </cell>
          <cell r="H2579">
            <v>2013</v>
          </cell>
          <cell r="I2579" t="str">
            <v>Setting up a TWA requires the permission or notification of the Ministry for Health, Labour and Welfare. After set-up, the TWA is required to report on its operations, etc., once a year.</v>
          </cell>
          <cell r="J2579">
            <v>3</v>
          </cell>
          <cell r="M2579">
            <v>6</v>
          </cell>
        </row>
        <row r="2580">
          <cell r="A2580" t="str">
            <v>JPNTWA52013</v>
          </cell>
          <cell r="B2580" t="str">
            <v>JPN</v>
          </cell>
          <cell r="C2580" t="str">
            <v>Japan</v>
          </cell>
          <cell r="D2580" t="str">
            <v>Item 17</v>
          </cell>
          <cell r="E2580" t="str">
            <v>TWA5</v>
          </cell>
          <cell r="F2580" t="str">
            <v>Equal treatment for TWA workers</v>
          </cell>
          <cell r="G2580">
            <v>2013</v>
          </cell>
          <cell r="H2580">
            <v>2013</v>
          </cell>
          <cell r="I2580" t="str">
            <v>The Revised Worker Dispatching Act, stipulates that dispatching business operators shall consider balance with workers directly hired by clients and engaged in the same type of work in regards to wages, education and training, welfare programs, etc., and that clients shall make efforts to provide necessary information upon requests by dispatching business operators.</v>
          </cell>
          <cell r="J2580">
            <v>0.5</v>
          </cell>
          <cell r="M2580">
            <v>1.5</v>
          </cell>
          <cell r="P2580" t="str">
            <v>1st October 2012</v>
          </cell>
        </row>
        <row r="2581">
          <cell r="A2581" t="str">
            <v>JPNCD12013</v>
          </cell>
          <cell r="B2581" t="str">
            <v>JPN</v>
          </cell>
          <cell r="C2581" t="str">
            <v>Japan</v>
          </cell>
          <cell r="D2581" t="str">
            <v>Item 18</v>
          </cell>
          <cell r="E2581" t="str">
            <v>CD1</v>
          </cell>
          <cell r="F2581" t="str">
            <v>Definition of collective dismissal</v>
          </cell>
          <cell r="G2581">
            <v>2013</v>
          </cell>
          <cell r="H2581">
            <v>2013</v>
          </cell>
          <cell r="I2581" t="str">
            <v>Firms expecting 30+ workers turnover in one month will have additional notification requirements</v>
          </cell>
          <cell r="J2581">
            <v>2</v>
          </cell>
          <cell r="M2581">
            <v>3</v>
          </cell>
        </row>
        <row r="2582">
          <cell r="A2582" t="str">
            <v>JPNCD22013</v>
          </cell>
          <cell r="B2582" t="str">
            <v>JPN</v>
          </cell>
          <cell r="C2582" t="str">
            <v>Japan</v>
          </cell>
          <cell r="D2582" t="str">
            <v>Item 19</v>
          </cell>
          <cell r="E2582" t="str">
            <v>CD2</v>
          </cell>
          <cell r="F2582" t="str">
            <v>Additional notification requirements in case of collective dismissals</v>
          </cell>
          <cell r="G2582">
            <v>2013</v>
          </cell>
          <cell r="H2582">
            <v>2013</v>
          </cell>
          <cell r="I2582"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82">
            <v>2</v>
          </cell>
          <cell r="M2582">
            <v>6</v>
          </cell>
        </row>
        <row r="2583">
          <cell r="A2583" t="str">
            <v>JPNCD32013</v>
          </cell>
          <cell r="B2583" t="str">
            <v>JPN</v>
          </cell>
          <cell r="C2583" t="str">
            <v>Japan</v>
          </cell>
          <cell r="D2583" t="str">
            <v>Item 20</v>
          </cell>
          <cell r="E2583" t="str">
            <v>CD3</v>
          </cell>
          <cell r="F2583" t="str">
            <v>Additional delays involved in case of collective dismissals</v>
          </cell>
          <cell r="G2583">
            <v>2013</v>
          </cell>
          <cell r="H2583">
            <v>2013</v>
          </cell>
          <cell r="I2583"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83">
            <v>1</v>
          </cell>
          <cell r="M2583">
            <v>1</v>
          </cell>
        </row>
        <row r="2584">
          <cell r="A2584" t="str">
            <v>JPNCD42013</v>
          </cell>
          <cell r="B2584" t="str">
            <v>JPN</v>
          </cell>
          <cell r="C2584" t="str">
            <v>Japan</v>
          </cell>
          <cell r="D2584" t="str">
            <v>Item 21</v>
          </cell>
          <cell r="E2584" t="str">
            <v>CD4</v>
          </cell>
          <cell r="F2584" t="str">
            <v>Other special costs to employers in case of collective dismissals</v>
          </cell>
          <cell r="G2584">
            <v>2013</v>
          </cell>
          <cell r="H2584">
            <v>2013</v>
          </cell>
          <cell r="I2584" t="str">
            <v xml:space="preserve">Firms expecting 30 or more workers’ turn over within one month due to business contraction are obliged to make a re-employment assistance plan and submit it to the public employment service. </v>
          </cell>
          <cell r="J2584">
            <v>1</v>
          </cell>
          <cell r="M2584">
            <v>3</v>
          </cell>
        </row>
        <row r="2585">
          <cell r="A2585" t="str">
            <v>POLREG12012</v>
          </cell>
          <cell r="B2585" t="str">
            <v>POL</v>
          </cell>
          <cell r="C2585" t="str">
            <v>Poland</v>
          </cell>
          <cell r="D2585" t="str">
            <v>Item 1</v>
          </cell>
          <cell r="E2585" t="str">
            <v>REG1</v>
          </cell>
          <cell r="F2585" t="str">
            <v>Notification procedures</v>
          </cell>
          <cell r="G2585">
            <v>2012</v>
          </cell>
          <cell r="H2585">
            <v>2012</v>
          </cell>
          <cell r="I2585"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585">
            <v>2</v>
          </cell>
          <cell r="M2585">
            <v>4</v>
          </cell>
        </row>
        <row r="2586">
          <cell r="A2586" t="str">
            <v>POLREG22012</v>
          </cell>
          <cell r="B2586" t="str">
            <v>POL</v>
          </cell>
          <cell r="C2586" t="str">
            <v>Poland</v>
          </cell>
          <cell r="D2586" t="str">
            <v>Item 2</v>
          </cell>
          <cell r="E2586" t="str">
            <v>REG2</v>
          </cell>
          <cell r="F2586" t="str">
            <v>Delay before notice can start</v>
          </cell>
          <cell r="G2586">
            <v>2012</v>
          </cell>
          <cell r="H2586">
            <v>2012</v>
          </cell>
          <cell r="I2586"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586">
            <v>10</v>
          </cell>
          <cell r="M2586">
            <v>2</v>
          </cell>
        </row>
        <row r="2587">
          <cell r="A2587" t="str">
            <v>POLREG32012</v>
          </cell>
          <cell r="B2587" t="str">
            <v>POL</v>
          </cell>
          <cell r="C2587" t="str">
            <v>Poland</v>
          </cell>
          <cell r="D2587" t="str">
            <v>Item 3</v>
          </cell>
          <cell r="E2587" t="str">
            <v>REG3A, REG3B, REG3C</v>
          </cell>
          <cell r="F2587" t="str">
            <v>Notice / tenure</v>
          </cell>
          <cell r="G2587">
            <v>2012</v>
          </cell>
          <cell r="H2587">
            <v>2012</v>
          </cell>
          <cell r="I2587" t="str">
            <v xml:space="preserve">All workers on open-ended contract: 2w&lt;6m, 1m&gt;6m, 3m&gt;3y. 2w for school leavers in first job. 
9 months tenure: 1 month, 4 years tenure: 3 months, 20 years tenure: 3 months.
</v>
          </cell>
          <cell r="J2587">
            <v>1</v>
          </cell>
          <cell r="K2587">
            <v>3</v>
          </cell>
          <cell r="L2587">
            <v>3</v>
          </cell>
          <cell r="M2587">
            <v>3</v>
          </cell>
          <cell r="N2587">
            <v>5</v>
          </cell>
          <cell r="O2587">
            <v>2</v>
          </cell>
        </row>
        <row r="2588">
          <cell r="A2588" t="str">
            <v>POLREG42012</v>
          </cell>
          <cell r="B2588" t="str">
            <v>POL</v>
          </cell>
          <cell r="C2588" t="str">
            <v>Poland</v>
          </cell>
          <cell r="D2588" t="str">
            <v>Item 4</v>
          </cell>
          <cell r="E2588" t="str">
            <v>REG4A, REG4B, REG4C</v>
          </cell>
          <cell r="F2588" t="str">
            <v>Severance pay / tenure</v>
          </cell>
          <cell r="G2588">
            <v>2012</v>
          </cell>
          <cell r="H2588">
            <v>2012</v>
          </cell>
          <cell r="I2588"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588">
            <v>0.5</v>
          </cell>
          <cell r="K2588">
            <v>1</v>
          </cell>
          <cell r="L2588">
            <v>1.5</v>
          </cell>
          <cell r="M2588">
            <v>1</v>
          </cell>
          <cell r="N2588">
            <v>2</v>
          </cell>
          <cell r="O2588">
            <v>1</v>
          </cell>
        </row>
        <row r="2589">
          <cell r="A2589" t="str">
            <v>POLREG52012</v>
          </cell>
          <cell r="B2589" t="str">
            <v>POL</v>
          </cell>
          <cell r="C2589" t="str">
            <v>Poland</v>
          </cell>
          <cell r="D2589" t="str">
            <v>Item 5</v>
          </cell>
          <cell r="E2589" t="str">
            <v>REG5</v>
          </cell>
          <cell r="F2589" t="str">
            <v>Definition of justified or unfair dismissal</v>
          </cell>
          <cell r="G2589">
            <v>2012</v>
          </cell>
          <cell r="H2589">
            <v>2012</v>
          </cell>
          <cell r="I2589"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589">
            <v>0</v>
          </cell>
          <cell r="M2589">
            <v>0</v>
          </cell>
        </row>
        <row r="2590">
          <cell r="A2590" t="str">
            <v>POLREG62012</v>
          </cell>
          <cell r="B2590" t="str">
            <v>POL</v>
          </cell>
          <cell r="C2590" t="str">
            <v>Poland</v>
          </cell>
          <cell r="D2590" t="str">
            <v>Item 6</v>
          </cell>
          <cell r="E2590" t="str">
            <v>REG6</v>
          </cell>
          <cell r="F2590" t="str">
            <v>Trial period</v>
          </cell>
          <cell r="G2590">
            <v>2012</v>
          </cell>
          <cell r="H2590">
            <v>2012</v>
          </cell>
          <cell r="I2590" t="str">
            <v xml:space="preserve">All workers:  There is a special type of contract: a contract for a trial period of no more than three months, which may precede any other contract. </v>
          </cell>
          <cell r="J2590">
            <v>3</v>
          </cell>
          <cell r="M2590">
            <v>4</v>
          </cell>
        </row>
        <row r="2591">
          <cell r="A2591" t="str">
            <v>POLREG72012</v>
          </cell>
          <cell r="B2591" t="str">
            <v>POL</v>
          </cell>
          <cell r="C2591" t="str">
            <v>Poland</v>
          </cell>
          <cell r="D2591" t="str">
            <v>Item 7</v>
          </cell>
          <cell r="E2591" t="str">
            <v>REG7</v>
          </cell>
          <cell r="F2591" t="str">
            <v xml:space="preserve">Compensation following unfair dismissal </v>
          </cell>
          <cell r="G2591">
            <v>2012</v>
          </cell>
          <cell r="H2591">
            <v>2012</v>
          </cell>
          <cell r="I2591" t="str">
            <v xml:space="preserve">Compensation of up to 3 months depending on amount of salary earned in another job by the time of court decision.. Typical compensation at 20 years tenure (all workers): 3 months. </v>
          </cell>
          <cell r="J2591">
            <v>3</v>
          </cell>
          <cell r="M2591">
            <v>0</v>
          </cell>
        </row>
        <row r="2592">
          <cell r="A2592" t="str">
            <v>POLREG82012</v>
          </cell>
          <cell r="B2592" t="str">
            <v>POL</v>
          </cell>
          <cell r="C2592" t="str">
            <v>Poland</v>
          </cell>
          <cell r="D2592" t="str">
            <v>Item 8</v>
          </cell>
          <cell r="E2592" t="str">
            <v>REG8</v>
          </cell>
          <cell r="F2592" t="str">
            <v>Possibility of reinstatement following unfair dismissal</v>
          </cell>
          <cell r="G2592">
            <v>2012</v>
          </cell>
          <cell r="H2592">
            <v>2012</v>
          </cell>
          <cell r="I2592" t="str">
            <v>Reinstatement is possible (dismissal with notice as well as without notice), but not often made available by the court.</v>
          </cell>
          <cell r="J2592">
            <v>1</v>
          </cell>
          <cell r="M2592">
            <v>2</v>
          </cell>
        </row>
        <row r="2593">
          <cell r="A2593" t="str">
            <v>POLREG92012</v>
          </cell>
          <cell r="B2593" t="str">
            <v>POL</v>
          </cell>
          <cell r="C2593" t="str">
            <v>Poland</v>
          </cell>
          <cell r="D2593" t="str">
            <v>Item 9</v>
          </cell>
          <cell r="E2593" t="str">
            <v>REG9</v>
          </cell>
          <cell r="F2593" t="str">
            <v>Maximum time for claim</v>
          </cell>
          <cell r="G2593">
            <v>2012</v>
          </cell>
          <cell r="H2593">
            <v>2012</v>
          </cell>
          <cell r="I2593"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593">
            <v>0.5</v>
          </cell>
          <cell r="M2593">
            <v>1</v>
          </cell>
        </row>
        <row r="2594">
          <cell r="A2594" t="str">
            <v>POLFTC12012</v>
          </cell>
          <cell r="B2594" t="str">
            <v>POL</v>
          </cell>
          <cell r="C2594" t="str">
            <v>Poland</v>
          </cell>
          <cell r="D2594" t="str">
            <v>Item 10</v>
          </cell>
          <cell r="E2594" t="str">
            <v>FTC1</v>
          </cell>
          <cell r="F2594" t="str">
            <v>Valid cases for use of fixed-term contracts, other than  “objective”  or “material” situation</v>
          </cell>
          <cell r="G2594">
            <v>2012</v>
          </cell>
          <cell r="H2594">
            <v>2012</v>
          </cell>
          <cell r="I2594" t="str">
            <v>No restrictions on standard fixed-term contracts.</v>
          </cell>
          <cell r="J2594">
            <v>3</v>
          </cell>
          <cell r="M2594">
            <v>0</v>
          </cell>
        </row>
        <row r="2595">
          <cell r="A2595" t="str">
            <v>POLFTC22012</v>
          </cell>
          <cell r="B2595" t="str">
            <v>POL</v>
          </cell>
          <cell r="C2595" t="str">
            <v>Poland</v>
          </cell>
          <cell r="D2595" t="str">
            <v>Item 11</v>
          </cell>
          <cell r="E2595" t="str">
            <v>FTC2</v>
          </cell>
          <cell r="F2595" t="str">
            <v>Maximum number of successive fixed-term contracts</v>
          </cell>
          <cell r="G2595">
            <v>2012</v>
          </cell>
          <cell r="H2595">
            <v>2012</v>
          </cell>
          <cell r="I2595" t="str">
            <v xml:space="preserve">2 successive fixed-term contracts allowed.
</v>
          </cell>
          <cell r="J2595">
            <v>2</v>
          </cell>
          <cell r="M2595">
            <v>4</v>
          </cell>
        </row>
        <row r="2596">
          <cell r="A2596" t="str">
            <v>POLFTC32012</v>
          </cell>
          <cell r="B2596" t="str">
            <v>POL</v>
          </cell>
          <cell r="C2596" t="str">
            <v>Poland</v>
          </cell>
          <cell r="D2596" t="str">
            <v>Item 12</v>
          </cell>
          <cell r="E2596" t="str">
            <v>FTC3</v>
          </cell>
          <cell r="F2596" t="str">
            <v>Maximum cumulated duration of successive fixed-term contracts</v>
          </cell>
          <cell r="G2596">
            <v>2012</v>
          </cell>
          <cell r="H2596">
            <v>2012</v>
          </cell>
          <cell r="I2596" t="str">
            <v>No limit specified.</v>
          </cell>
          <cell r="J2596">
            <v>200</v>
          </cell>
          <cell r="M2596">
            <v>0</v>
          </cell>
        </row>
        <row r="2597">
          <cell r="A2597" t="str">
            <v>POLTWA12012</v>
          </cell>
          <cell r="B2597" t="str">
            <v>POL</v>
          </cell>
          <cell r="C2597" t="str">
            <v>Poland</v>
          </cell>
          <cell r="D2597" t="str">
            <v>Item 13</v>
          </cell>
          <cell r="E2597" t="str">
            <v>TWA1</v>
          </cell>
          <cell r="F2597" t="str">
            <v>Types of work for which TWA employment is legal</v>
          </cell>
          <cell r="G2597">
            <v>2012</v>
          </cell>
          <cell r="H2597">
            <v>2012</v>
          </cell>
          <cell r="I2597"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597">
            <v>2</v>
          </cell>
          <cell r="M2597">
            <v>3</v>
          </cell>
        </row>
        <row r="2598">
          <cell r="A2598" t="str">
            <v>POLTWA22012</v>
          </cell>
          <cell r="B2598" t="str">
            <v>POL</v>
          </cell>
          <cell r="C2598" t="str">
            <v>Poland</v>
          </cell>
          <cell r="D2598" t="str">
            <v>Item 14</v>
          </cell>
          <cell r="E2598" t="str">
            <v>TWA2A, TWA2B</v>
          </cell>
          <cell r="F2598" t="str">
            <v>Are there any restrictions on the number of renewals of a TWA contract?</v>
          </cell>
          <cell r="G2598">
            <v>2012</v>
          </cell>
          <cell r="H2598">
            <v>2012</v>
          </cell>
          <cell r="I2598" t="str">
            <v>No</v>
          </cell>
          <cell r="J2598" t="str">
            <v>No</v>
          </cell>
          <cell r="K2598" t="str">
            <v>No</v>
          </cell>
          <cell r="M2598">
            <v>2</v>
          </cell>
          <cell r="N2598">
            <v>2</v>
          </cell>
        </row>
        <row r="2599">
          <cell r="A2599" t="str">
            <v>POLTWA32012</v>
          </cell>
          <cell r="B2599" t="str">
            <v>POL</v>
          </cell>
          <cell r="C2599" t="str">
            <v>Poland</v>
          </cell>
          <cell r="D2599" t="str">
            <v>Item 15</v>
          </cell>
          <cell r="E2599" t="str">
            <v>TWA3A, TWA3B</v>
          </cell>
          <cell r="F2599" t="str">
            <v>Maximum cumulated duration of temporary work contracts</v>
          </cell>
          <cell r="G2599">
            <v>2012</v>
          </cell>
          <cell r="H2599">
            <v>2012</v>
          </cell>
          <cell r="I2599"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599">
            <v>27</v>
          </cell>
          <cell r="K2599">
            <v>100</v>
          </cell>
          <cell r="M2599">
            <v>2</v>
          </cell>
          <cell r="N2599">
            <v>0</v>
          </cell>
          <cell r="P2599">
            <v>40202</v>
          </cell>
        </row>
        <row r="2600">
          <cell r="A2600" t="str">
            <v>POLTWA42012</v>
          </cell>
          <cell r="B2600" t="str">
            <v>POL</v>
          </cell>
          <cell r="C2600" t="str">
            <v>Poland</v>
          </cell>
          <cell r="D2600" t="str">
            <v>Item 16</v>
          </cell>
          <cell r="E2600" t="str">
            <v>TWA4</v>
          </cell>
          <cell r="F2600" t="str">
            <v>Authorisation and reporting obligations</v>
          </cell>
          <cell r="G2600">
            <v>2012</v>
          </cell>
          <cell r="H2600">
            <v>2012</v>
          </cell>
          <cell r="I2600" t="str">
            <v>The set up of TWA in Poland requires special administrative authorisation and entails periodic reporting obligations.</v>
          </cell>
          <cell r="J2600">
            <v>3</v>
          </cell>
          <cell r="M2600">
            <v>6</v>
          </cell>
        </row>
        <row r="2601">
          <cell r="A2601" t="str">
            <v>POLTWA52012</v>
          </cell>
          <cell r="B2601" t="str">
            <v>POL</v>
          </cell>
          <cell r="C2601" t="str">
            <v>Poland</v>
          </cell>
          <cell r="D2601" t="str">
            <v>Item 17</v>
          </cell>
          <cell r="E2601" t="str">
            <v>TWA5</v>
          </cell>
          <cell r="F2601" t="str">
            <v>Equal treatment for TWA workers</v>
          </cell>
          <cell r="G2601">
            <v>2012</v>
          </cell>
          <cell r="H2601">
            <v>2012</v>
          </cell>
          <cell r="I2601"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01">
            <v>2</v>
          </cell>
          <cell r="M2601">
            <v>6</v>
          </cell>
        </row>
        <row r="2602">
          <cell r="A2602" t="str">
            <v>POLCD12012</v>
          </cell>
          <cell r="B2602" t="str">
            <v>POL</v>
          </cell>
          <cell r="C2602" t="str">
            <v>Poland</v>
          </cell>
          <cell r="D2602" t="str">
            <v>Item 18</v>
          </cell>
          <cell r="E2602" t="str">
            <v>CD1</v>
          </cell>
          <cell r="F2602" t="str">
            <v>Definition of collective dismissal</v>
          </cell>
          <cell r="G2602">
            <v>2012</v>
          </cell>
          <cell r="H2602">
            <v>2012</v>
          </cell>
          <cell r="I2602" t="str">
            <v xml:space="preserve">10 workers in firms 20-99. 10% in firms &lt;300. 30 workers in firms with 300 or more workers  </v>
          </cell>
          <cell r="J2602">
            <v>3</v>
          </cell>
          <cell r="M2602">
            <v>4.5</v>
          </cell>
        </row>
        <row r="2603">
          <cell r="A2603" t="str">
            <v>POLCD22012</v>
          </cell>
          <cell r="B2603" t="str">
            <v>POL</v>
          </cell>
          <cell r="C2603" t="str">
            <v>Poland</v>
          </cell>
          <cell r="D2603" t="str">
            <v>Item 19</v>
          </cell>
          <cell r="E2603" t="str">
            <v>CD2</v>
          </cell>
          <cell r="F2603" t="str">
            <v>Additional notification requirements in case of collective dismissals</v>
          </cell>
          <cell r="G2603">
            <v>2012</v>
          </cell>
          <cell r="H2603">
            <v>2012</v>
          </cell>
          <cell r="I2603" t="str">
            <v>Notification of employee representatives: Duty to inform competent trade unions. Notification of public authorities: Notification of local employment office.</v>
          </cell>
          <cell r="J2603">
            <v>1</v>
          </cell>
          <cell r="M2603">
            <v>3</v>
          </cell>
        </row>
        <row r="2604">
          <cell r="A2604" t="str">
            <v>POLCD32012</v>
          </cell>
          <cell r="B2604" t="str">
            <v>POL</v>
          </cell>
          <cell r="C2604" t="str">
            <v>Poland</v>
          </cell>
          <cell r="D2604" t="str">
            <v>Item 20</v>
          </cell>
          <cell r="E2604" t="str">
            <v>CD3</v>
          </cell>
          <cell r="F2604" t="str">
            <v>Additional delays involved in case of collective dismissals</v>
          </cell>
          <cell r="G2604">
            <v>2012</v>
          </cell>
          <cell r="H2604">
            <v>2012</v>
          </cell>
          <cell r="I2604" t="str">
            <v>Information to trade union 20 days before implementation and notification to PES before start of notice period.
Calculation: 20 days - 10 days for individual dismissals</v>
          </cell>
          <cell r="J2604">
            <v>10</v>
          </cell>
          <cell r="M2604">
            <v>1</v>
          </cell>
        </row>
        <row r="2605">
          <cell r="A2605" t="str">
            <v>POLCD42012</v>
          </cell>
          <cell r="B2605" t="str">
            <v>POL</v>
          </cell>
          <cell r="C2605" t="str">
            <v>Poland</v>
          </cell>
          <cell r="D2605" t="str">
            <v>Item 21</v>
          </cell>
          <cell r="E2605" t="str">
            <v>CD4</v>
          </cell>
          <cell r="F2605" t="str">
            <v>Other special costs to employers in case of collective dismissals</v>
          </cell>
          <cell r="G2605">
            <v>2012</v>
          </cell>
          <cell r="H2605">
            <v>2012</v>
          </cell>
          <cell r="I2605"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05">
            <v>1</v>
          </cell>
          <cell r="M2605">
            <v>3</v>
          </cell>
        </row>
        <row r="2606">
          <cell r="A2606" t="str">
            <v>POLREG12013</v>
          </cell>
          <cell r="B2606" t="str">
            <v>POL</v>
          </cell>
          <cell r="C2606" t="str">
            <v>Poland</v>
          </cell>
          <cell r="D2606" t="str">
            <v>Item 1</v>
          </cell>
          <cell r="E2606" t="str">
            <v>REG1</v>
          </cell>
          <cell r="F2606" t="str">
            <v>Notification procedures</v>
          </cell>
          <cell r="G2606">
            <v>2013</v>
          </cell>
          <cell r="H2606">
            <v>2013</v>
          </cell>
          <cell r="I2606"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606">
            <v>2</v>
          </cell>
          <cell r="M2606">
            <v>4</v>
          </cell>
        </row>
        <row r="2607">
          <cell r="A2607" t="str">
            <v>POLREG22013</v>
          </cell>
          <cell r="B2607" t="str">
            <v>POL</v>
          </cell>
          <cell r="C2607" t="str">
            <v>Poland</v>
          </cell>
          <cell r="D2607" t="str">
            <v>Item 2</v>
          </cell>
          <cell r="E2607" t="str">
            <v>REG2</v>
          </cell>
          <cell r="F2607" t="str">
            <v>Delay before notice can start</v>
          </cell>
          <cell r="G2607">
            <v>2013</v>
          </cell>
          <cell r="H2607">
            <v>2013</v>
          </cell>
          <cell r="I2607"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607">
            <v>10</v>
          </cell>
          <cell r="M2607">
            <v>2</v>
          </cell>
        </row>
        <row r="2608">
          <cell r="A2608" t="str">
            <v>POLREG32013</v>
          </cell>
          <cell r="B2608" t="str">
            <v>POL</v>
          </cell>
          <cell r="C2608" t="str">
            <v>Poland</v>
          </cell>
          <cell r="D2608" t="str">
            <v>Item 3</v>
          </cell>
          <cell r="E2608" t="str">
            <v>REG3A, REG3B, REG3C</v>
          </cell>
          <cell r="F2608" t="str">
            <v>Notice / tenure</v>
          </cell>
          <cell r="G2608">
            <v>2013</v>
          </cell>
          <cell r="H2608">
            <v>2013</v>
          </cell>
          <cell r="I2608" t="str">
            <v xml:space="preserve">All workers on open-ended contract: 2w&lt;6m, 1m&gt;6m, 3m&gt;3y. 2w for school leavers in first job. 
9 months tenure: 1 month, 4 years tenure: 3 months, 20 years tenure: 3 months.
</v>
          </cell>
          <cell r="J2608">
            <v>1</v>
          </cell>
          <cell r="K2608">
            <v>3</v>
          </cell>
          <cell r="L2608">
            <v>3</v>
          </cell>
          <cell r="M2608">
            <v>3</v>
          </cell>
          <cell r="N2608">
            <v>5</v>
          </cell>
          <cell r="O2608">
            <v>2</v>
          </cell>
        </row>
        <row r="2609">
          <cell r="A2609" t="str">
            <v>POLREG42013</v>
          </cell>
          <cell r="B2609" t="str">
            <v>POL</v>
          </cell>
          <cell r="C2609" t="str">
            <v>Poland</v>
          </cell>
          <cell r="D2609" t="str">
            <v>Item 4</v>
          </cell>
          <cell r="E2609" t="str">
            <v>REG4A, REG4B, REG4C</v>
          </cell>
          <cell r="F2609" t="str">
            <v>Severance pay / tenure</v>
          </cell>
          <cell r="G2609">
            <v>2013</v>
          </cell>
          <cell r="H2609">
            <v>2013</v>
          </cell>
          <cell r="I2609"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609">
            <v>0.5</v>
          </cell>
          <cell r="K2609">
            <v>1</v>
          </cell>
          <cell r="L2609">
            <v>1.5</v>
          </cell>
          <cell r="M2609">
            <v>1</v>
          </cell>
          <cell r="N2609">
            <v>2</v>
          </cell>
          <cell r="O2609">
            <v>1</v>
          </cell>
        </row>
        <row r="2610">
          <cell r="A2610" t="str">
            <v>POLREG52013</v>
          </cell>
          <cell r="B2610" t="str">
            <v>POL</v>
          </cell>
          <cell r="C2610" t="str">
            <v>Poland</v>
          </cell>
          <cell r="D2610" t="str">
            <v>Item 5</v>
          </cell>
          <cell r="E2610" t="str">
            <v>REG5</v>
          </cell>
          <cell r="F2610" t="str">
            <v>Definition of justified or unfair dismissal</v>
          </cell>
          <cell r="G2610">
            <v>2013</v>
          </cell>
          <cell r="H2610">
            <v>2013</v>
          </cell>
          <cell r="I2610"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610">
            <v>0</v>
          </cell>
          <cell r="M2610">
            <v>0</v>
          </cell>
        </row>
        <row r="2611">
          <cell r="A2611" t="str">
            <v>POLREG62013</v>
          </cell>
          <cell r="B2611" t="str">
            <v>POL</v>
          </cell>
          <cell r="C2611" t="str">
            <v>Poland</v>
          </cell>
          <cell r="D2611" t="str">
            <v>Item 6</v>
          </cell>
          <cell r="E2611" t="str">
            <v>REG6</v>
          </cell>
          <cell r="F2611" t="str">
            <v>Trial period</v>
          </cell>
          <cell r="G2611">
            <v>2013</v>
          </cell>
          <cell r="H2611">
            <v>2013</v>
          </cell>
          <cell r="I2611" t="str">
            <v xml:space="preserve">All workers:  There is a special type of contract: a contract for a trial period of no more than three months, which may precede any other contract. </v>
          </cell>
          <cell r="J2611">
            <v>3</v>
          </cell>
          <cell r="M2611">
            <v>4</v>
          </cell>
        </row>
        <row r="2612">
          <cell r="A2612" t="str">
            <v>POLREG72013</v>
          </cell>
          <cell r="B2612" t="str">
            <v>POL</v>
          </cell>
          <cell r="C2612" t="str">
            <v>Poland</v>
          </cell>
          <cell r="D2612" t="str">
            <v>Item 7</v>
          </cell>
          <cell r="E2612" t="str">
            <v>REG7</v>
          </cell>
          <cell r="F2612" t="str">
            <v xml:space="preserve">Compensation following unfair dismissal </v>
          </cell>
          <cell r="G2612">
            <v>2013</v>
          </cell>
          <cell r="H2612">
            <v>2013</v>
          </cell>
          <cell r="I2612" t="str">
            <v xml:space="preserve">Compensation of up to 3 months depending on amount of salary earned in another job by the time of court decision.. Typical compensation at 20 years tenure (all workers): 3 months. </v>
          </cell>
          <cell r="J2612">
            <v>3</v>
          </cell>
          <cell r="M2612">
            <v>0</v>
          </cell>
        </row>
        <row r="2613">
          <cell r="A2613" t="str">
            <v>POLREG82013</v>
          </cell>
          <cell r="B2613" t="str">
            <v>POL</v>
          </cell>
          <cell r="C2613" t="str">
            <v>Poland</v>
          </cell>
          <cell r="D2613" t="str">
            <v>Item 8</v>
          </cell>
          <cell r="E2613" t="str">
            <v>REG8</v>
          </cell>
          <cell r="F2613" t="str">
            <v>Possibility of reinstatement following unfair dismissal</v>
          </cell>
          <cell r="G2613">
            <v>2013</v>
          </cell>
          <cell r="H2613">
            <v>2013</v>
          </cell>
          <cell r="I2613" t="str">
            <v>Reinstatement is possible (dismissal with notice as well as without notice), but not often made available by the court.</v>
          </cell>
          <cell r="J2613">
            <v>1</v>
          </cell>
          <cell r="M2613">
            <v>2</v>
          </cell>
        </row>
        <row r="2614">
          <cell r="A2614" t="str">
            <v>POLREG92013</v>
          </cell>
          <cell r="B2614" t="str">
            <v>POL</v>
          </cell>
          <cell r="C2614" t="str">
            <v>Poland</v>
          </cell>
          <cell r="D2614" t="str">
            <v>Item 9</v>
          </cell>
          <cell r="E2614" t="str">
            <v>REG9</v>
          </cell>
          <cell r="F2614" t="str">
            <v>Maximum time for claim</v>
          </cell>
          <cell r="G2614">
            <v>2013</v>
          </cell>
          <cell r="H2614">
            <v>2013</v>
          </cell>
          <cell r="I2614"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614">
            <v>0.5</v>
          </cell>
          <cell r="M2614">
            <v>1</v>
          </cell>
        </row>
        <row r="2615">
          <cell r="A2615" t="str">
            <v>POLFTC12013</v>
          </cell>
          <cell r="B2615" t="str">
            <v>POL</v>
          </cell>
          <cell r="C2615" t="str">
            <v>Poland</v>
          </cell>
          <cell r="D2615" t="str">
            <v>Item 10</v>
          </cell>
          <cell r="E2615" t="str">
            <v>FTC1</v>
          </cell>
          <cell r="F2615" t="str">
            <v>Valid cases for use of fixed-term contracts, other than  “objective”  or “material” situation</v>
          </cell>
          <cell r="G2615">
            <v>2013</v>
          </cell>
          <cell r="H2615">
            <v>2013</v>
          </cell>
          <cell r="I2615" t="str">
            <v>No restrictions on standard fixed-term contracts.</v>
          </cell>
          <cell r="J2615">
            <v>3</v>
          </cell>
          <cell r="M2615">
            <v>0</v>
          </cell>
        </row>
        <row r="2616">
          <cell r="A2616" t="str">
            <v>POLFTC22013</v>
          </cell>
          <cell r="B2616" t="str">
            <v>POL</v>
          </cell>
          <cell r="C2616" t="str">
            <v>Poland</v>
          </cell>
          <cell r="D2616" t="str">
            <v>Item 11</v>
          </cell>
          <cell r="E2616" t="str">
            <v>FTC2</v>
          </cell>
          <cell r="F2616" t="str">
            <v>Maximum number of successive fixed-term contracts</v>
          </cell>
          <cell r="G2616">
            <v>2013</v>
          </cell>
          <cell r="H2616">
            <v>2013</v>
          </cell>
          <cell r="I2616" t="str">
            <v xml:space="preserve">2 successive fixed-term contracts allowed.
</v>
          </cell>
          <cell r="J2616">
            <v>2</v>
          </cell>
          <cell r="M2616">
            <v>4</v>
          </cell>
        </row>
        <row r="2617">
          <cell r="A2617" t="str">
            <v>POLFTC32013</v>
          </cell>
          <cell r="B2617" t="str">
            <v>POL</v>
          </cell>
          <cell r="C2617" t="str">
            <v>Poland</v>
          </cell>
          <cell r="D2617" t="str">
            <v>Item 12</v>
          </cell>
          <cell r="E2617" t="str">
            <v>FTC3</v>
          </cell>
          <cell r="F2617" t="str">
            <v>Maximum cumulated duration of successive fixed-term contracts</v>
          </cell>
          <cell r="G2617">
            <v>2013</v>
          </cell>
          <cell r="H2617">
            <v>2013</v>
          </cell>
          <cell r="I2617" t="str">
            <v>No limit specified.</v>
          </cell>
          <cell r="J2617">
            <v>200</v>
          </cell>
          <cell r="M2617">
            <v>0</v>
          </cell>
        </row>
        <row r="2618">
          <cell r="A2618" t="str">
            <v>POLTWA12013</v>
          </cell>
          <cell r="B2618" t="str">
            <v>POL</v>
          </cell>
          <cell r="C2618" t="str">
            <v>Poland</v>
          </cell>
          <cell r="D2618" t="str">
            <v>Item 13</v>
          </cell>
          <cell r="E2618" t="str">
            <v>TWA1</v>
          </cell>
          <cell r="F2618" t="str">
            <v>Types of work for which TWA employment is legal</v>
          </cell>
          <cell r="G2618">
            <v>2013</v>
          </cell>
          <cell r="H2618">
            <v>2013</v>
          </cell>
          <cell r="I2618"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618">
            <v>2</v>
          </cell>
          <cell r="M2618">
            <v>3</v>
          </cell>
        </row>
        <row r="2619">
          <cell r="A2619" t="str">
            <v>POLTWA22013</v>
          </cell>
          <cell r="B2619" t="str">
            <v>POL</v>
          </cell>
          <cell r="C2619" t="str">
            <v>Poland</v>
          </cell>
          <cell r="D2619" t="str">
            <v>Item 14</v>
          </cell>
          <cell r="E2619" t="str">
            <v>TWA2A, TWA2B</v>
          </cell>
          <cell r="F2619" t="str">
            <v>Are there any restrictions on the number of renewals of a TWA contract?</v>
          </cell>
          <cell r="G2619">
            <v>2013</v>
          </cell>
          <cell r="H2619">
            <v>2013</v>
          </cell>
          <cell r="I2619" t="str">
            <v>No</v>
          </cell>
          <cell r="J2619" t="str">
            <v>No</v>
          </cell>
          <cell r="K2619" t="str">
            <v>No</v>
          </cell>
          <cell r="M2619">
            <v>2</v>
          </cell>
          <cell r="N2619">
            <v>2</v>
          </cell>
        </row>
        <row r="2620">
          <cell r="A2620" t="str">
            <v>POLTWA32013</v>
          </cell>
          <cell r="B2620" t="str">
            <v>POL</v>
          </cell>
          <cell r="C2620" t="str">
            <v>Poland</v>
          </cell>
          <cell r="D2620" t="str">
            <v>Item 15</v>
          </cell>
          <cell r="E2620" t="str">
            <v>TWA3A, TWA3B</v>
          </cell>
          <cell r="F2620" t="str">
            <v>Maximum cumulated duration of temporary work contracts</v>
          </cell>
          <cell r="G2620">
            <v>2013</v>
          </cell>
          <cell r="H2620">
            <v>2013</v>
          </cell>
          <cell r="I2620"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620">
            <v>27</v>
          </cell>
          <cell r="K2620">
            <v>100</v>
          </cell>
          <cell r="M2620">
            <v>2</v>
          </cell>
          <cell r="N2620">
            <v>0</v>
          </cell>
        </row>
        <row r="2621">
          <cell r="A2621" t="str">
            <v>POLTWA42013</v>
          </cell>
          <cell r="B2621" t="str">
            <v>POL</v>
          </cell>
          <cell r="C2621" t="str">
            <v>Poland</v>
          </cell>
          <cell r="D2621" t="str">
            <v>Item 16</v>
          </cell>
          <cell r="E2621" t="str">
            <v>TWA4</v>
          </cell>
          <cell r="F2621" t="str">
            <v>Authorisation and reporting obligations</v>
          </cell>
          <cell r="G2621">
            <v>2013</v>
          </cell>
          <cell r="H2621">
            <v>2013</v>
          </cell>
          <cell r="I2621" t="str">
            <v>The set up of TWA in Poland requires special administrative authorisation and entails periodic reporting obligations.</v>
          </cell>
          <cell r="J2621">
            <v>3</v>
          </cell>
          <cell r="M2621">
            <v>6</v>
          </cell>
        </row>
        <row r="2622">
          <cell r="A2622" t="str">
            <v>POLTWA52013</v>
          </cell>
          <cell r="B2622" t="str">
            <v>POL</v>
          </cell>
          <cell r="C2622" t="str">
            <v>Poland</v>
          </cell>
          <cell r="D2622" t="str">
            <v>Item 17</v>
          </cell>
          <cell r="E2622" t="str">
            <v>TWA5</v>
          </cell>
          <cell r="F2622" t="str">
            <v>Equal treatment for TWA workers</v>
          </cell>
          <cell r="G2622">
            <v>2013</v>
          </cell>
          <cell r="H2622">
            <v>2013</v>
          </cell>
          <cell r="I2622"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22">
            <v>2</v>
          </cell>
          <cell r="M2622">
            <v>6</v>
          </cell>
        </row>
        <row r="2623">
          <cell r="A2623" t="str">
            <v>POLCD12013</v>
          </cell>
          <cell r="B2623" t="str">
            <v>POL</v>
          </cell>
          <cell r="C2623" t="str">
            <v>Poland</v>
          </cell>
          <cell r="D2623" t="str">
            <v>Item 18</v>
          </cell>
          <cell r="E2623" t="str">
            <v>CD1</v>
          </cell>
          <cell r="F2623" t="str">
            <v>Definition of collective dismissal</v>
          </cell>
          <cell r="G2623">
            <v>2013</v>
          </cell>
          <cell r="H2623">
            <v>2013</v>
          </cell>
          <cell r="I2623" t="str">
            <v xml:space="preserve">10 workers in firms 20-99. 10% in firms &lt;300. 30 workers in firms with 300 or more workers  </v>
          </cell>
          <cell r="J2623">
            <v>3</v>
          </cell>
          <cell r="M2623">
            <v>4.5</v>
          </cell>
        </row>
        <row r="2624">
          <cell r="A2624" t="str">
            <v>POLCD22013</v>
          </cell>
          <cell r="B2624" t="str">
            <v>POL</v>
          </cell>
          <cell r="C2624" t="str">
            <v>Poland</v>
          </cell>
          <cell r="D2624" t="str">
            <v>Item 19</v>
          </cell>
          <cell r="E2624" t="str">
            <v>CD2</v>
          </cell>
          <cell r="F2624" t="str">
            <v>Additional notification requirements in case of collective dismissals</v>
          </cell>
          <cell r="G2624">
            <v>2013</v>
          </cell>
          <cell r="H2624">
            <v>2013</v>
          </cell>
          <cell r="I2624" t="str">
            <v>Notification of employee representatives: Duty to inform competent trade unions. Notification of public authorities: Notification of local employment office.</v>
          </cell>
          <cell r="J2624">
            <v>1</v>
          </cell>
          <cell r="M2624">
            <v>3</v>
          </cell>
        </row>
        <row r="2625">
          <cell r="A2625" t="str">
            <v>POLCD32013</v>
          </cell>
          <cell r="B2625" t="str">
            <v>POL</v>
          </cell>
          <cell r="C2625" t="str">
            <v>Poland</v>
          </cell>
          <cell r="D2625" t="str">
            <v>Item 20</v>
          </cell>
          <cell r="E2625" t="str">
            <v>CD3</v>
          </cell>
          <cell r="F2625" t="str">
            <v>Additional delays involved in case of collective dismissals</v>
          </cell>
          <cell r="G2625">
            <v>2013</v>
          </cell>
          <cell r="H2625">
            <v>2013</v>
          </cell>
          <cell r="I2625" t="str">
            <v>Information to trade union 20 days before implementation and notification to PES before start of notice period.
Calculation: 20 days - 10 days for individual dismissals</v>
          </cell>
          <cell r="J2625">
            <v>10</v>
          </cell>
          <cell r="M2625">
            <v>1</v>
          </cell>
        </row>
        <row r="2626">
          <cell r="A2626" t="str">
            <v>POLCD42013</v>
          </cell>
          <cell r="B2626" t="str">
            <v>POL</v>
          </cell>
          <cell r="C2626" t="str">
            <v>Poland</v>
          </cell>
          <cell r="D2626" t="str">
            <v>Item 21</v>
          </cell>
          <cell r="E2626" t="str">
            <v>CD4</v>
          </cell>
          <cell r="F2626" t="str">
            <v>Other special costs to employers in case of collective dismissals</v>
          </cell>
          <cell r="G2626">
            <v>2013</v>
          </cell>
          <cell r="H2626">
            <v>2013</v>
          </cell>
          <cell r="I2626"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26">
            <v>1</v>
          </cell>
          <cell r="M2626">
            <v>3</v>
          </cell>
        </row>
        <row r="2627">
          <cell r="A2627" t="str">
            <v>RUSREG12012</v>
          </cell>
          <cell r="B2627" t="str">
            <v>RUS</v>
          </cell>
          <cell r="C2627" t="str">
            <v>Russian Federation</v>
          </cell>
          <cell r="D2627" t="str">
            <v>Item 1</v>
          </cell>
          <cell r="E2627" t="str">
            <v>REG1</v>
          </cell>
          <cell r="F2627" t="str">
            <v>Notification procedures</v>
          </cell>
          <cell r="G2627">
            <v>2012</v>
          </cell>
          <cell r="H2627">
            <v>2012</v>
          </cell>
          <cell r="I2627"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2627">
            <v>2</v>
          </cell>
          <cell r="M2627">
            <v>4</v>
          </cell>
        </row>
        <row r="2628">
          <cell r="A2628" t="str">
            <v>RUSREG22012</v>
          </cell>
          <cell r="B2628" t="str">
            <v>RUS</v>
          </cell>
          <cell r="C2628" t="str">
            <v>Russian Federation</v>
          </cell>
          <cell r="D2628" t="str">
            <v>Item 2</v>
          </cell>
          <cell r="E2628" t="str">
            <v>REG2</v>
          </cell>
          <cell r="F2628" t="str">
            <v>Delay before notice can start</v>
          </cell>
          <cell r="G2628">
            <v>2012</v>
          </cell>
          <cell r="H2628">
            <v>2012</v>
          </cell>
          <cell r="I2628"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2628">
            <v>10</v>
          </cell>
          <cell r="M2628">
            <v>2</v>
          </cell>
        </row>
        <row r="2629">
          <cell r="A2629" t="str">
            <v>RUSREG32012</v>
          </cell>
          <cell r="B2629" t="str">
            <v>RUS</v>
          </cell>
          <cell r="C2629" t="str">
            <v>Russian Federation</v>
          </cell>
          <cell r="D2629" t="str">
            <v>Item 3</v>
          </cell>
          <cell r="E2629" t="str">
            <v>REG3A, REG3B, REG3C</v>
          </cell>
          <cell r="F2629" t="str">
            <v>Notice / tenure</v>
          </cell>
          <cell r="G2629">
            <v>2012</v>
          </cell>
          <cell r="H2629">
            <v>2012</v>
          </cell>
          <cell r="I2629"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2629">
            <v>1</v>
          </cell>
          <cell r="K2629">
            <v>1</v>
          </cell>
          <cell r="L2629">
            <v>1</v>
          </cell>
          <cell r="M2629">
            <v>3</v>
          </cell>
          <cell r="N2629">
            <v>2</v>
          </cell>
          <cell r="O2629">
            <v>1</v>
          </cell>
        </row>
        <row r="2630">
          <cell r="A2630" t="str">
            <v>RUSREG42012</v>
          </cell>
          <cell r="B2630" t="str">
            <v>RUS</v>
          </cell>
          <cell r="C2630" t="str">
            <v>Russian Federation</v>
          </cell>
          <cell r="D2630" t="str">
            <v>Item 4</v>
          </cell>
          <cell r="E2630" t="str">
            <v>REG4A, REG4B, REG4C</v>
          </cell>
          <cell r="F2630" t="str">
            <v>Severance pay / tenure</v>
          </cell>
          <cell r="G2630">
            <v>2012</v>
          </cell>
          <cell r="H2630">
            <v>2012</v>
          </cell>
          <cell r="I2630"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2630">
            <v>1.25</v>
          </cell>
          <cell r="K2630">
            <v>1.25</v>
          </cell>
          <cell r="L2630">
            <v>1.25</v>
          </cell>
          <cell r="M2630">
            <v>3</v>
          </cell>
          <cell r="N2630">
            <v>3</v>
          </cell>
          <cell r="O2630">
            <v>1</v>
          </cell>
        </row>
        <row r="2631">
          <cell r="A2631" t="str">
            <v>RUSREG52012</v>
          </cell>
          <cell r="B2631" t="str">
            <v>RUS</v>
          </cell>
          <cell r="C2631" t="str">
            <v>Russian Federation</v>
          </cell>
          <cell r="D2631" t="str">
            <v>Item 5</v>
          </cell>
          <cell r="E2631" t="str">
            <v>REG5</v>
          </cell>
          <cell r="F2631" t="str">
            <v>Definition of justified or unfair dismissal</v>
          </cell>
          <cell r="G2631">
            <v>2012</v>
          </cell>
          <cell r="H2631">
            <v>2012</v>
          </cell>
          <cell r="I2631"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2631">
            <v>2.5</v>
          </cell>
          <cell r="M2631">
            <v>5</v>
          </cell>
        </row>
        <row r="2632">
          <cell r="A2632" t="str">
            <v>RUSREG62012</v>
          </cell>
          <cell r="B2632" t="str">
            <v>RUS</v>
          </cell>
          <cell r="C2632" t="str">
            <v>Russian Federation</v>
          </cell>
          <cell r="D2632" t="str">
            <v>Item 6</v>
          </cell>
          <cell r="E2632" t="str">
            <v>REG6</v>
          </cell>
          <cell r="F2632" t="str">
            <v>Trial period</v>
          </cell>
          <cell r="G2632">
            <v>2012</v>
          </cell>
          <cell r="H2632">
            <v>2012</v>
          </cell>
          <cell r="I2632"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2632">
            <v>3</v>
          </cell>
          <cell r="M2632">
            <v>4</v>
          </cell>
        </row>
        <row r="2633">
          <cell r="A2633" t="str">
            <v>RUSREG72012</v>
          </cell>
          <cell r="B2633" t="str">
            <v>RUS</v>
          </cell>
          <cell r="C2633" t="str">
            <v>Russian Federation</v>
          </cell>
          <cell r="D2633" t="str">
            <v>Item 7</v>
          </cell>
          <cell r="E2633" t="str">
            <v>REG7</v>
          </cell>
          <cell r="F2633" t="str">
            <v xml:space="preserve">Compensation following unfair dismissal </v>
          </cell>
          <cell r="G2633">
            <v>2012</v>
          </cell>
          <cell r="H2633">
            <v>2012</v>
          </cell>
          <cell r="I2633"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2633">
            <v>6</v>
          </cell>
          <cell r="M2633">
            <v>1</v>
          </cell>
        </row>
        <row r="2634">
          <cell r="A2634" t="str">
            <v>RUSREG82012</v>
          </cell>
          <cell r="B2634" t="str">
            <v>RUS</v>
          </cell>
          <cell r="C2634" t="str">
            <v>Russian Federation</v>
          </cell>
          <cell r="D2634" t="str">
            <v>Item 8</v>
          </cell>
          <cell r="E2634" t="str">
            <v>REG8</v>
          </cell>
          <cell r="F2634" t="str">
            <v>Possibility of reinstatement following unfair dismissal</v>
          </cell>
          <cell r="G2634">
            <v>2012</v>
          </cell>
          <cell r="H2634">
            <v>2012</v>
          </cell>
          <cell r="I2634" t="str">
            <v>In case of unfair dismissal, the employee shall be reinstated by the court (Article 394 of the Labour Code).</v>
          </cell>
          <cell r="J2634">
            <v>3</v>
          </cell>
          <cell r="M2634">
            <v>6</v>
          </cell>
        </row>
        <row r="2635">
          <cell r="A2635" t="str">
            <v>RUSREG92012</v>
          </cell>
          <cell r="B2635" t="str">
            <v>RUS</v>
          </cell>
          <cell r="C2635" t="str">
            <v>Russian Federation</v>
          </cell>
          <cell r="D2635" t="str">
            <v>Item 9</v>
          </cell>
          <cell r="E2635" t="str">
            <v>REG9</v>
          </cell>
          <cell r="F2635" t="str">
            <v>Maximum time for claim</v>
          </cell>
          <cell r="G2635">
            <v>2012</v>
          </cell>
          <cell r="H2635">
            <v>2012</v>
          </cell>
          <cell r="I2635" t="str">
            <v>An employee must submit an appeal to court within 1 month of the dismissal. If the deadline has been missed for good reasons, the court can prolong the period (Art.392 Labour Code). This period was confirmed (the request for its extension was declined) in the ruling N 1877-O of 18.10.2012 by the Constitutional Court of Russia.</v>
          </cell>
          <cell r="J2635">
            <v>1</v>
          </cell>
          <cell r="M2635">
            <v>1</v>
          </cell>
        </row>
        <row r="2636">
          <cell r="A2636" t="str">
            <v>RUSFTC12012</v>
          </cell>
          <cell r="B2636" t="str">
            <v>RUS</v>
          </cell>
          <cell r="C2636" t="str">
            <v>Russian Federation</v>
          </cell>
          <cell r="D2636" t="str">
            <v>Item 10</v>
          </cell>
          <cell r="E2636" t="str">
            <v>FTC1</v>
          </cell>
          <cell r="F2636" t="str">
            <v>Valid cases for use of fixed-term contracts, other than  “objective”  or “material” situation</v>
          </cell>
          <cell r="G2636">
            <v>2012</v>
          </cell>
          <cell r="H2636">
            <v>2012</v>
          </cell>
          <cell r="I2636"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2636">
            <v>2</v>
          </cell>
          <cell r="M2636">
            <v>2</v>
          </cell>
        </row>
        <row r="2637">
          <cell r="A2637" t="str">
            <v>RUSFTC22012</v>
          </cell>
          <cell r="B2637" t="str">
            <v>RUS</v>
          </cell>
          <cell r="C2637" t="str">
            <v>Russian Federation</v>
          </cell>
          <cell r="D2637" t="str">
            <v>Item 11</v>
          </cell>
          <cell r="E2637" t="str">
            <v>FTC2</v>
          </cell>
          <cell r="F2637" t="str">
            <v>Maximum number of successive fixed-term contracts</v>
          </cell>
          <cell r="G2637">
            <v>2012</v>
          </cell>
          <cell r="H2637">
            <v>2012</v>
          </cell>
          <cell r="I2637"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2637">
            <v>5</v>
          </cell>
          <cell r="M2637">
            <v>1</v>
          </cell>
        </row>
        <row r="2638">
          <cell r="A2638" t="str">
            <v>RUSFTC32012</v>
          </cell>
          <cell r="B2638" t="str">
            <v>RUS</v>
          </cell>
          <cell r="C2638" t="str">
            <v>Russian Federation</v>
          </cell>
          <cell r="D2638" t="str">
            <v>Item 12</v>
          </cell>
          <cell r="E2638" t="str">
            <v>FTC3</v>
          </cell>
          <cell r="F2638" t="str">
            <v>Maximum cumulated duration of successive fixed-term contracts</v>
          </cell>
          <cell r="G2638">
            <v>2012</v>
          </cell>
          <cell r="H2638">
            <v>2012</v>
          </cell>
          <cell r="I2638"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2638">
            <v>36</v>
          </cell>
          <cell r="M2638">
            <v>1</v>
          </cell>
        </row>
        <row r="2639">
          <cell r="A2639" t="str">
            <v>RUSTWA12012</v>
          </cell>
          <cell r="B2639" t="str">
            <v>RUS</v>
          </cell>
          <cell r="C2639" t="str">
            <v>Russian Federation</v>
          </cell>
          <cell r="D2639" t="str">
            <v>Item 13</v>
          </cell>
          <cell r="E2639" t="str">
            <v>TWA1</v>
          </cell>
          <cell r="F2639" t="str">
            <v>Types of work for which TWA employment is legal</v>
          </cell>
          <cell r="G2639">
            <v>2012</v>
          </cell>
          <cell r="H2639">
            <v>2012</v>
          </cell>
          <cell r="I2639" t="str">
            <v xml:space="preserve">The law does not provide any arrangements regulating the activities of TWAs.
In general, employee leasing is intended to be of a long-term or continuing, rather than temporary or seasonal
</v>
          </cell>
          <cell r="J2639">
            <v>4</v>
          </cell>
          <cell r="M2639">
            <v>0</v>
          </cell>
        </row>
        <row r="2640">
          <cell r="A2640" t="str">
            <v>RUSTWA22012</v>
          </cell>
          <cell r="B2640" t="str">
            <v>RUS</v>
          </cell>
          <cell r="C2640" t="str">
            <v>Russian Federation</v>
          </cell>
          <cell r="D2640" t="str">
            <v>Item 14</v>
          </cell>
          <cell r="E2640" t="str">
            <v>TWA2A, TWA2B</v>
          </cell>
          <cell r="F2640" t="str">
            <v>Are there any restrictions on the number of renewals of a TWA contract?</v>
          </cell>
          <cell r="G2640">
            <v>2012</v>
          </cell>
          <cell r="H2640">
            <v>2012</v>
          </cell>
          <cell r="I2640"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2640" t="str">
            <v>Yes/No</v>
          </cell>
          <cell r="K2640" t="str">
            <v>Yes</v>
          </cell>
          <cell r="M2640">
            <v>3</v>
          </cell>
          <cell r="N2640">
            <v>4</v>
          </cell>
        </row>
        <row r="2641">
          <cell r="A2641" t="str">
            <v>RUSTWA32012</v>
          </cell>
          <cell r="B2641" t="str">
            <v>RUS</v>
          </cell>
          <cell r="C2641" t="str">
            <v>Russian Federation</v>
          </cell>
          <cell r="D2641" t="str">
            <v>Item 15</v>
          </cell>
          <cell r="E2641" t="str">
            <v>TWA3A, TWA3B</v>
          </cell>
          <cell r="F2641" t="str">
            <v>Maximum cumulated duration of temporary work contracts</v>
          </cell>
          <cell r="G2641">
            <v>2012</v>
          </cell>
          <cell r="H2641">
            <v>2012</v>
          </cell>
          <cell r="I2641" t="str">
            <v>No limit for assignments. No limit for open-ended TWA contracts between the agency and the worker. 5 years for fixed-term TWA contracts between the agency and the worker.</v>
          </cell>
          <cell r="J2641">
            <v>100</v>
          </cell>
          <cell r="K2641">
            <v>100</v>
          </cell>
          <cell r="M2641">
            <v>0</v>
          </cell>
          <cell r="N2641">
            <v>0</v>
          </cell>
        </row>
        <row r="2642">
          <cell r="A2642" t="str">
            <v>RUSTWA42012</v>
          </cell>
          <cell r="B2642" t="str">
            <v>RUS</v>
          </cell>
          <cell r="C2642" t="str">
            <v>Russian Federation</v>
          </cell>
          <cell r="D2642" t="str">
            <v>Item 16</v>
          </cell>
          <cell r="E2642" t="str">
            <v>TWA4</v>
          </cell>
          <cell r="F2642" t="str">
            <v>Authorisation or reporting requirements</v>
          </cell>
          <cell r="G2642">
            <v>2012</v>
          </cell>
          <cell r="H2642">
            <v>2012</v>
          </cell>
          <cell r="I2642" t="str">
            <v>No requirement for authorisation or reporting obligations.</v>
          </cell>
          <cell r="J2642">
            <v>0</v>
          </cell>
          <cell r="M2642">
            <v>0</v>
          </cell>
        </row>
        <row r="2643">
          <cell r="A2643" t="str">
            <v>RUSTWA52012</v>
          </cell>
          <cell r="B2643" t="str">
            <v>RUS</v>
          </cell>
          <cell r="C2643" t="str">
            <v>Russian Federation</v>
          </cell>
          <cell r="D2643" t="str">
            <v>Item 17</v>
          </cell>
          <cell r="E2643" t="str">
            <v>TWA5</v>
          </cell>
          <cell r="F2643" t="str">
            <v>Equal treatment for TWA workers</v>
          </cell>
          <cell r="G2643">
            <v>2012</v>
          </cell>
          <cell r="H2643">
            <v>2012</v>
          </cell>
          <cell r="I2643" t="str">
            <v>Article 22 of the labour code could be invoked, although its interpretation depends on whom courts consider being the employer.</v>
          </cell>
          <cell r="J2643">
            <v>1</v>
          </cell>
          <cell r="M2643">
            <v>3</v>
          </cell>
        </row>
        <row r="2644">
          <cell r="A2644" t="str">
            <v>RUSCD12012</v>
          </cell>
          <cell r="B2644" t="str">
            <v>RUS</v>
          </cell>
          <cell r="C2644" t="str">
            <v>Russian Federation</v>
          </cell>
          <cell r="D2644" t="str">
            <v>Item 18</v>
          </cell>
          <cell r="E2644" t="str">
            <v>CD1</v>
          </cell>
          <cell r="F2644" t="str">
            <v>Definition of collective dismissal</v>
          </cell>
          <cell r="G2644">
            <v>2012</v>
          </cell>
          <cell r="H2644">
            <v>2012</v>
          </cell>
          <cell r="I2644" t="str">
            <v xml:space="preserve">Criteria of mass dismissal are defined in industrial and (or) territorial agreements. Additional regulations typically apply from 50 dismissals upwards (Council of Ministers’ Decree of 1993 No. 99).
A minority of collective agreements define thresholds lower than 50 workers. For example, in the industrial agreement of the mining and smelting industry for 2011-2013 (signed on 22.12.2010), the threshold is set as 5% of a firm’s workers fired over a period of 30 days. For a hypothetical firm with 200 workers this means 10 dismissed workers over 30 days.
Calculation: average of standard statutory requirements, collective agreements and liquidation.
</v>
          </cell>
          <cell r="J2644">
            <v>2</v>
          </cell>
          <cell r="M2644">
            <v>3</v>
          </cell>
        </row>
        <row r="2645">
          <cell r="A2645" t="str">
            <v>RUSCD22012</v>
          </cell>
          <cell r="B2645" t="str">
            <v>RUS</v>
          </cell>
          <cell r="C2645" t="str">
            <v>Russian Federation</v>
          </cell>
          <cell r="D2645" t="str">
            <v>Item 19</v>
          </cell>
          <cell r="E2645" t="str">
            <v>CD2</v>
          </cell>
          <cell r="F2645" t="str">
            <v>Additional notification requirements in case of collective dismissals</v>
          </cell>
          <cell r="G2645">
            <v>2012</v>
          </cell>
          <cell r="H2645">
            <v>2012</v>
          </cell>
          <cell r="I2645"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5">
            <v>0</v>
          </cell>
          <cell r="M2645">
            <v>0</v>
          </cell>
        </row>
        <row r="2646">
          <cell r="A2646" t="str">
            <v>RUSCD32012</v>
          </cell>
          <cell r="B2646" t="str">
            <v>RUS</v>
          </cell>
          <cell r="C2646" t="str">
            <v>Russian Federation</v>
          </cell>
          <cell r="D2646" t="str">
            <v>Item 20</v>
          </cell>
          <cell r="E2646" t="str">
            <v>CD3</v>
          </cell>
          <cell r="F2646" t="str">
            <v>Additional delays involved in case of collective dismissals</v>
          </cell>
          <cell r="G2646">
            <v>2012</v>
          </cell>
          <cell r="H2646">
            <v>2012</v>
          </cell>
          <cell r="I2646"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6">
            <v>30</v>
          </cell>
          <cell r="M2646">
            <v>3</v>
          </cell>
        </row>
        <row r="2647">
          <cell r="A2647" t="str">
            <v>RUSCD42012</v>
          </cell>
          <cell r="B2647" t="str">
            <v>RUS</v>
          </cell>
          <cell r="C2647" t="str">
            <v>Russian Federation</v>
          </cell>
          <cell r="D2647" t="str">
            <v>Item 21</v>
          </cell>
          <cell r="E2647" t="str">
            <v>CD4</v>
          </cell>
          <cell r="F2647" t="str">
            <v>Other special costs to employers in case of collective dismissals</v>
          </cell>
          <cell r="G2647">
            <v>2012</v>
          </cell>
          <cell r="H2647">
            <v>2012</v>
          </cell>
          <cell r="I2647" t="str">
            <v>No additional requirements, although they may be specified in collective agreements.</v>
          </cell>
          <cell r="J2647">
            <v>0</v>
          </cell>
          <cell r="M2647">
            <v>0</v>
          </cell>
        </row>
        <row r="2648">
          <cell r="A2648" t="str">
            <v>SWEREG12012</v>
          </cell>
          <cell r="B2648" t="str">
            <v>SWE</v>
          </cell>
          <cell r="C2648" t="str">
            <v>Sweden</v>
          </cell>
          <cell r="D2648" t="str">
            <v>Item 1</v>
          </cell>
          <cell r="E2648" t="str">
            <v>REG1</v>
          </cell>
          <cell r="F2648" t="str">
            <v>Notification procedures</v>
          </cell>
          <cell r="G2648">
            <v>2012</v>
          </cell>
          <cell r="H2648">
            <v>2012</v>
          </cell>
          <cell r="I264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48">
            <v>2</v>
          </cell>
          <cell r="M2648">
            <v>4</v>
          </cell>
        </row>
        <row r="2649">
          <cell r="A2649" t="str">
            <v>SWEREG22012</v>
          </cell>
          <cell r="B2649" t="str">
            <v>SWE</v>
          </cell>
          <cell r="C2649" t="str">
            <v>Sweden</v>
          </cell>
          <cell r="D2649" t="str">
            <v>Item 2</v>
          </cell>
          <cell r="E2649" t="str">
            <v>REG2</v>
          </cell>
          <cell r="F2649" t="str">
            <v>Delay before notice can start</v>
          </cell>
          <cell r="G2649">
            <v>2012</v>
          </cell>
          <cell r="H2649">
            <v>2012</v>
          </cell>
          <cell r="I264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49">
            <v>17.75</v>
          </cell>
          <cell r="M2649">
            <v>2</v>
          </cell>
        </row>
        <row r="2650">
          <cell r="A2650" t="str">
            <v>SWEREG32012</v>
          </cell>
          <cell r="B2650" t="str">
            <v>SWE</v>
          </cell>
          <cell r="C2650" t="str">
            <v>Sweden</v>
          </cell>
          <cell r="D2650" t="str">
            <v>Item 3</v>
          </cell>
          <cell r="E2650" t="str">
            <v>REG3A, REG3B, REG3C</v>
          </cell>
          <cell r="F2650" t="str">
            <v>Notice / tenure</v>
          </cell>
          <cell r="G2650">
            <v>2012</v>
          </cell>
          <cell r="H2650">
            <v>2012</v>
          </cell>
          <cell r="I2650" t="str">
            <v xml:space="preserve">Termination 
According to section 11 EPA. 
1m&lt;2y; 2m&lt;4y; 3m&lt;6y; 4m&lt;8y; 5m&lt;10y; 6m&gt;10y. 
Deviation is possible by collective agreement.
Dismissal due to gross misconduct:
No notice period.  
</v>
          </cell>
          <cell r="J2650">
            <v>1</v>
          </cell>
          <cell r="K2650">
            <v>3</v>
          </cell>
          <cell r="L2650">
            <v>6</v>
          </cell>
          <cell r="M2650">
            <v>3</v>
          </cell>
          <cell r="N2650">
            <v>5</v>
          </cell>
          <cell r="O2650">
            <v>3</v>
          </cell>
        </row>
        <row r="2651">
          <cell r="A2651" t="str">
            <v>SWEREG42012</v>
          </cell>
          <cell r="B2651" t="str">
            <v>SWE</v>
          </cell>
          <cell r="C2651" t="str">
            <v>Sweden</v>
          </cell>
          <cell r="D2651" t="str">
            <v>Item 4</v>
          </cell>
          <cell r="E2651" t="str">
            <v>REG4A, REG4B, REG4C</v>
          </cell>
          <cell r="F2651" t="str">
            <v>Severance pay / tenure</v>
          </cell>
          <cell r="G2651">
            <v>2012</v>
          </cell>
          <cell r="H2651">
            <v>2012</v>
          </cell>
          <cell r="I2651" t="str">
            <v>No legal entitlement, but often included in collective agreements, although in the form of fee-based insurance schemes, with employers’ contributions payable as a percentage of payroll.</v>
          </cell>
          <cell r="J2651">
            <v>0</v>
          </cell>
          <cell r="K2651">
            <v>0</v>
          </cell>
          <cell r="L2651">
            <v>0</v>
          </cell>
          <cell r="M2651">
            <v>0</v>
          </cell>
          <cell r="N2651">
            <v>0</v>
          </cell>
          <cell r="O2651">
            <v>0</v>
          </cell>
        </row>
        <row r="2652">
          <cell r="A2652" t="str">
            <v>SWEREG52012</v>
          </cell>
          <cell r="B2652" t="str">
            <v>SWE</v>
          </cell>
          <cell r="C2652" t="str">
            <v>Sweden</v>
          </cell>
          <cell r="D2652" t="str">
            <v>Item 5</v>
          </cell>
          <cell r="E2652" t="str">
            <v>REG5</v>
          </cell>
          <cell r="F2652" t="str">
            <v>Definition of justified or unfair dismissal</v>
          </cell>
          <cell r="G2652">
            <v>2012</v>
          </cell>
          <cell r="H2652">
            <v>2012</v>
          </cell>
          <cell r="I265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52">
            <v>2</v>
          </cell>
          <cell r="M2652">
            <v>4</v>
          </cell>
        </row>
        <row r="2653">
          <cell r="A2653" t="str">
            <v>SWEREG62012</v>
          </cell>
          <cell r="B2653" t="str">
            <v>SWE</v>
          </cell>
          <cell r="C2653" t="str">
            <v>Sweden</v>
          </cell>
          <cell r="D2653" t="str">
            <v>Item 6</v>
          </cell>
          <cell r="E2653" t="str">
            <v>REG6</v>
          </cell>
          <cell r="F2653" t="str">
            <v>Trial period</v>
          </cell>
          <cell r="G2653">
            <v>2012</v>
          </cell>
          <cell r="H2653">
            <v>2012</v>
          </cell>
          <cell r="I265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53">
            <v>6</v>
          </cell>
          <cell r="M2653">
            <v>3</v>
          </cell>
        </row>
        <row r="2654">
          <cell r="A2654" t="str">
            <v>SWEREG72012</v>
          </cell>
          <cell r="B2654" t="str">
            <v>SWE</v>
          </cell>
          <cell r="C2654" t="str">
            <v>Sweden</v>
          </cell>
          <cell r="D2654" t="str">
            <v>Item 7</v>
          </cell>
          <cell r="E2654" t="str">
            <v>REG7</v>
          </cell>
          <cell r="F2654" t="str">
            <v xml:space="preserve">Compensation following unfair dismissal </v>
          </cell>
          <cell r="G2654">
            <v>2012</v>
          </cell>
          <cell r="H2654">
            <v>2012</v>
          </cell>
          <cell r="I265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54">
            <v>32</v>
          </cell>
          <cell r="M2654">
            <v>6</v>
          </cell>
        </row>
        <row r="2655">
          <cell r="A2655" t="str">
            <v>SWEREG82012</v>
          </cell>
          <cell r="B2655" t="str">
            <v>SWE</v>
          </cell>
          <cell r="C2655" t="str">
            <v>Sweden</v>
          </cell>
          <cell r="D2655" t="str">
            <v>Item 8</v>
          </cell>
          <cell r="E2655" t="str">
            <v>REG8</v>
          </cell>
          <cell r="F2655" t="str">
            <v>Possibility of reinstatement following unfair dismissal</v>
          </cell>
          <cell r="G2655">
            <v>2012</v>
          </cell>
          <cell r="H2655">
            <v>2012</v>
          </cell>
          <cell r="I265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55">
            <v>0</v>
          </cell>
          <cell r="M2655">
            <v>0</v>
          </cell>
        </row>
        <row r="2656">
          <cell r="A2656" t="str">
            <v>SWEREG92012</v>
          </cell>
          <cell r="B2656" t="str">
            <v>SWE</v>
          </cell>
          <cell r="C2656" t="str">
            <v>Sweden</v>
          </cell>
          <cell r="D2656" t="str">
            <v>Item 9</v>
          </cell>
          <cell r="E2656" t="str">
            <v>REG9</v>
          </cell>
          <cell r="F2656" t="str">
            <v>Maximum time for claim</v>
          </cell>
          <cell r="G2656">
            <v>2012</v>
          </cell>
          <cell r="H2656">
            <v>2012</v>
          </cell>
          <cell r="I2656" t="str">
            <v xml:space="preserve">2 weeks if the employee wants to have the dismissal ruled invalid. If only damages are claimed, the time limit is 4 months (Sections 40 and 41, EPA).
Average of 2 weeks and 4 months
</v>
          </cell>
          <cell r="J2656">
            <v>2.25</v>
          </cell>
          <cell r="M2656">
            <v>2</v>
          </cell>
        </row>
        <row r="2657">
          <cell r="A2657" t="str">
            <v>SWEFTC12012</v>
          </cell>
          <cell r="B2657" t="str">
            <v>SWE</v>
          </cell>
          <cell r="C2657" t="str">
            <v>Sweden</v>
          </cell>
          <cell r="D2657" t="str">
            <v>Item 10</v>
          </cell>
          <cell r="E2657" t="str">
            <v>FTC1</v>
          </cell>
          <cell r="F2657" t="str">
            <v>Valid cases for use of fixed-term contracts, other than  “objective”  or “material” situation</v>
          </cell>
          <cell r="G2657">
            <v>2012</v>
          </cell>
          <cell r="H2657">
            <v>2012</v>
          </cell>
          <cell r="I265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57">
            <v>3</v>
          </cell>
          <cell r="M2657">
            <v>0</v>
          </cell>
        </row>
        <row r="2658">
          <cell r="A2658" t="str">
            <v>SWEFTC22012</v>
          </cell>
          <cell r="B2658" t="str">
            <v>SWE</v>
          </cell>
          <cell r="C2658" t="str">
            <v>Sweden</v>
          </cell>
          <cell r="D2658" t="str">
            <v>Item 11</v>
          </cell>
          <cell r="E2658" t="str">
            <v>FTC2</v>
          </cell>
          <cell r="F2658" t="str">
            <v>Maximum number of successive fixed-term contracts</v>
          </cell>
          <cell r="G2658">
            <v>2012</v>
          </cell>
          <cell r="H2658">
            <v>2012</v>
          </cell>
          <cell r="I2658" t="str">
            <v>No limit specified.</v>
          </cell>
          <cell r="J2658">
            <v>100</v>
          </cell>
          <cell r="M2658">
            <v>0</v>
          </cell>
        </row>
        <row r="2659">
          <cell r="A2659" t="str">
            <v>SWEFTC32012</v>
          </cell>
          <cell r="B2659" t="str">
            <v>SWE</v>
          </cell>
          <cell r="C2659" t="str">
            <v>Sweden</v>
          </cell>
          <cell r="D2659" t="str">
            <v>Item 12</v>
          </cell>
          <cell r="E2659" t="str">
            <v>FTC3</v>
          </cell>
          <cell r="F2659" t="str">
            <v>Maximum cumulated duration of successive fixed-term contracts</v>
          </cell>
          <cell r="G2659">
            <v>2012</v>
          </cell>
          <cell r="H2659">
            <v>2012</v>
          </cell>
          <cell r="I265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59">
            <v>24</v>
          </cell>
          <cell r="M2659">
            <v>3</v>
          </cell>
        </row>
        <row r="2660">
          <cell r="A2660" t="str">
            <v>SWETWA12012</v>
          </cell>
          <cell r="B2660" t="str">
            <v>SWE</v>
          </cell>
          <cell r="C2660" t="str">
            <v>Sweden</v>
          </cell>
          <cell r="D2660" t="str">
            <v>Item 13</v>
          </cell>
          <cell r="E2660" t="str">
            <v>TWA1</v>
          </cell>
          <cell r="F2660" t="str">
            <v>Types of work for which TWA employment is legal</v>
          </cell>
          <cell r="G2660">
            <v>2012</v>
          </cell>
          <cell r="H2660">
            <v>2012</v>
          </cell>
          <cell r="I266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60">
            <v>3.5</v>
          </cell>
          <cell r="M2660">
            <v>0.75</v>
          </cell>
        </row>
        <row r="2661">
          <cell r="A2661" t="str">
            <v>SWETWA22012</v>
          </cell>
          <cell r="B2661" t="str">
            <v>SWE</v>
          </cell>
          <cell r="C2661" t="str">
            <v>Sweden</v>
          </cell>
          <cell r="D2661" t="str">
            <v>Item 14</v>
          </cell>
          <cell r="E2661" t="str">
            <v>TWA2A, TWA2B</v>
          </cell>
          <cell r="F2661" t="str">
            <v>Are there any restrictions on the number of renewals of a TWA contract?</v>
          </cell>
          <cell r="G2661">
            <v>2012</v>
          </cell>
          <cell r="H2661">
            <v>2012</v>
          </cell>
          <cell r="I2661" t="str">
            <v>No for assignments
Yes for contracts, as stipulated by collective agreements</v>
          </cell>
          <cell r="J2661" t="str">
            <v>No</v>
          </cell>
          <cell r="K2661" t="str">
            <v>Yes</v>
          </cell>
          <cell r="M2661">
            <v>2</v>
          </cell>
          <cell r="N2661">
            <v>4</v>
          </cell>
        </row>
        <row r="2662">
          <cell r="A2662" t="str">
            <v>SWETWA32012</v>
          </cell>
          <cell r="B2662" t="str">
            <v>SWE</v>
          </cell>
          <cell r="C2662" t="str">
            <v>Sweden</v>
          </cell>
          <cell r="D2662" t="str">
            <v>Item 15</v>
          </cell>
          <cell r="E2662" t="str">
            <v>TWA3A, TWA3B</v>
          </cell>
          <cell r="F2662" t="str">
            <v>Maximum cumulated duration of temporary work contracts</v>
          </cell>
          <cell r="G2662">
            <v>2012</v>
          </cell>
          <cell r="H2662">
            <v>2012</v>
          </cell>
          <cell r="I266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62">
            <v>100</v>
          </cell>
          <cell r="K2662">
            <v>100</v>
          </cell>
          <cell r="M2662">
            <v>0</v>
          </cell>
          <cell r="N2662">
            <v>0</v>
          </cell>
        </row>
        <row r="2663">
          <cell r="A2663" t="str">
            <v>SWETWA42012</v>
          </cell>
          <cell r="B2663" t="str">
            <v>SWE</v>
          </cell>
          <cell r="C2663" t="str">
            <v>Sweden</v>
          </cell>
          <cell r="D2663" t="str">
            <v>Item 16</v>
          </cell>
          <cell r="E2663" t="str">
            <v>TWA4</v>
          </cell>
          <cell r="F2663" t="str">
            <v>Authorisation and reporting obligations</v>
          </cell>
          <cell r="G2663">
            <v>2012</v>
          </cell>
          <cell r="H2663">
            <v>2012</v>
          </cell>
          <cell r="I2663" t="str">
            <v>There is a voluntary authorisation system which is administered by the social partners</v>
          </cell>
          <cell r="J2663">
            <v>0</v>
          </cell>
          <cell r="M2663">
            <v>0</v>
          </cell>
        </row>
        <row r="2664">
          <cell r="A2664" t="str">
            <v>SWETWA52012</v>
          </cell>
          <cell r="B2664" t="str">
            <v>SWE</v>
          </cell>
          <cell r="C2664" t="str">
            <v>Sweden</v>
          </cell>
          <cell r="D2664" t="str">
            <v>Item 17</v>
          </cell>
          <cell r="E2664" t="str">
            <v>TWA5</v>
          </cell>
          <cell r="F2664" t="str">
            <v>Equal treatment for TWA workers</v>
          </cell>
          <cell r="G2664">
            <v>2012</v>
          </cell>
          <cell r="H2664">
            <v>2012</v>
          </cell>
          <cell r="I266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2664">
            <v>0.5</v>
          </cell>
          <cell r="M2664">
            <v>1.5</v>
          </cell>
        </row>
        <row r="2665">
          <cell r="A2665" t="str">
            <v>SWECD12012</v>
          </cell>
          <cell r="B2665" t="str">
            <v>SWE</v>
          </cell>
          <cell r="C2665" t="str">
            <v>Sweden</v>
          </cell>
          <cell r="D2665" t="str">
            <v>Item 18</v>
          </cell>
          <cell r="E2665" t="str">
            <v>CD1</v>
          </cell>
          <cell r="F2665" t="str">
            <v>Definition of collective dismissal</v>
          </cell>
          <cell r="G2665">
            <v>2012</v>
          </cell>
          <cell r="H2665">
            <v>2012</v>
          </cell>
          <cell r="I266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65">
            <v>4</v>
          </cell>
          <cell r="M2665">
            <v>6</v>
          </cell>
        </row>
        <row r="2666">
          <cell r="A2666" t="str">
            <v>SWECD22012</v>
          </cell>
          <cell r="B2666" t="str">
            <v>SWE</v>
          </cell>
          <cell r="C2666" t="str">
            <v>Sweden</v>
          </cell>
          <cell r="D2666" t="str">
            <v>Item 19</v>
          </cell>
          <cell r="E2666" t="str">
            <v>CD2</v>
          </cell>
          <cell r="F2666" t="str">
            <v>Additional notification requirements in case of collective dismissals</v>
          </cell>
          <cell r="G2666">
            <v>2012</v>
          </cell>
          <cell r="H2666">
            <v>2012</v>
          </cell>
          <cell r="I2666" t="str">
            <v>Notification of employee representatives: Duty to inform and consult with competent trade union. Notification of public authorities: Notification of Employment Agency.</v>
          </cell>
          <cell r="J2666">
            <v>1</v>
          </cell>
          <cell r="M2666">
            <v>3</v>
          </cell>
        </row>
        <row r="2667">
          <cell r="A2667" t="str">
            <v>SWECD32012</v>
          </cell>
          <cell r="B2667" t="str">
            <v>SWE</v>
          </cell>
          <cell r="C2667" t="str">
            <v>Sweden</v>
          </cell>
          <cell r="D2667" t="str">
            <v>Item 20</v>
          </cell>
          <cell r="E2667" t="str">
            <v>CD3</v>
          </cell>
          <cell r="F2667" t="str">
            <v>Additional delays involved in case of collective dismissals</v>
          </cell>
          <cell r="G2667">
            <v>2012</v>
          </cell>
          <cell r="H2667">
            <v>2012</v>
          </cell>
          <cell r="I266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67">
            <v>12.25</v>
          </cell>
          <cell r="M2667">
            <v>1</v>
          </cell>
        </row>
        <row r="2668">
          <cell r="A2668" t="str">
            <v>SWECD42012</v>
          </cell>
          <cell r="B2668" t="str">
            <v>SWE</v>
          </cell>
          <cell r="C2668" t="str">
            <v>Sweden</v>
          </cell>
          <cell r="D2668" t="str">
            <v>Item 21</v>
          </cell>
          <cell r="E2668" t="str">
            <v>CD4</v>
          </cell>
          <cell r="F2668" t="str">
            <v>Other special costs to employers in case of collective dismissals</v>
          </cell>
          <cell r="G2668">
            <v>2012</v>
          </cell>
          <cell r="H2668">
            <v>2012</v>
          </cell>
          <cell r="I266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68">
            <v>0</v>
          </cell>
          <cell r="M2668">
            <v>0</v>
          </cell>
        </row>
        <row r="2669">
          <cell r="A2669" t="str">
            <v>SWEREG12013</v>
          </cell>
          <cell r="B2669" t="str">
            <v>SWE</v>
          </cell>
          <cell r="C2669" t="str">
            <v>Sweden</v>
          </cell>
          <cell r="D2669" t="str">
            <v>Item 1</v>
          </cell>
          <cell r="E2669" t="str">
            <v>REG1</v>
          </cell>
          <cell r="F2669" t="str">
            <v>Notification procedures</v>
          </cell>
          <cell r="G2669">
            <v>2013</v>
          </cell>
          <cell r="H2669">
            <v>2013</v>
          </cell>
          <cell r="I2669"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69">
            <v>2</v>
          </cell>
          <cell r="M2669">
            <v>4</v>
          </cell>
        </row>
        <row r="2670">
          <cell r="A2670" t="str">
            <v>SWEREG22013</v>
          </cell>
          <cell r="B2670" t="str">
            <v>SWE</v>
          </cell>
          <cell r="C2670" t="str">
            <v>Sweden</v>
          </cell>
          <cell r="D2670" t="str">
            <v>Item 2</v>
          </cell>
          <cell r="E2670" t="str">
            <v>REG2</v>
          </cell>
          <cell r="F2670" t="str">
            <v>Delay before notice can start</v>
          </cell>
          <cell r="G2670">
            <v>2013</v>
          </cell>
          <cell r="H2670">
            <v>2013</v>
          </cell>
          <cell r="I2670"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70">
            <v>17.75</v>
          </cell>
          <cell r="M2670">
            <v>2</v>
          </cell>
        </row>
        <row r="2671">
          <cell r="A2671" t="str">
            <v>SWEREG32013</v>
          </cell>
          <cell r="B2671" t="str">
            <v>SWE</v>
          </cell>
          <cell r="C2671" t="str">
            <v>Sweden</v>
          </cell>
          <cell r="D2671" t="str">
            <v>Item 3</v>
          </cell>
          <cell r="E2671" t="str">
            <v>REG3A, REG3B, REG3C</v>
          </cell>
          <cell r="F2671" t="str">
            <v>Notice / tenure</v>
          </cell>
          <cell r="G2671">
            <v>2013</v>
          </cell>
          <cell r="H2671">
            <v>2013</v>
          </cell>
          <cell r="I2671" t="str">
            <v xml:space="preserve">Termination 
According to section 11 EPA. 
1m&lt;2y; 2m&lt;4y; 3m&lt;6y; 4m&lt;8y; 5m&lt;10y; 6m&gt;10y. 
Deviation is possible by collective agreement.
Dismissal due to gross misconduct:
No notice period.  
</v>
          </cell>
          <cell r="J2671">
            <v>1</v>
          </cell>
          <cell r="K2671">
            <v>3</v>
          </cell>
          <cell r="L2671">
            <v>6</v>
          </cell>
          <cell r="M2671">
            <v>3</v>
          </cell>
          <cell r="N2671">
            <v>5</v>
          </cell>
          <cell r="O2671">
            <v>3</v>
          </cell>
        </row>
        <row r="2672">
          <cell r="A2672" t="str">
            <v>SWEREG42013</v>
          </cell>
          <cell r="B2672" t="str">
            <v>SWE</v>
          </cell>
          <cell r="C2672" t="str">
            <v>Sweden</v>
          </cell>
          <cell r="D2672" t="str">
            <v>Item 4</v>
          </cell>
          <cell r="E2672" t="str">
            <v>REG4A, REG4B, REG4C</v>
          </cell>
          <cell r="F2672" t="str">
            <v>Severance pay / tenure</v>
          </cell>
          <cell r="G2672">
            <v>2013</v>
          </cell>
          <cell r="H2672">
            <v>2013</v>
          </cell>
          <cell r="I2672" t="str">
            <v>No legal entitlement, but often included in collective agreements, although in the form of fee-based insurance schemes, with employers’ contributions payable as a percentage of payroll.</v>
          </cell>
          <cell r="J2672">
            <v>0</v>
          </cell>
          <cell r="K2672">
            <v>0</v>
          </cell>
          <cell r="L2672">
            <v>0</v>
          </cell>
          <cell r="M2672">
            <v>0</v>
          </cell>
          <cell r="N2672">
            <v>0</v>
          </cell>
          <cell r="O2672">
            <v>0</v>
          </cell>
        </row>
        <row r="2673">
          <cell r="A2673" t="str">
            <v>SWEREG52013</v>
          </cell>
          <cell r="B2673" t="str">
            <v>SWE</v>
          </cell>
          <cell r="C2673" t="str">
            <v>Sweden</v>
          </cell>
          <cell r="D2673" t="str">
            <v>Item 5</v>
          </cell>
          <cell r="E2673" t="str">
            <v>REG5</v>
          </cell>
          <cell r="F2673" t="str">
            <v>Definition of justified or unfair dismissal</v>
          </cell>
          <cell r="G2673">
            <v>2013</v>
          </cell>
          <cell r="H2673">
            <v>2013</v>
          </cell>
          <cell r="I2673"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73">
            <v>2</v>
          </cell>
          <cell r="M2673">
            <v>4</v>
          </cell>
        </row>
        <row r="2674">
          <cell r="A2674" t="str">
            <v>SWEREG62013</v>
          </cell>
          <cell r="B2674" t="str">
            <v>SWE</v>
          </cell>
          <cell r="C2674" t="str">
            <v>Sweden</v>
          </cell>
          <cell r="D2674" t="str">
            <v>Item 6</v>
          </cell>
          <cell r="E2674" t="str">
            <v>REG6</v>
          </cell>
          <cell r="F2674" t="str">
            <v>Trial period</v>
          </cell>
          <cell r="G2674">
            <v>2013</v>
          </cell>
          <cell r="H2674">
            <v>2013</v>
          </cell>
          <cell r="I2674"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74">
            <v>6</v>
          </cell>
          <cell r="M2674">
            <v>3</v>
          </cell>
        </row>
        <row r="2675">
          <cell r="A2675" t="str">
            <v>SWEREG72013</v>
          </cell>
          <cell r="B2675" t="str">
            <v>SWE</v>
          </cell>
          <cell r="C2675" t="str">
            <v>Sweden</v>
          </cell>
          <cell r="D2675" t="str">
            <v>Item 7</v>
          </cell>
          <cell r="E2675" t="str">
            <v>REG7</v>
          </cell>
          <cell r="F2675" t="str">
            <v xml:space="preserve">Compensation following unfair dismissal </v>
          </cell>
          <cell r="G2675">
            <v>2013</v>
          </cell>
          <cell r="H2675">
            <v>2013</v>
          </cell>
          <cell r="I2675"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75">
            <v>32</v>
          </cell>
          <cell r="M2675">
            <v>6</v>
          </cell>
        </row>
        <row r="2676">
          <cell r="A2676" t="str">
            <v>SWEREG82013</v>
          </cell>
          <cell r="B2676" t="str">
            <v>SWE</v>
          </cell>
          <cell r="C2676" t="str">
            <v>Sweden</v>
          </cell>
          <cell r="D2676" t="str">
            <v>Item 8</v>
          </cell>
          <cell r="E2676" t="str">
            <v>REG8</v>
          </cell>
          <cell r="F2676" t="str">
            <v>Possibility of reinstatement following unfair dismissal</v>
          </cell>
          <cell r="G2676">
            <v>2013</v>
          </cell>
          <cell r="H2676">
            <v>2013</v>
          </cell>
          <cell r="I2676"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76">
            <v>0</v>
          </cell>
          <cell r="M2676">
            <v>0</v>
          </cell>
        </row>
        <row r="2677">
          <cell r="A2677" t="str">
            <v>SWEREG92013</v>
          </cell>
          <cell r="B2677" t="str">
            <v>SWE</v>
          </cell>
          <cell r="C2677" t="str">
            <v>Sweden</v>
          </cell>
          <cell r="D2677" t="str">
            <v>Item 9</v>
          </cell>
          <cell r="E2677" t="str">
            <v>REG9</v>
          </cell>
          <cell r="F2677" t="str">
            <v>Maximum time for claim</v>
          </cell>
          <cell r="G2677">
            <v>2013</v>
          </cell>
          <cell r="H2677">
            <v>2013</v>
          </cell>
          <cell r="I2677" t="str">
            <v xml:space="preserve">2 weeks if the employee wants to have the dismissal ruled invalid. If only damages are claimed, the time limit is 4 months (Sections 40 and 41, EPA).
Average of 2 weeks and 4 months
</v>
          </cell>
          <cell r="J2677">
            <v>2.25</v>
          </cell>
          <cell r="M2677">
            <v>2</v>
          </cell>
        </row>
        <row r="2678">
          <cell r="A2678" t="str">
            <v>SWEFTC12013</v>
          </cell>
          <cell r="B2678" t="str">
            <v>SWE</v>
          </cell>
          <cell r="C2678" t="str">
            <v>Sweden</v>
          </cell>
          <cell r="D2678" t="str">
            <v>Item 10</v>
          </cell>
          <cell r="E2678" t="str">
            <v>FTC1</v>
          </cell>
          <cell r="F2678" t="str">
            <v>Valid cases for use of fixed-term contracts, other than  “objective”  or “material” situation</v>
          </cell>
          <cell r="G2678">
            <v>2013</v>
          </cell>
          <cell r="H2678">
            <v>2013</v>
          </cell>
          <cell r="I2678"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78">
            <v>3</v>
          </cell>
          <cell r="M2678">
            <v>0</v>
          </cell>
        </row>
        <row r="2679">
          <cell r="A2679" t="str">
            <v>SWEFTC22013</v>
          </cell>
          <cell r="B2679" t="str">
            <v>SWE</v>
          </cell>
          <cell r="C2679" t="str">
            <v>Sweden</v>
          </cell>
          <cell r="D2679" t="str">
            <v>Item 11</v>
          </cell>
          <cell r="E2679" t="str">
            <v>FTC2</v>
          </cell>
          <cell r="F2679" t="str">
            <v>Maximum number of successive fixed-term contracts</v>
          </cell>
          <cell r="G2679">
            <v>2013</v>
          </cell>
          <cell r="H2679">
            <v>2013</v>
          </cell>
          <cell r="I2679" t="str">
            <v>No limit specified.</v>
          </cell>
          <cell r="J2679">
            <v>100</v>
          </cell>
          <cell r="M2679">
            <v>0</v>
          </cell>
        </row>
        <row r="2680">
          <cell r="A2680" t="str">
            <v>SWEFTC32013</v>
          </cell>
          <cell r="B2680" t="str">
            <v>SWE</v>
          </cell>
          <cell r="C2680" t="str">
            <v>Sweden</v>
          </cell>
          <cell r="D2680" t="str">
            <v>Item 12</v>
          </cell>
          <cell r="E2680" t="str">
            <v>FTC3</v>
          </cell>
          <cell r="F2680" t="str">
            <v>Maximum cumulated duration of successive fixed-term contracts</v>
          </cell>
          <cell r="G2680">
            <v>2013</v>
          </cell>
          <cell r="H2680">
            <v>2013</v>
          </cell>
          <cell r="I2680"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80">
            <v>24</v>
          </cell>
          <cell r="M2680">
            <v>3</v>
          </cell>
        </row>
        <row r="2681">
          <cell r="A2681" t="str">
            <v>SWETWA12013</v>
          </cell>
          <cell r="B2681" t="str">
            <v>SWE</v>
          </cell>
          <cell r="C2681" t="str">
            <v>Sweden</v>
          </cell>
          <cell r="D2681" t="str">
            <v>Item 13</v>
          </cell>
          <cell r="E2681" t="str">
            <v>TWA1</v>
          </cell>
          <cell r="F2681" t="str">
            <v>Types of work for which TWA employment is legal</v>
          </cell>
          <cell r="G2681">
            <v>2013</v>
          </cell>
          <cell r="H2681">
            <v>2013</v>
          </cell>
          <cell r="I2681" t="str">
            <v>TAW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81">
            <v>3.5</v>
          </cell>
          <cell r="M2681">
            <v>0.75</v>
          </cell>
        </row>
        <row r="2682">
          <cell r="A2682" t="str">
            <v>SWETWA22013</v>
          </cell>
          <cell r="B2682" t="str">
            <v>SWE</v>
          </cell>
          <cell r="C2682" t="str">
            <v>Sweden</v>
          </cell>
          <cell r="D2682" t="str">
            <v>Item 14</v>
          </cell>
          <cell r="E2682" t="str">
            <v>TWA2A, TWA2B</v>
          </cell>
          <cell r="F2682" t="str">
            <v>Are there any restrictions on the number of renewals of a TWA contract?</v>
          </cell>
          <cell r="G2682">
            <v>2013</v>
          </cell>
          <cell r="H2682">
            <v>2013</v>
          </cell>
          <cell r="I2682" t="str">
            <v>No for assignments
Yes for contracts, as stipulated by collective agreements</v>
          </cell>
          <cell r="J2682" t="str">
            <v>No</v>
          </cell>
          <cell r="K2682" t="str">
            <v>Yes</v>
          </cell>
          <cell r="M2682">
            <v>2</v>
          </cell>
          <cell r="N2682">
            <v>4</v>
          </cell>
        </row>
        <row r="2683">
          <cell r="A2683" t="str">
            <v>SWETWA32013</v>
          </cell>
          <cell r="B2683" t="str">
            <v>SWE</v>
          </cell>
          <cell r="C2683" t="str">
            <v>Sweden</v>
          </cell>
          <cell r="D2683" t="str">
            <v>Item 15</v>
          </cell>
          <cell r="E2683" t="str">
            <v>TWA3A, TWA3B</v>
          </cell>
          <cell r="F2683" t="str">
            <v>Maximum cumulated duration of temporary work contracts</v>
          </cell>
          <cell r="G2683">
            <v>2013</v>
          </cell>
          <cell r="H2683">
            <v>2013</v>
          </cell>
          <cell r="I2683"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83">
            <v>100</v>
          </cell>
          <cell r="K2683">
            <v>100</v>
          </cell>
          <cell r="M2683">
            <v>0</v>
          </cell>
          <cell r="N2683">
            <v>0</v>
          </cell>
        </row>
        <row r="2684">
          <cell r="A2684" t="str">
            <v>SWETWA42013</v>
          </cell>
          <cell r="B2684" t="str">
            <v>SWE</v>
          </cell>
          <cell r="C2684" t="str">
            <v>Sweden</v>
          </cell>
          <cell r="D2684" t="str">
            <v>Item 16</v>
          </cell>
          <cell r="E2684" t="str">
            <v>TWA4</v>
          </cell>
          <cell r="F2684" t="str">
            <v>Authorisation and reporting obligations</v>
          </cell>
          <cell r="G2684">
            <v>2013</v>
          </cell>
          <cell r="H2684">
            <v>2013</v>
          </cell>
          <cell r="I2684" t="str">
            <v>There is a voluntary authorisation system which is administered by the social partners</v>
          </cell>
          <cell r="J2684">
            <v>0</v>
          </cell>
          <cell r="M2684">
            <v>0</v>
          </cell>
        </row>
        <row r="2685">
          <cell r="A2685" t="str">
            <v>SWETWA52013</v>
          </cell>
          <cell r="B2685" t="str">
            <v>SWE</v>
          </cell>
          <cell r="C2685" t="str">
            <v>Sweden</v>
          </cell>
          <cell r="D2685" t="str">
            <v>Item 17</v>
          </cell>
          <cell r="E2685" t="str">
            <v>TWA5</v>
          </cell>
          <cell r="F2685" t="str">
            <v>Equal treatment for TWA workers</v>
          </cell>
          <cell r="G2685">
            <v>2013</v>
          </cell>
          <cell r="H2685">
            <v>2013</v>
          </cell>
          <cell r="I2685" t="str">
            <v>The law on Agency Work implements the Directive 2008/104/EG of the European Parliament and of the Council of 19 November 2008 on temporary agency work and is applicable to workers with a contract of employment or employment relationship with a temporary-work agency who are assigned to user undertakings to work temporarily under their supervision and direction. The law states  for instance, that the basic working and employment conditions of temporary agency workers shall be, for the duration of their assignment at a user undertaking, at least those that would apply if they had been recruited directly by that undertaking to occupy the same job. The norms that the comparison shall have reference to are conditions that are general and binding, such as norms in collective agreements. Exception from the principle of equal treatment can be made through collective agreements as long as the basic protection in the EU directive on temporary work is respected. Exception from the principle of equal treatment when it comes to salary can also be made for temporary agency workers who have an open ended work contract and who receive pay between the assignments.</v>
          </cell>
          <cell r="J2685">
            <v>2</v>
          </cell>
          <cell r="M2685">
            <v>6</v>
          </cell>
          <cell r="P2685">
            <v>41275</v>
          </cell>
        </row>
        <row r="2686">
          <cell r="A2686" t="str">
            <v>SWECD12013</v>
          </cell>
          <cell r="B2686" t="str">
            <v>SWE</v>
          </cell>
          <cell r="C2686" t="str">
            <v>Sweden</v>
          </cell>
          <cell r="D2686" t="str">
            <v>Item 18</v>
          </cell>
          <cell r="E2686" t="str">
            <v>CD1</v>
          </cell>
          <cell r="F2686" t="str">
            <v>Definition of collective dismissal</v>
          </cell>
          <cell r="G2686">
            <v>2013</v>
          </cell>
          <cell r="H2686">
            <v>2013</v>
          </cell>
          <cell r="I2686"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86">
            <v>4</v>
          </cell>
          <cell r="M2686">
            <v>6</v>
          </cell>
        </row>
        <row r="2687">
          <cell r="A2687" t="str">
            <v>SWECD22013</v>
          </cell>
          <cell r="B2687" t="str">
            <v>SWE</v>
          </cell>
          <cell r="C2687" t="str">
            <v>Sweden</v>
          </cell>
          <cell r="D2687" t="str">
            <v>Item 19</v>
          </cell>
          <cell r="E2687" t="str">
            <v>CD2</v>
          </cell>
          <cell r="F2687" t="str">
            <v>Additional notification requirements in case of collective dismissals</v>
          </cell>
          <cell r="G2687">
            <v>2013</v>
          </cell>
          <cell r="H2687">
            <v>2013</v>
          </cell>
          <cell r="I2687" t="str">
            <v>Notification of employee representatives: Duty to inform and consult with competent trade union. Notification of public authorities: Notification of Employment Agency.</v>
          </cell>
          <cell r="J2687">
            <v>1</v>
          </cell>
          <cell r="M2687">
            <v>3</v>
          </cell>
        </row>
        <row r="2688">
          <cell r="A2688" t="str">
            <v>SWECD32013</v>
          </cell>
          <cell r="B2688" t="str">
            <v>SWE</v>
          </cell>
          <cell r="C2688" t="str">
            <v>Sweden</v>
          </cell>
          <cell r="D2688" t="str">
            <v>Item 20</v>
          </cell>
          <cell r="E2688" t="str">
            <v>CD3</v>
          </cell>
          <cell r="F2688" t="str">
            <v>Additional delays involved in case of collective dismissals</v>
          </cell>
          <cell r="G2688">
            <v>2013</v>
          </cell>
          <cell r="H2688">
            <v>2013</v>
          </cell>
          <cell r="I2688"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88">
            <v>12.25</v>
          </cell>
          <cell r="M2688">
            <v>1</v>
          </cell>
        </row>
        <row r="2689">
          <cell r="A2689" t="str">
            <v>SWECD42013</v>
          </cell>
          <cell r="B2689" t="str">
            <v>SWE</v>
          </cell>
          <cell r="C2689" t="str">
            <v>Sweden</v>
          </cell>
          <cell r="D2689" t="str">
            <v>Item 21</v>
          </cell>
          <cell r="E2689" t="str">
            <v>CD4</v>
          </cell>
          <cell r="F2689" t="str">
            <v>Other special costs to employers in case of collective dismissals</v>
          </cell>
          <cell r="G2689">
            <v>2013</v>
          </cell>
          <cell r="H2689">
            <v>2013</v>
          </cell>
          <cell r="I2689"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89">
            <v>0</v>
          </cell>
          <cell r="M2689">
            <v>0</v>
          </cell>
        </row>
        <row r="2690">
          <cell r="A2690" t="str">
            <v>ESTREG12012</v>
          </cell>
          <cell r="B2690" t="str">
            <v>EST</v>
          </cell>
          <cell r="C2690" t="str">
            <v>Estonia</v>
          </cell>
          <cell r="D2690" t="str">
            <v>Item 1</v>
          </cell>
          <cell r="E2690" t="str">
            <v>REG1</v>
          </cell>
          <cell r="F2690" t="str">
            <v>Notification procedures</v>
          </cell>
          <cell r="G2690">
            <v>2012</v>
          </cell>
          <cell r="H2690">
            <v>2012</v>
          </cell>
          <cell r="I2690"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690">
            <v>1.5</v>
          </cell>
          <cell r="M2690">
            <v>3</v>
          </cell>
          <cell r="P2690">
            <v>39820</v>
          </cell>
        </row>
        <row r="2691">
          <cell r="A2691" t="str">
            <v>ESTREG22012</v>
          </cell>
          <cell r="B2691" t="str">
            <v>EST</v>
          </cell>
          <cell r="C2691" t="str">
            <v>Estonia</v>
          </cell>
          <cell r="D2691" t="str">
            <v>Item 2</v>
          </cell>
          <cell r="E2691" t="str">
            <v>REG2</v>
          </cell>
          <cell r="F2691" t="str">
            <v>Delay before notice can start</v>
          </cell>
          <cell r="G2691">
            <v>2012</v>
          </cell>
          <cell r="H2691">
            <v>2012</v>
          </cell>
          <cell r="I2691"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691">
            <v>4</v>
          </cell>
          <cell r="M2691">
            <v>1</v>
          </cell>
          <cell r="P2691">
            <v>39820</v>
          </cell>
        </row>
        <row r="2692">
          <cell r="A2692" t="str">
            <v>ESTREG32012</v>
          </cell>
          <cell r="B2692" t="str">
            <v>EST</v>
          </cell>
          <cell r="C2692" t="str">
            <v>Estonia</v>
          </cell>
          <cell r="D2692" t="str">
            <v>Item 3</v>
          </cell>
          <cell r="E2692" t="str">
            <v>REG3A, REG3B, REG3C</v>
          </cell>
          <cell r="F2692" t="str">
            <v>Notice / tenure</v>
          </cell>
          <cell r="G2692">
            <v>2012</v>
          </cell>
          <cell r="H2692">
            <v>2012</v>
          </cell>
          <cell r="I2692"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692">
            <v>0.5</v>
          </cell>
          <cell r="K2692">
            <v>1</v>
          </cell>
          <cell r="L2692">
            <v>3</v>
          </cell>
          <cell r="M2692">
            <v>2</v>
          </cell>
          <cell r="N2692">
            <v>2</v>
          </cell>
          <cell r="O2692">
            <v>2</v>
          </cell>
          <cell r="P2692">
            <v>39820</v>
          </cell>
        </row>
        <row r="2693">
          <cell r="A2693" t="str">
            <v>ESTREG42012</v>
          </cell>
          <cell r="B2693" t="str">
            <v>EST</v>
          </cell>
          <cell r="C2693" t="str">
            <v>Estonia</v>
          </cell>
          <cell r="D2693" t="str">
            <v>Item 4</v>
          </cell>
          <cell r="E2693" t="str">
            <v>REG4A, REG4B, REG4C</v>
          </cell>
          <cell r="F2693" t="str">
            <v>Severance pay / tenure</v>
          </cell>
          <cell r="G2693">
            <v>2012</v>
          </cell>
          <cell r="H2693">
            <v>2012</v>
          </cell>
          <cell r="I2693"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693">
            <v>0.5</v>
          </cell>
          <cell r="K2693">
            <v>0.5</v>
          </cell>
          <cell r="L2693">
            <v>0.5</v>
          </cell>
          <cell r="M2693">
            <v>1</v>
          </cell>
          <cell r="N2693">
            <v>1</v>
          </cell>
          <cell r="O2693">
            <v>1</v>
          </cell>
          <cell r="P2693">
            <v>39820</v>
          </cell>
        </row>
        <row r="2694">
          <cell r="A2694" t="str">
            <v>ESTREG52012</v>
          </cell>
          <cell r="B2694" t="str">
            <v>EST</v>
          </cell>
          <cell r="C2694" t="str">
            <v>Estonia</v>
          </cell>
          <cell r="D2694" t="str">
            <v>Item 5</v>
          </cell>
          <cell r="E2694" t="str">
            <v>REG5</v>
          </cell>
          <cell r="F2694" t="str">
            <v>Definition of justified or unfair dismissal</v>
          </cell>
          <cell r="G2694">
            <v>2012</v>
          </cell>
          <cell r="H2694">
            <v>2012</v>
          </cell>
          <cell r="I2694"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694">
            <v>2</v>
          </cell>
          <cell r="M2694">
            <v>4</v>
          </cell>
          <cell r="P2694">
            <v>39820</v>
          </cell>
        </row>
        <row r="2695">
          <cell r="A2695" t="str">
            <v>ESTREG62012</v>
          </cell>
          <cell r="B2695" t="str">
            <v>EST</v>
          </cell>
          <cell r="C2695" t="str">
            <v>Estonia</v>
          </cell>
          <cell r="D2695" t="str">
            <v>Item 6</v>
          </cell>
          <cell r="E2695" t="str">
            <v>REG6</v>
          </cell>
          <cell r="F2695" t="str">
            <v>Trial period</v>
          </cell>
          <cell r="G2695">
            <v>2012</v>
          </cell>
          <cell r="H2695">
            <v>2012</v>
          </cell>
          <cell r="I2695" t="str">
            <v xml:space="preserve">A probationary period shall not exceed 4 months.
In the case of the employment contract entered into for a specified term of up to eight months the probationary period may not be longer than half of the contract term.
</v>
          </cell>
          <cell r="J2695">
            <v>4</v>
          </cell>
          <cell r="M2695">
            <v>4</v>
          </cell>
        </row>
        <row r="2696">
          <cell r="A2696" t="str">
            <v>ESTREG72012</v>
          </cell>
          <cell r="B2696" t="str">
            <v>EST</v>
          </cell>
          <cell r="C2696" t="str">
            <v>Estonia</v>
          </cell>
          <cell r="D2696" t="str">
            <v>Item 7</v>
          </cell>
          <cell r="E2696" t="str">
            <v>REG7</v>
          </cell>
          <cell r="F2696" t="str">
            <v xml:space="preserve">Compensation following unfair dismissal </v>
          </cell>
          <cell r="G2696">
            <v>2012</v>
          </cell>
          <cell r="H2696">
            <v>2012</v>
          </cell>
          <cell r="I2696"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696">
            <v>3</v>
          </cell>
          <cell r="M2696">
            <v>0</v>
          </cell>
          <cell r="P2696">
            <v>39820</v>
          </cell>
        </row>
        <row r="2697">
          <cell r="A2697" t="str">
            <v>ESTREG82012</v>
          </cell>
          <cell r="B2697" t="str">
            <v>EST</v>
          </cell>
          <cell r="C2697" t="str">
            <v>Estonia</v>
          </cell>
          <cell r="D2697" t="str">
            <v>Item 8</v>
          </cell>
          <cell r="E2697" t="str">
            <v>REG8</v>
          </cell>
          <cell r="F2697" t="str">
            <v>Possibility of reinstatement following unfair dismissal</v>
          </cell>
          <cell r="G2697">
            <v>2012</v>
          </cell>
          <cell r="H2697">
            <v>2012</v>
          </cell>
          <cell r="I2697"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697">
            <v>0</v>
          </cell>
          <cell r="M2697">
            <v>0</v>
          </cell>
          <cell r="P2697">
            <v>39820</v>
          </cell>
        </row>
        <row r="2698">
          <cell r="A2698" t="str">
            <v>ESTREG92012</v>
          </cell>
          <cell r="B2698" t="str">
            <v>EST</v>
          </cell>
          <cell r="C2698" t="str">
            <v>Estonia</v>
          </cell>
          <cell r="D2698" t="str">
            <v>Item 9</v>
          </cell>
          <cell r="E2698" t="str">
            <v>REG9</v>
          </cell>
          <cell r="F2698" t="str">
            <v>Maximum time for claim</v>
          </cell>
          <cell r="G2698">
            <v>2012</v>
          </cell>
          <cell r="H2698">
            <v>2012</v>
          </cell>
          <cell r="I2698" t="str">
            <v>An action with the court or an application with a labour dispute committee for establishment of voidness of cancellation shall be filed within 30 calendar days as of the receipt of the declaration of cancellation.</v>
          </cell>
          <cell r="J2698">
            <v>1</v>
          </cell>
          <cell r="M2698">
            <v>1</v>
          </cell>
          <cell r="P2698">
            <v>39820</v>
          </cell>
        </row>
        <row r="2699">
          <cell r="A2699" t="str">
            <v>ESTFTC12012</v>
          </cell>
          <cell r="B2699" t="str">
            <v>EST</v>
          </cell>
          <cell r="C2699" t="str">
            <v>Estonia</v>
          </cell>
          <cell r="D2699" t="str">
            <v>Item 10</v>
          </cell>
          <cell r="E2699" t="str">
            <v>FTC1</v>
          </cell>
          <cell r="F2699" t="str">
            <v>Valid cases for use of fixed-term contracts, other than  “objective”  or “material” situation</v>
          </cell>
          <cell r="G2699">
            <v>2012</v>
          </cell>
          <cell r="H2699">
            <v>2012</v>
          </cell>
          <cell r="I2699"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699">
            <v>1</v>
          </cell>
          <cell r="M2699">
            <v>4</v>
          </cell>
          <cell r="P2699">
            <v>39820</v>
          </cell>
        </row>
        <row r="2700">
          <cell r="A2700" t="str">
            <v>ESTFTC22012</v>
          </cell>
          <cell r="B2700" t="str">
            <v>EST</v>
          </cell>
          <cell r="C2700" t="str">
            <v>Estonia</v>
          </cell>
          <cell r="D2700" t="str">
            <v>Item 11</v>
          </cell>
          <cell r="E2700" t="str">
            <v>FTC2</v>
          </cell>
          <cell r="F2700" t="str">
            <v>Maximum number of successive fixed-term contracts</v>
          </cell>
          <cell r="G2700">
            <v>2012</v>
          </cell>
          <cell r="H2700">
            <v>2012</v>
          </cell>
          <cell r="I2700"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00">
            <v>2</v>
          </cell>
          <cell r="M2700">
            <v>4</v>
          </cell>
        </row>
        <row r="2701">
          <cell r="A2701" t="str">
            <v>ESTFTC32012</v>
          </cell>
          <cell r="B2701" t="str">
            <v>EST</v>
          </cell>
          <cell r="C2701" t="str">
            <v>Estonia</v>
          </cell>
          <cell r="D2701" t="str">
            <v>Item 12</v>
          </cell>
          <cell r="E2701" t="str">
            <v>FTC3</v>
          </cell>
          <cell r="F2701" t="str">
            <v>Maximum cumulated duration of successive fixed-term contracts</v>
          </cell>
          <cell r="G2701">
            <v>2012</v>
          </cell>
          <cell r="H2701">
            <v>2012</v>
          </cell>
          <cell r="I2701" t="str">
            <v>120 months</v>
          </cell>
          <cell r="J2701">
            <v>120</v>
          </cell>
          <cell r="M2701">
            <v>1</v>
          </cell>
        </row>
        <row r="2702">
          <cell r="A2702" t="str">
            <v>ESTTWA12012</v>
          </cell>
          <cell r="B2702" t="str">
            <v>EST</v>
          </cell>
          <cell r="C2702" t="str">
            <v>Estonia</v>
          </cell>
          <cell r="D2702" t="str">
            <v>Item 13</v>
          </cell>
          <cell r="E2702" t="str">
            <v>TWA1</v>
          </cell>
          <cell r="F2702" t="str">
            <v>Types of work for which TWA employment is legal</v>
          </cell>
          <cell r="G2702">
            <v>2012</v>
          </cell>
          <cell r="H2702">
            <v>2012</v>
          </cell>
          <cell r="I2702" t="str">
            <v>TWA contracts are allowed in all types of work.</v>
          </cell>
          <cell r="J2702">
            <v>4</v>
          </cell>
          <cell r="M2702">
            <v>0</v>
          </cell>
        </row>
        <row r="2703">
          <cell r="A2703" t="str">
            <v>ESTTWA22012</v>
          </cell>
          <cell r="B2703" t="str">
            <v>EST</v>
          </cell>
          <cell r="C2703" t="str">
            <v>Estonia</v>
          </cell>
          <cell r="D2703" t="str">
            <v>Item 14</v>
          </cell>
          <cell r="E2703" t="str">
            <v>TWA2A, TWA2B</v>
          </cell>
          <cell r="F2703" t="str">
            <v>Are there any restrictions on the number of renewals of a TWA contract?</v>
          </cell>
          <cell r="G2703">
            <v>2012</v>
          </cell>
          <cell r="H2703">
            <v>2012</v>
          </cell>
          <cell r="I2703" t="str">
            <v>No restrictions.</v>
          </cell>
          <cell r="J2703" t="str">
            <v>No</v>
          </cell>
          <cell r="K2703" t="str">
            <v>No</v>
          </cell>
          <cell r="M2703">
            <v>2</v>
          </cell>
          <cell r="N2703">
            <v>2</v>
          </cell>
        </row>
        <row r="2704">
          <cell r="A2704" t="str">
            <v>ESTTWA32012</v>
          </cell>
          <cell r="B2704" t="str">
            <v>EST</v>
          </cell>
          <cell r="C2704" t="str">
            <v>Estonia</v>
          </cell>
          <cell r="D2704" t="str">
            <v>Item 15</v>
          </cell>
          <cell r="E2704" t="str">
            <v>TWA3A, TWA3B</v>
          </cell>
          <cell r="F2704" t="str">
            <v>Maximum cumulated duration of temporary work contracts</v>
          </cell>
          <cell r="G2704">
            <v>2012</v>
          </cell>
          <cell r="H2704">
            <v>2012</v>
          </cell>
          <cell r="I2704" t="str">
            <v>No limits.</v>
          </cell>
          <cell r="J2704">
            <v>100</v>
          </cell>
          <cell r="K2704">
            <v>100</v>
          </cell>
          <cell r="M2704">
            <v>0</v>
          </cell>
          <cell r="N2704">
            <v>0</v>
          </cell>
        </row>
        <row r="2705">
          <cell r="A2705" t="str">
            <v>ESTTWA42012</v>
          </cell>
          <cell r="B2705" t="str">
            <v>EST</v>
          </cell>
          <cell r="C2705" t="str">
            <v>Estonia</v>
          </cell>
          <cell r="D2705" t="str">
            <v>Item 16</v>
          </cell>
          <cell r="E2705" t="str">
            <v>TWA4</v>
          </cell>
          <cell r="F2705" t="str">
            <v>Authorisation or reporting requirements</v>
          </cell>
          <cell r="G2705">
            <v>2012</v>
          </cell>
          <cell r="H2705">
            <v>2012</v>
          </cell>
          <cell r="I2705" t="str">
            <v>Temporary agency work services may be provided by a legal person in private law who has been registered as an intermediary of temporary agency work in the register of economic activities.</v>
          </cell>
          <cell r="J2705">
            <v>0</v>
          </cell>
          <cell r="M2705">
            <v>0</v>
          </cell>
          <cell r="P2705">
            <v>39820</v>
          </cell>
        </row>
        <row r="2706">
          <cell r="A2706" t="str">
            <v>ESTTWA52012</v>
          </cell>
          <cell r="B2706" t="str">
            <v>EST</v>
          </cell>
          <cell r="C2706" t="str">
            <v>Estonia</v>
          </cell>
          <cell r="D2706" t="str">
            <v>Item 17</v>
          </cell>
          <cell r="E2706" t="str">
            <v>TWA5</v>
          </cell>
          <cell r="F2706" t="str">
            <v>Equal treatment for TWA workers</v>
          </cell>
          <cell r="G2706">
            <v>2012</v>
          </cell>
          <cell r="H2706">
            <v>2012</v>
          </cell>
          <cell r="I2706"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06">
            <v>2</v>
          </cell>
          <cell r="M2706">
            <v>6</v>
          </cell>
        </row>
        <row r="2707">
          <cell r="A2707" t="str">
            <v>ESTCD12012</v>
          </cell>
          <cell r="B2707" t="str">
            <v>EST</v>
          </cell>
          <cell r="C2707" t="str">
            <v>Estonia</v>
          </cell>
          <cell r="D2707" t="str">
            <v>Item 18</v>
          </cell>
          <cell r="E2707" t="str">
            <v>CD1</v>
          </cell>
          <cell r="F2707" t="str">
            <v>Definition of collective dismissal</v>
          </cell>
          <cell r="G2707">
            <v>2012</v>
          </cell>
          <cell r="H2707">
            <v>2012</v>
          </cell>
          <cell r="I2707"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07">
            <v>4</v>
          </cell>
          <cell r="M2707">
            <v>6</v>
          </cell>
        </row>
        <row r="2708">
          <cell r="A2708" t="str">
            <v>ESTCD22012</v>
          </cell>
          <cell r="B2708" t="str">
            <v>EST</v>
          </cell>
          <cell r="C2708" t="str">
            <v>Estonia</v>
          </cell>
          <cell r="D2708" t="str">
            <v>Item 19</v>
          </cell>
          <cell r="E2708" t="str">
            <v>CD2</v>
          </cell>
          <cell r="F2708" t="str">
            <v>Additional notification requirements in case of collective dismissals</v>
          </cell>
          <cell r="G2708">
            <v>2012</v>
          </cell>
          <cell r="H2708">
            <v>2012</v>
          </cell>
          <cell r="I2708" t="str">
            <v xml:space="preserve">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
</v>
          </cell>
          <cell r="J2708">
            <v>1.5</v>
          </cell>
          <cell r="M2708">
            <v>4.5</v>
          </cell>
          <cell r="P2708">
            <v>39820</v>
          </cell>
        </row>
        <row r="2709">
          <cell r="A2709" t="str">
            <v>ESTCD32012</v>
          </cell>
          <cell r="B2709" t="str">
            <v>EST</v>
          </cell>
          <cell r="C2709" t="str">
            <v>Estonia</v>
          </cell>
          <cell r="D2709" t="str">
            <v>Item 20</v>
          </cell>
          <cell r="E2709" t="str">
            <v>CD3</v>
          </cell>
          <cell r="F2709" t="str">
            <v>Additional delays involved in case of collective dismissals</v>
          </cell>
          <cell r="G2709">
            <v>2012</v>
          </cell>
          <cell r="H2709">
            <v>2012</v>
          </cell>
          <cell r="I2709"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09">
            <v>11</v>
          </cell>
          <cell r="M2709">
            <v>1</v>
          </cell>
        </row>
        <row r="2710">
          <cell r="A2710" t="str">
            <v>ESTCD42012</v>
          </cell>
          <cell r="B2710" t="str">
            <v>EST</v>
          </cell>
          <cell r="C2710" t="str">
            <v>Estonia</v>
          </cell>
          <cell r="D2710" t="str">
            <v>Item 21</v>
          </cell>
          <cell r="E2710" t="str">
            <v>CD4</v>
          </cell>
          <cell r="F2710" t="str">
            <v>Other special costs to employers in case of collective dismissals</v>
          </cell>
          <cell r="G2710">
            <v>2012</v>
          </cell>
          <cell r="H2710">
            <v>2012</v>
          </cell>
          <cell r="I2710" t="str">
            <v>No additional requirements</v>
          </cell>
          <cell r="J2710">
            <v>0</v>
          </cell>
          <cell r="M2710">
            <v>0</v>
          </cell>
        </row>
        <row r="2711">
          <cell r="A2711" t="str">
            <v>ESTREG12013</v>
          </cell>
          <cell r="B2711" t="str">
            <v>EST</v>
          </cell>
          <cell r="C2711" t="str">
            <v>Estonia</v>
          </cell>
          <cell r="D2711" t="str">
            <v>Item 1</v>
          </cell>
          <cell r="E2711" t="str">
            <v>REG1</v>
          </cell>
          <cell r="F2711" t="str">
            <v>Notification procedures</v>
          </cell>
          <cell r="G2711">
            <v>2013</v>
          </cell>
          <cell r="H2711">
            <v>2013</v>
          </cell>
          <cell r="I2711"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711">
            <v>1.5</v>
          </cell>
          <cell r="M2711">
            <v>3</v>
          </cell>
        </row>
        <row r="2712">
          <cell r="A2712" t="str">
            <v>ESTREG22013</v>
          </cell>
          <cell r="B2712" t="str">
            <v>EST</v>
          </cell>
          <cell r="C2712" t="str">
            <v>Estonia</v>
          </cell>
          <cell r="D2712" t="str">
            <v>Item 2</v>
          </cell>
          <cell r="E2712" t="str">
            <v>REG2</v>
          </cell>
          <cell r="F2712" t="str">
            <v>Delay before notice can start</v>
          </cell>
          <cell r="G2712">
            <v>2013</v>
          </cell>
          <cell r="H2712">
            <v>2013</v>
          </cell>
          <cell r="I2712"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712">
            <v>4</v>
          </cell>
          <cell r="M2712">
            <v>1</v>
          </cell>
        </row>
        <row r="2713">
          <cell r="A2713" t="str">
            <v>ESTREG32013</v>
          </cell>
          <cell r="B2713" t="str">
            <v>EST</v>
          </cell>
          <cell r="C2713" t="str">
            <v>Estonia</v>
          </cell>
          <cell r="D2713" t="str">
            <v>Item 3</v>
          </cell>
          <cell r="E2713" t="str">
            <v>REG3A, REG3B, REG3C</v>
          </cell>
          <cell r="F2713" t="str">
            <v>Notice / tenure</v>
          </cell>
          <cell r="G2713">
            <v>2013</v>
          </cell>
          <cell r="H2713">
            <v>2013</v>
          </cell>
          <cell r="I2713"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713">
            <v>0.5</v>
          </cell>
          <cell r="K2713">
            <v>1</v>
          </cell>
          <cell r="L2713">
            <v>3</v>
          </cell>
          <cell r="M2713">
            <v>2</v>
          </cell>
          <cell r="N2713">
            <v>2</v>
          </cell>
          <cell r="O2713">
            <v>2</v>
          </cell>
        </row>
        <row r="2714">
          <cell r="A2714" t="str">
            <v>ESTREG42013</v>
          </cell>
          <cell r="B2714" t="str">
            <v>EST</v>
          </cell>
          <cell r="C2714" t="str">
            <v>Estonia</v>
          </cell>
          <cell r="D2714" t="str">
            <v>Item 4</v>
          </cell>
          <cell r="E2714" t="str">
            <v>REG4A, REG4B, REG4C</v>
          </cell>
          <cell r="F2714" t="str">
            <v>Severance pay / tenure</v>
          </cell>
          <cell r="G2714">
            <v>2013</v>
          </cell>
          <cell r="H2714">
            <v>2013</v>
          </cell>
          <cell r="I2714"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714">
            <v>0.5</v>
          </cell>
          <cell r="K2714">
            <v>0.5</v>
          </cell>
          <cell r="L2714">
            <v>0.5</v>
          </cell>
          <cell r="M2714">
            <v>1</v>
          </cell>
          <cell r="N2714">
            <v>1</v>
          </cell>
          <cell r="O2714">
            <v>1</v>
          </cell>
        </row>
        <row r="2715">
          <cell r="A2715" t="str">
            <v>ESTREG52013</v>
          </cell>
          <cell r="B2715" t="str">
            <v>EST</v>
          </cell>
          <cell r="C2715" t="str">
            <v>Estonia</v>
          </cell>
          <cell r="D2715" t="str">
            <v>Item 5</v>
          </cell>
          <cell r="E2715" t="str">
            <v>REG5</v>
          </cell>
          <cell r="F2715" t="str">
            <v>Definition of justified or unfair dismissal</v>
          </cell>
          <cell r="G2715">
            <v>2013</v>
          </cell>
          <cell r="H2715">
            <v>2013</v>
          </cell>
          <cell r="I2715"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715">
            <v>2</v>
          </cell>
          <cell r="M2715">
            <v>4</v>
          </cell>
        </row>
        <row r="2716">
          <cell r="A2716" t="str">
            <v>ESTREG62013</v>
          </cell>
          <cell r="B2716" t="str">
            <v>EST</v>
          </cell>
          <cell r="C2716" t="str">
            <v>Estonia</v>
          </cell>
          <cell r="D2716" t="str">
            <v>Item 6</v>
          </cell>
          <cell r="E2716" t="str">
            <v>REG6</v>
          </cell>
          <cell r="F2716" t="str">
            <v>Trial period</v>
          </cell>
          <cell r="G2716">
            <v>2013</v>
          </cell>
          <cell r="H2716">
            <v>2013</v>
          </cell>
          <cell r="I2716" t="str">
            <v xml:space="preserve">A probationary period shall not exceed 4 months.
In the case of the employment contract entered into for a specified term of up to eight months the probationary period may not be longer than half of the contract term.
</v>
          </cell>
          <cell r="J2716">
            <v>4</v>
          </cell>
          <cell r="M2716">
            <v>4</v>
          </cell>
        </row>
        <row r="2717">
          <cell r="A2717" t="str">
            <v>ESTREG72013</v>
          </cell>
          <cell r="B2717" t="str">
            <v>EST</v>
          </cell>
          <cell r="C2717" t="str">
            <v>Estonia</v>
          </cell>
          <cell r="D2717" t="str">
            <v>Item 7</v>
          </cell>
          <cell r="E2717" t="str">
            <v>REG7</v>
          </cell>
          <cell r="F2717" t="str">
            <v xml:space="preserve">Compensation following unfair dismissal </v>
          </cell>
          <cell r="G2717">
            <v>2013</v>
          </cell>
          <cell r="H2717">
            <v>2013</v>
          </cell>
          <cell r="I2717"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717">
            <v>3</v>
          </cell>
          <cell r="M2717">
            <v>0</v>
          </cell>
        </row>
        <row r="2718">
          <cell r="A2718" t="str">
            <v>ESTREG82013</v>
          </cell>
          <cell r="B2718" t="str">
            <v>EST</v>
          </cell>
          <cell r="C2718" t="str">
            <v>Estonia</v>
          </cell>
          <cell r="D2718" t="str">
            <v>Item 8</v>
          </cell>
          <cell r="E2718" t="str">
            <v>REG8</v>
          </cell>
          <cell r="F2718" t="str">
            <v>Possibility of reinstatement following unfair dismissal</v>
          </cell>
          <cell r="G2718">
            <v>2013</v>
          </cell>
          <cell r="H2718">
            <v>2013</v>
          </cell>
          <cell r="I2718"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718">
            <v>0</v>
          </cell>
          <cell r="M2718">
            <v>0</v>
          </cell>
        </row>
        <row r="2719">
          <cell r="A2719" t="str">
            <v>ESTREG92013</v>
          </cell>
          <cell r="B2719" t="str">
            <v>EST</v>
          </cell>
          <cell r="C2719" t="str">
            <v>Estonia</v>
          </cell>
          <cell r="D2719" t="str">
            <v>Item 9</v>
          </cell>
          <cell r="E2719" t="str">
            <v>REG9</v>
          </cell>
          <cell r="F2719" t="str">
            <v>Maximum time for claim</v>
          </cell>
          <cell r="G2719">
            <v>2013</v>
          </cell>
          <cell r="H2719">
            <v>2013</v>
          </cell>
          <cell r="I2719" t="str">
            <v>An action with the court or an application with a labour dispute committee for establishment of voidness of cancellation shall be filed within 30 calendar days as of the receipt of the declaration of cancellation.</v>
          </cell>
          <cell r="J2719">
            <v>1</v>
          </cell>
          <cell r="M2719">
            <v>1</v>
          </cell>
        </row>
        <row r="2720">
          <cell r="A2720" t="str">
            <v>ESTFTC12013</v>
          </cell>
          <cell r="B2720" t="str">
            <v>EST</v>
          </cell>
          <cell r="C2720" t="str">
            <v>Estonia</v>
          </cell>
          <cell r="D2720" t="str">
            <v>Item 10</v>
          </cell>
          <cell r="E2720" t="str">
            <v>FTC1</v>
          </cell>
          <cell r="F2720" t="str">
            <v>Valid cases for use of fixed-term contracts, other than  “objective”  or “material” situation</v>
          </cell>
          <cell r="G2720">
            <v>2013</v>
          </cell>
          <cell r="H2720">
            <v>2013</v>
          </cell>
          <cell r="I2720"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720">
            <v>1</v>
          </cell>
          <cell r="M2720">
            <v>4</v>
          </cell>
        </row>
        <row r="2721">
          <cell r="A2721" t="str">
            <v>ESTFTC22013</v>
          </cell>
          <cell r="B2721" t="str">
            <v>EST</v>
          </cell>
          <cell r="C2721" t="str">
            <v>Estonia</v>
          </cell>
          <cell r="D2721" t="str">
            <v>Item 11</v>
          </cell>
          <cell r="E2721" t="str">
            <v>FTC2</v>
          </cell>
          <cell r="F2721" t="str">
            <v>Maximum number of successive fixed-term contracts</v>
          </cell>
          <cell r="G2721">
            <v>2013</v>
          </cell>
          <cell r="H2721">
            <v>2013</v>
          </cell>
          <cell r="I2721"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21">
            <v>2</v>
          </cell>
          <cell r="M2721">
            <v>4</v>
          </cell>
        </row>
        <row r="2722">
          <cell r="A2722" t="str">
            <v>ESTFTC32013</v>
          </cell>
          <cell r="B2722" t="str">
            <v>EST</v>
          </cell>
          <cell r="C2722" t="str">
            <v>Estonia</v>
          </cell>
          <cell r="D2722" t="str">
            <v>Item 12</v>
          </cell>
          <cell r="E2722" t="str">
            <v>FTC3</v>
          </cell>
          <cell r="F2722" t="str">
            <v>Maximum cumulated duration of successive fixed-term contracts</v>
          </cell>
          <cell r="G2722">
            <v>2013</v>
          </cell>
          <cell r="H2722">
            <v>2013</v>
          </cell>
          <cell r="I2722" t="str">
            <v>120 months</v>
          </cell>
          <cell r="J2722">
            <v>120</v>
          </cell>
          <cell r="M2722">
            <v>1</v>
          </cell>
        </row>
        <row r="2723">
          <cell r="A2723" t="str">
            <v>ESTTWA12013</v>
          </cell>
          <cell r="B2723" t="str">
            <v>EST</v>
          </cell>
          <cell r="C2723" t="str">
            <v>Estonia</v>
          </cell>
          <cell r="D2723" t="str">
            <v>Item 13</v>
          </cell>
          <cell r="E2723" t="str">
            <v>TWA1</v>
          </cell>
          <cell r="F2723" t="str">
            <v>Types of work for which TWA employment is legal</v>
          </cell>
          <cell r="G2723">
            <v>2013</v>
          </cell>
          <cell r="H2723">
            <v>2013</v>
          </cell>
          <cell r="I2723" t="str">
            <v>If fixed-term duties are performed by way of temporary agency work, an employment contract may be entered into for a specified term also if it is justified by the temporary characteristics of the work in a user undertaking.</v>
          </cell>
          <cell r="J2723">
            <v>2</v>
          </cell>
          <cell r="M2723">
            <v>3</v>
          </cell>
          <cell r="P2723" t="str">
            <v>20-02-2012</v>
          </cell>
        </row>
        <row r="2724">
          <cell r="A2724" t="str">
            <v>ESTTWA22013</v>
          </cell>
          <cell r="B2724" t="str">
            <v>EST</v>
          </cell>
          <cell r="C2724" t="str">
            <v>Estonia</v>
          </cell>
          <cell r="D2724" t="str">
            <v>Item 14</v>
          </cell>
          <cell r="E2724" t="str">
            <v>TWA2A, TWA2B</v>
          </cell>
          <cell r="F2724" t="str">
            <v>Are there any restrictions on the number of renewals of a TWA contract?</v>
          </cell>
          <cell r="G2724">
            <v>2013</v>
          </cell>
          <cell r="H2724">
            <v>2013</v>
          </cell>
          <cell r="I2724" t="str">
            <v>If duties are performed by way of  temporary agency work, the restriction on consecutive entry into or extension of an employment contract for a specified term in mentioned in  item 11 shall be applied to every user undertaking separately.</v>
          </cell>
          <cell r="J2724" t="str">
            <v>Yes</v>
          </cell>
          <cell r="K2724" t="str">
            <v>Yes</v>
          </cell>
          <cell r="M2724">
            <v>4</v>
          </cell>
          <cell r="N2724">
            <v>4</v>
          </cell>
        </row>
        <row r="2725">
          <cell r="A2725" t="str">
            <v>ESTTWA32013</v>
          </cell>
          <cell r="B2725" t="str">
            <v>EST</v>
          </cell>
          <cell r="C2725" t="str">
            <v>Estonia</v>
          </cell>
          <cell r="D2725" t="str">
            <v>Item 15</v>
          </cell>
          <cell r="E2725" t="str">
            <v>TWA3A, TWA3B</v>
          </cell>
          <cell r="F2725" t="str">
            <v>Maximum cumulated duration of temporary work contracts</v>
          </cell>
          <cell r="G2725">
            <v>2013</v>
          </cell>
          <cell r="H2725">
            <v>2013</v>
          </cell>
          <cell r="I2725" t="str">
            <v xml:space="preserve">The restriction on consecutive entry into or extension of an employment contract for a specified term  mentioned in  item 11 shall be applied to every user undertaking separately. So there is no limits on regulations on number and duration of the contracts between the TWA and the employee.
120 months </v>
          </cell>
          <cell r="J2725">
            <v>98</v>
          </cell>
          <cell r="K2725">
            <v>98</v>
          </cell>
          <cell r="M2725">
            <v>1</v>
          </cell>
          <cell r="N2725">
            <v>1</v>
          </cell>
          <cell r="P2725" t="str">
            <v>20-02-2012
98 because more than 36, less than 100=no limit</v>
          </cell>
        </row>
        <row r="2726">
          <cell r="A2726" t="str">
            <v>ESTTWA42013</v>
          </cell>
          <cell r="B2726" t="str">
            <v>EST</v>
          </cell>
          <cell r="C2726" t="str">
            <v>Estonia</v>
          </cell>
          <cell r="D2726" t="str">
            <v>Item 16</v>
          </cell>
          <cell r="E2726" t="str">
            <v>TWA4</v>
          </cell>
          <cell r="F2726" t="str">
            <v>Authorisation or reporting requirements</v>
          </cell>
          <cell r="G2726">
            <v>2013</v>
          </cell>
          <cell r="H2726">
            <v>2013</v>
          </cell>
          <cell r="I2726" t="str">
            <v>Temporary agency work services may be provided by a legal person in private law who has been registered as an intermediary of temporary agency work in the register of economic activities.</v>
          </cell>
          <cell r="J2726">
            <v>0</v>
          </cell>
          <cell r="M2726">
            <v>0</v>
          </cell>
        </row>
        <row r="2727">
          <cell r="A2727" t="str">
            <v>ESTTWA52013</v>
          </cell>
          <cell r="B2727" t="str">
            <v>EST</v>
          </cell>
          <cell r="C2727" t="str">
            <v>Estonia</v>
          </cell>
          <cell r="D2727" t="str">
            <v>Item 17</v>
          </cell>
          <cell r="E2727" t="str">
            <v>TWA5</v>
          </cell>
          <cell r="F2727" t="str">
            <v>Equal treatment for TWA workers</v>
          </cell>
          <cell r="G2727">
            <v>2013</v>
          </cell>
          <cell r="H2727">
            <v>2013</v>
          </cell>
          <cell r="I2727"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27">
            <v>2</v>
          </cell>
          <cell r="M2727">
            <v>6</v>
          </cell>
        </row>
        <row r="2728">
          <cell r="A2728" t="str">
            <v>ESTCD12013</v>
          </cell>
          <cell r="B2728" t="str">
            <v>EST</v>
          </cell>
          <cell r="C2728" t="str">
            <v>Estonia</v>
          </cell>
          <cell r="D2728" t="str">
            <v>Item 18</v>
          </cell>
          <cell r="E2728" t="str">
            <v>CD1</v>
          </cell>
          <cell r="F2728" t="str">
            <v>Definition of collective dismissal</v>
          </cell>
          <cell r="G2728">
            <v>2013</v>
          </cell>
          <cell r="H2728">
            <v>2013</v>
          </cell>
          <cell r="I2728"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28">
            <v>4</v>
          </cell>
          <cell r="M2728">
            <v>6</v>
          </cell>
        </row>
        <row r="2729">
          <cell r="A2729" t="str">
            <v>ESTCD22013</v>
          </cell>
          <cell r="B2729" t="str">
            <v>EST</v>
          </cell>
          <cell r="C2729" t="str">
            <v>Estonia</v>
          </cell>
          <cell r="D2729" t="str">
            <v>Item 19</v>
          </cell>
          <cell r="E2729" t="str">
            <v>CD2</v>
          </cell>
          <cell r="F2729" t="str">
            <v>Additional notification requirements in case of collective dismissals</v>
          </cell>
          <cell r="G2729">
            <v>2013</v>
          </cell>
          <cell r="H2729">
            <v>2013</v>
          </cell>
          <cell r="I2729" t="str">
            <v>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v>
          </cell>
          <cell r="J2729">
            <v>1.5</v>
          </cell>
          <cell r="M2729">
            <v>4.5</v>
          </cell>
        </row>
        <row r="2730">
          <cell r="A2730" t="str">
            <v>ESTCD32013</v>
          </cell>
          <cell r="B2730" t="str">
            <v>EST</v>
          </cell>
          <cell r="C2730" t="str">
            <v>Estonia</v>
          </cell>
          <cell r="D2730" t="str">
            <v>Item 20</v>
          </cell>
          <cell r="E2730" t="str">
            <v>CD3</v>
          </cell>
          <cell r="F2730" t="str">
            <v>Additional delays involved in case of collective dismissals</v>
          </cell>
          <cell r="G2730">
            <v>2013</v>
          </cell>
          <cell r="H2730">
            <v>2013</v>
          </cell>
          <cell r="I2730"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30">
            <v>11</v>
          </cell>
          <cell r="M2730">
            <v>1</v>
          </cell>
        </row>
        <row r="2731">
          <cell r="A2731" t="str">
            <v>ESTCD42013</v>
          </cell>
          <cell r="B2731" t="str">
            <v>EST</v>
          </cell>
          <cell r="C2731" t="str">
            <v>Estonia</v>
          </cell>
          <cell r="D2731" t="str">
            <v>Item 21</v>
          </cell>
          <cell r="E2731" t="str">
            <v>CD4</v>
          </cell>
          <cell r="F2731" t="str">
            <v>Other special costs to employers in case of collective dismissals</v>
          </cell>
          <cell r="G2731">
            <v>2013</v>
          </cell>
          <cell r="H2731">
            <v>2013</v>
          </cell>
          <cell r="I2731" t="str">
            <v xml:space="preserve">  </v>
          </cell>
          <cell r="J2731">
            <v>0</v>
          </cell>
          <cell r="M2731">
            <v>0</v>
          </cell>
        </row>
        <row r="2732">
          <cell r="A2732" t="str">
            <v>NORREG12012</v>
          </cell>
          <cell r="B2732" t="str">
            <v>NOR</v>
          </cell>
          <cell r="C2732" t="str">
            <v>Norway</v>
          </cell>
          <cell r="D2732" t="str">
            <v>Item 1</v>
          </cell>
          <cell r="E2732" t="str">
            <v>REG1</v>
          </cell>
          <cell r="F2732" t="str">
            <v>Notification procedures</v>
          </cell>
          <cell r="G2732">
            <v>2012</v>
          </cell>
          <cell r="H2732">
            <v>2012</v>
          </cell>
          <cell r="I273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32">
            <v>1.5</v>
          </cell>
          <cell r="M2732">
            <v>3</v>
          </cell>
        </row>
        <row r="2733">
          <cell r="A2733" t="str">
            <v>NORREG22012</v>
          </cell>
          <cell r="B2733" t="str">
            <v>NOR</v>
          </cell>
          <cell r="C2733" t="str">
            <v>Norway</v>
          </cell>
          <cell r="D2733" t="str">
            <v>Item 2</v>
          </cell>
          <cell r="E2733" t="str">
            <v>REG2</v>
          </cell>
          <cell r="F2733" t="str">
            <v>Delay before notice can start</v>
          </cell>
          <cell r="G2733">
            <v>2012</v>
          </cell>
          <cell r="H2733">
            <v>2012</v>
          </cell>
          <cell r="I273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33">
            <v>17</v>
          </cell>
          <cell r="M2733">
            <v>2</v>
          </cell>
        </row>
        <row r="2734">
          <cell r="A2734" t="str">
            <v>NORREG32012</v>
          </cell>
          <cell r="B2734" t="str">
            <v>NOR</v>
          </cell>
          <cell r="C2734" t="str">
            <v>Norway</v>
          </cell>
          <cell r="D2734" t="str">
            <v>Item 3</v>
          </cell>
          <cell r="E2734" t="str">
            <v>REG3A, REG3B, REG3C</v>
          </cell>
          <cell r="F2734" t="str">
            <v>Notice / tenure</v>
          </cell>
          <cell r="G2734">
            <v>2012</v>
          </cell>
          <cell r="H2734">
            <v>2012</v>
          </cell>
          <cell r="I273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34">
            <v>1</v>
          </cell>
          <cell r="K2734">
            <v>1</v>
          </cell>
          <cell r="L2734">
            <v>3</v>
          </cell>
          <cell r="M2734">
            <v>3</v>
          </cell>
          <cell r="N2734">
            <v>2</v>
          </cell>
          <cell r="O2734">
            <v>2</v>
          </cell>
        </row>
        <row r="2735">
          <cell r="A2735" t="str">
            <v>NORREG42012</v>
          </cell>
          <cell r="B2735" t="str">
            <v>NOR</v>
          </cell>
          <cell r="C2735" t="str">
            <v>Norway</v>
          </cell>
          <cell r="D2735" t="str">
            <v>Item 4</v>
          </cell>
          <cell r="E2735" t="str">
            <v>REG4A, REG4B, REG4C</v>
          </cell>
          <cell r="F2735" t="str">
            <v>Severance pay / tenure</v>
          </cell>
          <cell r="G2735">
            <v>2012</v>
          </cell>
          <cell r="H2735">
            <v>2012</v>
          </cell>
          <cell r="I2735" t="str">
            <v>None by law, but collective agreements may under certain conditions require additional payment. However, severance pay schemes in collective agreements usually take the form of fee-based insurance schemes, with employers’ contributions</v>
          </cell>
          <cell r="J2735">
            <v>0</v>
          </cell>
          <cell r="K2735">
            <v>0</v>
          </cell>
          <cell r="L2735">
            <v>0</v>
          </cell>
          <cell r="M2735">
            <v>0</v>
          </cell>
          <cell r="N2735">
            <v>0</v>
          </cell>
          <cell r="O2735">
            <v>0</v>
          </cell>
        </row>
        <row r="2736">
          <cell r="A2736" t="str">
            <v>NORREG52012</v>
          </cell>
          <cell r="B2736" t="str">
            <v>NOR</v>
          </cell>
          <cell r="C2736" t="str">
            <v>Norway</v>
          </cell>
          <cell r="D2736" t="str">
            <v>Item 5</v>
          </cell>
          <cell r="E2736" t="str">
            <v>REG5</v>
          </cell>
          <cell r="F2736" t="str">
            <v>Definition of justified or unfair dismissal</v>
          </cell>
          <cell r="G2736">
            <v>2012</v>
          </cell>
          <cell r="H2736">
            <v>2012</v>
          </cell>
          <cell r="I273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36">
            <v>2.5</v>
          </cell>
          <cell r="M2736">
            <v>5</v>
          </cell>
        </row>
        <row r="2737">
          <cell r="A2737" t="str">
            <v>NORREG62012</v>
          </cell>
          <cell r="B2737" t="str">
            <v>NOR</v>
          </cell>
          <cell r="C2737" t="str">
            <v>Norway</v>
          </cell>
          <cell r="D2737" t="str">
            <v>Item 6</v>
          </cell>
          <cell r="E2737" t="str">
            <v>REG6</v>
          </cell>
          <cell r="F2737" t="str">
            <v>Trial period</v>
          </cell>
          <cell r="G2737">
            <v>2012</v>
          </cell>
          <cell r="H2737">
            <v>2012</v>
          </cell>
          <cell r="I2737" t="str">
            <v>By law up to 6 months trial period (14 days notice required for dismissal during the trial period).</v>
          </cell>
          <cell r="J2737">
            <v>6</v>
          </cell>
          <cell r="M2737">
            <v>3</v>
          </cell>
        </row>
        <row r="2738">
          <cell r="A2738" t="str">
            <v>NORREG72012</v>
          </cell>
          <cell r="B2738" t="str">
            <v>NOR</v>
          </cell>
          <cell r="C2738" t="str">
            <v>Norway</v>
          </cell>
          <cell r="D2738" t="str">
            <v>Item 7</v>
          </cell>
          <cell r="E2738" t="str">
            <v>REG7</v>
          </cell>
          <cell r="F2738" t="str">
            <v xml:space="preserve">Compensation following unfair dismissal </v>
          </cell>
          <cell r="G2738">
            <v>2012</v>
          </cell>
          <cell r="H2738">
            <v>2012</v>
          </cell>
          <cell r="I273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38">
            <v>12</v>
          </cell>
          <cell r="M2738">
            <v>2</v>
          </cell>
        </row>
        <row r="2739">
          <cell r="A2739" t="str">
            <v>NORREG82012</v>
          </cell>
          <cell r="B2739" t="str">
            <v>NOR</v>
          </cell>
          <cell r="C2739" t="str">
            <v>Norway</v>
          </cell>
          <cell r="D2739" t="str">
            <v>Item 8</v>
          </cell>
          <cell r="E2739" t="str">
            <v>REG8</v>
          </cell>
          <cell r="F2739" t="str">
            <v>Possibility of reinstatement following unfair dismissal</v>
          </cell>
          <cell r="G2739">
            <v>2012</v>
          </cell>
          <cell r="H2739">
            <v>2012</v>
          </cell>
          <cell r="I2739" t="str">
            <v>Reinstatement orders fairly frequent.</v>
          </cell>
          <cell r="J2739">
            <v>2</v>
          </cell>
          <cell r="M2739">
            <v>4</v>
          </cell>
        </row>
        <row r="2740">
          <cell r="A2740" t="str">
            <v>NORREG92012</v>
          </cell>
          <cell r="B2740" t="str">
            <v>NOR</v>
          </cell>
          <cell r="C2740" t="str">
            <v>Norway</v>
          </cell>
          <cell r="D2740" t="str">
            <v>Item 9</v>
          </cell>
          <cell r="E2740" t="str">
            <v>REG9</v>
          </cell>
          <cell r="F2740" t="str">
            <v>Maximum time for claim</v>
          </cell>
          <cell r="G2740">
            <v>2012</v>
          </cell>
          <cell r="H2740">
            <v>2012</v>
          </cell>
          <cell r="I274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40">
            <v>3</v>
          </cell>
          <cell r="M2740">
            <v>2</v>
          </cell>
        </row>
        <row r="2741">
          <cell r="A2741" t="str">
            <v>NORFTC12012</v>
          </cell>
          <cell r="B2741" t="str">
            <v>NOR</v>
          </cell>
          <cell r="C2741" t="str">
            <v>Norway</v>
          </cell>
          <cell r="D2741" t="str">
            <v>Item 10</v>
          </cell>
          <cell r="E2741" t="str">
            <v>FTC1</v>
          </cell>
          <cell r="F2741" t="str">
            <v>Valid cases for use of fixed-term contracts, other than  “objective”  or “material” situation</v>
          </cell>
          <cell r="G2741">
            <v>2012</v>
          </cell>
          <cell r="H2741">
            <v>2012</v>
          </cell>
          <cell r="I274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41">
            <v>1</v>
          </cell>
          <cell r="M2741">
            <v>4</v>
          </cell>
        </row>
        <row r="2742">
          <cell r="A2742" t="str">
            <v>NORFTC22012</v>
          </cell>
          <cell r="B2742" t="str">
            <v>NOR</v>
          </cell>
          <cell r="C2742" t="str">
            <v>Norway</v>
          </cell>
          <cell r="D2742" t="str">
            <v>Item 11</v>
          </cell>
          <cell r="E2742" t="str">
            <v>FTC2</v>
          </cell>
          <cell r="F2742" t="str">
            <v>Maximum number of successive fixed-term contracts</v>
          </cell>
          <cell r="G2742">
            <v>2012</v>
          </cell>
          <cell r="H2742">
            <v>2012</v>
          </cell>
          <cell r="I2742" t="str">
            <v>Estimated 1.5
In case of successive contracts, justification of limitation of contract subject to court examination.</v>
          </cell>
          <cell r="J2742">
            <v>1.5</v>
          </cell>
          <cell r="M2742">
            <v>5</v>
          </cell>
        </row>
        <row r="2743">
          <cell r="A2743" t="str">
            <v>NORFTC32012</v>
          </cell>
          <cell r="B2743" t="str">
            <v>NOR</v>
          </cell>
          <cell r="C2743" t="str">
            <v>Norway</v>
          </cell>
          <cell r="D2743" t="str">
            <v>Item 12</v>
          </cell>
          <cell r="E2743" t="str">
            <v>FTC3</v>
          </cell>
          <cell r="F2743" t="str">
            <v>Maximum cumulated duration of successive fixed-term contracts</v>
          </cell>
          <cell r="G2743">
            <v>2012</v>
          </cell>
          <cell r="H2743">
            <v>2012</v>
          </cell>
          <cell r="I274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43">
            <v>48</v>
          </cell>
          <cell r="M2743">
            <v>1</v>
          </cell>
        </row>
        <row r="2744">
          <cell r="A2744" t="str">
            <v>NORTWA12012</v>
          </cell>
          <cell r="B2744" t="str">
            <v>NOR</v>
          </cell>
          <cell r="C2744" t="str">
            <v>Norway</v>
          </cell>
          <cell r="D2744" t="str">
            <v>Item 13</v>
          </cell>
          <cell r="E2744" t="str">
            <v>TWA1</v>
          </cell>
          <cell r="F2744" t="str">
            <v>Types of work for which TWA employment is legal</v>
          </cell>
          <cell r="G2744">
            <v>2012</v>
          </cell>
          <cell r="H2744">
            <v>2012</v>
          </cell>
          <cell r="I274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44">
            <v>2</v>
          </cell>
          <cell r="M2744">
            <v>3</v>
          </cell>
        </row>
        <row r="2745">
          <cell r="A2745" t="str">
            <v>NORTWA22012</v>
          </cell>
          <cell r="B2745" t="str">
            <v>NOR</v>
          </cell>
          <cell r="C2745" t="str">
            <v>Norway</v>
          </cell>
          <cell r="D2745" t="str">
            <v>Item 14</v>
          </cell>
          <cell r="E2745" t="str">
            <v>TWA2A, TWA2B</v>
          </cell>
          <cell r="F2745" t="str">
            <v>Are there any restrictions on the number of renewals of a TWA contract?</v>
          </cell>
          <cell r="G2745">
            <v>2012</v>
          </cell>
          <cell r="H2745">
            <v>2012</v>
          </cell>
          <cell r="I2745" t="str">
            <v>No limit specified, as long as there is an objective reason. In the case of successive assignments, if the subject is brought to court, justification of repeated use of TWA employment is subject to court examination.</v>
          </cell>
          <cell r="J2745" t="str">
            <v>Yes/No</v>
          </cell>
          <cell r="K2745" t="str">
            <v>Yes/No</v>
          </cell>
          <cell r="M2745">
            <v>3</v>
          </cell>
          <cell r="N2745">
            <v>3</v>
          </cell>
        </row>
        <row r="2746">
          <cell r="A2746" t="str">
            <v>NORTWA32012</v>
          </cell>
          <cell r="B2746" t="str">
            <v>NOR</v>
          </cell>
          <cell r="C2746" t="str">
            <v>Norway</v>
          </cell>
          <cell r="D2746" t="str">
            <v>Item 15</v>
          </cell>
          <cell r="E2746" t="str">
            <v>TWA3A, TWA3B</v>
          </cell>
          <cell r="F2746" t="str">
            <v>Maximum cumulated duration of temporary work contracts</v>
          </cell>
          <cell r="G2746">
            <v>2012</v>
          </cell>
          <cell r="H2746">
            <v>2012</v>
          </cell>
          <cell r="I274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46">
            <v>48</v>
          </cell>
          <cell r="K2746">
            <v>100</v>
          </cell>
          <cell r="M2746">
            <v>1</v>
          </cell>
          <cell r="N2746">
            <v>0</v>
          </cell>
        </row>
        <row r="2747">
          <cell r="A2747" t="str">
            <v>NORTWA42012</v>
          </cell>
          <cell r="B2747" t="str">
            <v>NOR</v>
          </cell>
          <cell r="C2747" t="str">
            <v>Norway</v>
          </cell>
          <cell r="D2747" t="str">
            <v>Item 16</v>
          </cell>
          <cell r="E2747" t="str">
            <v>TWA4</v>
          </cell>
          <cell r="F2747" t="str">
            <v>Authorisation and reporting obligations</v>
          </cell>
          <cell r="G2747">
            <v>2012</v>
          </cell>
          <cell r="H2747">
            <v>2012</v>
          </cell>
          <cell r="I2747" t="str">
            <v>The set up of a TWA requires periodic reporting obligations.</v>
          </cell>
          <cell r="J2747">
            <v>2</v>
          </cell>
          <cell r="M2747">
            <v>4</v>
          </cell>
        </row>
        <row r="2748">
          <cell r="A2748" t="str">
            <v>NORTWA52012</v>
          </cell>
          <cell r="B2748" t="str">
            <v>NOR</v>
          </cell>
          <cell r="C2748" t="str">
            <v>Norway</v>
          </cell>
          <cell r="D2748" t="str">
            <v>Item 17</v>
          </cell>
          <cell r="E2748" t="str">
            <v>TWA5</v>
          </cell>
          <cell r="F2748" t="str">
            <v>Equal treatment for TWA workers</v>
          </cell>
          <cell r="G2748">
            <v>2012</v>
          </cell>
          <cell r="H2748">
            <v>2012</v>
          </cell>
          <cell r="I274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2748">
            <v>0.5</v>
          </cell>
          <cell r="M2748">
            <v>1.5</v>
          </cell>
        </row>
        <row r="2749">
          <cell r="A2749" t="str">
            <v>NORCD12012</v>
          </cell>
          <cell r="B2749" t="str">
            <v>NOR</v>
          </cell>
          <cell r="C2749" t="str">
            <v>Norway</v>
          </cell>
          <cell r="D2749" t="str">
            <v>Item 18</v>
          </cell>
          <cell r="E2749" t="str">
            <v>CD1</v>
          </cell>
          <cell r="F2749" t="str">
            <v>Definition of collective dismissal</v>
          </cell>
          <cell r="G2749">
            <v>2012</v>
          </cell>
          <cell r="H2749">
            <v>2012</v>
          </cell>
          <cell r="I2749" t="str">
            <v>10+ employees within a month.</v>
          </cell>
          <cell r="J2749">
            <v>3</v>
          </cell>
          <cell r="M2749">
            <v>4.5</v>
          </cell>
        </row>
        <row r="2750">
          <cell r="A2750" t="str">
            <v>NORCD22012</v>
          </cell>
          <cell r="B2750" t="str">
            <v>NOR</v>
          </cell>
          <cell r="C2750" t="str">
            <v>Norway</v>
          </cell>
          <cell r="D2750" t="str">
            <v>Item 19</v>
          </cell>
          <cell r="E2750" t="str">
            <v>CD2</v>
          </cell>
          <cell r="F2750" t="str">
            <v>Additional notification requirements in case of collective dismissals</v>
          </cell>
          <cell r="G2750">
            <v>2012</v>
          </cell>
          <cell r="H2750">
            <v>2012</v>
          </cell>
          <cell r="I2750" t="str">
            <v>Notification of employee representatives: Duty to inform and consult with trade union/employee representatives.
Notification of public authorities: Notification of Labour and Welfare Administration.</v>
          </cell>
          <cell r="J2750">
            <v>1.5</v>
          </cell>
          <cell r="M2750">
            <v>4.5</v>
          </cell>
        </row>
        <row r="2751">
          <cell r="A2751" t="str">
            <v>NORCD32012</v>
          </cell>
          <cell r="B2751" t="str">
            <v>NOR</v>
          </cell>
          <cell r="C2751" t="str">
            <v>Norway</v>
          </cell>
          <cell r="D2751" t="str">
            <v>Item 20</v>
          </cell>
          <cell r="E2751" t="str">
            <v>CD3</v>
          </cell>
          <cell r="F2751" t="str">
            <v>Additional delays involved in case of collective dismissals</v>
          </cell>
          <cell r="G2751">
            <v>2012</v>
          </cell>
          <cell r="H2751">
            <v>2012</v>
          </cell>
          <cell r="I275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51">
            <v>1</v>
          </cell>
          <cell r="M2751">
            <v>1</v>
          </cell>
        </row>
        <row r="2752">
          <cell r="A2752" t="str">
            <v>NORCD42012</v>
          </cell>
          <cell r="B2752" t="str">
            <v>NOR</v>
          </cell>
          <cell r="C2752" t="str">
            <v>Norway</v>
          </cell>
          <cell r="D2752" t="str">
            <v>Item 21</v>
          </cell>
          <cell r="E2752" t="str">
            <v>CD4</v>
          </cell>
          <cell r="F2752" t="str">
            <v>Other special costs to employers in case of collective dismissals</v>
          </cell>
          <cell r="G2752">
            <v>2012</v>
          </cell>
          <cell r="H2752">
            <v>2012</v>
          </cell>
          <cell r="I2752"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52">
            <v>0</v>
          </cell>
          <cell r="M2752">
            <v>0</v>
          </cell>
        </row>
        <row r="2753">
          <cell r="A2753" t="str">
            <v>NORREG12013</v>
          </cell>
          <cell r="B2753" t="str">
            <v>NOR</v>
          </cell>
          <cell r="C2753" t="str">
            <v>Norway</v>
          </cell>
          <cell r="D2753" t="str">
            <v>Item 1</v>
          </cell>
          <cell r="E2753" t="str">
            <v>REG1</v>
          </cell>
          <cell r="F2753" t="str">
            <v>Notification procedures</v>
          </cell>
          <cell r="G2753">
            <v>2013</v>
          </cell>
          <cell r="H2753">
            <v>2013</v>
          </cell>
          <cell r="I2753"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53">
            <v>1.5</v>
          </cell>
          <cell r="M2753">
            <v>3</v>
          </cell>
        </row>
        <row r="2754">
          <cell r="A2754" t="str">
            <v>NORREG22013</v>
          </cell>
          <cell r="B2754" t="str">
            <v>NOR</v>
          </cell>
          <cell r="C2754" t="str">
            <v>Norway</v>
          </cell>
          <cell r="D2754" t="str">
            <v>Item 2</v>
          </cell>
          <cell r="E2754" t="str">
            <v>REG2</v>
          </cell>
          <cell r="F2754" t="str">
            <v>Delay before notice can start</v>
          </cell>
          <cell r="G2754">
            <v>2013</v>
          </cell>
          <cell r="H2754">
            <v>2013</v>
          </cell>
          <cell r="I2754"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54">
            <v>17</v>
          </cell>
          <cell r="M2754">
            <v>2</v>
          </cell>
        </row>
        <row r="2755">
          <cell r="A2755" t="str">
            <v>NORREG32013</v>
          </cell>
          <cell r="B2755" t="str">
            <v>NOR</v>
          </cell>
          <cell r="C2755" t="str">
            <v>Norway</v>
          </cell>
          <cell r="D2755" t="str">
            <v>Item 3</v>
          </cell>
          <cell r="E2755" t="str">
            <v>REG3A, REG3B, REG3C</v>
          </cell>
          <cell r="F2755" t="str">
            <v>Notice / tenure</v>
          </cell>
          <cell r="G2755">
            <v>2013</v>
          </cell>
          <cell r="H2755">
            <v>2013</v>
          </cell>
          <cell r="I2755"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55">
            <v>1</v>
          </cell>
          <cell r="K2755">
            <v>1</v>
          </cell>
          <cell r="L2755">
            <v>3</v>
          </cell>
          <cell r="M2755">
            <v>3</v>
          </cell>
          <cell r="N2755">
            <v>2</v>
          </cell>
          <cell r="O2755">
            <v>2</v>
          </cell>
        </row>
        <row r="2756">
          <cell r="A2756" t="str">
            <v>NORREG42013</v>
          </cell>
          <cell r="B2756" t="str">
            <v>NOR</v>
          </cell>
          <cell r="C2756" t="str">
            <v>Norway</v>
          </cell>
          <cell r="D2756" t="str">
            <v>Item 4</v>
          </cell>
          <cell r="E2756" t="str">
            <v>REG4A, REG4B, REG4C</v>
          </cell>
          <cell r="F2756" t="str">
            <v>Severance pay / tenure</v>
          </cell>
          <cell r="G2756">
            <v>2013</v>
          </cell>
          <cell r="H2756">
            <v>2013</v>
          </cell>
          <cell r="I2756" t="str">
            <v>None by law, but collective agreements may under certain conditions require additional payment. However, severance pay schemes in collective agreements usually take the form of fee-based insurance schemes, with employers’ contributions</v>
          </cell>
          <cell r="J2756">
            <v>0</v>
          </cell>
          <cell r="K2756">
            <v>0</v>
          </cell>
          <cell r="L2756">
            <v>0</v>
          </cell>
          <cell r="M2756">
            <v>0</v>
          </cell>
          <cell r="N2756">
            <v>0</v>
          </cell>
          <cell r="O2756">
            <v>0</v>
          </cell>
        </row>
        <row r="2757">
          <cell r="A2757" t="str">
            <v>NORREG52013</v>
          </cell>
          <cell r="B2757" t="str">
            <v>NOR</v>
          </cell>
          <cell r="C2757" t="str">
            <v>Norway</v>
          </cell>
          <cell r="D2757" t="str">
            <v>Item 5</v>
          </cell>
          <cell r="E2757" t="str">
            <v>REG5</v>
          </cell>
          <cell r="F2757" t="str">
            <v>Definition of justified or unfair dismissal</v>
          </cell>
          <cell r="G2757">
            <v>2013</v>
          </cell>
          <cell r="H2757">
            <v>2013</v>
          </cell>
          <cell r="I2757"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57">
            <v>2.5</v>
          </cell>
          <cell r="M2757">
            <v>5</v>
          </cell>
        </row>
        <row r="2758">
          <cell r="A2758" t="str">
            <v>NORREG62013</v>
          </cell>
          <cell r="B2758" t="str">
            <v>NOR</v>
          </cell>
          <cell r="C2758" t="str">
            <v>Norway</v>
          </cell>
          <cell r="D2758" t="str">
            <v>Item 6</v>
          </cell>
          <cell r="E2758" t="str">
            <v>REG6</v>
          </cell>
          <cell r="F2758" t="str">
            <v>Trial period</v>
          </cell>
          <cell r="G2758">
            <v>2013</v>
          </cell>
          <cell r="H2758">
            <v>2013</v>
          </cell>
          <cell r="I2758" t="str">
            <v>By law up to 6 months trial period (14 days notice required for dismissal during the trial period).</v>
          </cell>
          <cell r="J2758">
            <v>6</v>
          </cell>
          <cell r="M2758">
            <v>3</v>
          </cell>
        </row>
        <row r="2759">
          <cell r="A2759" t="str">
            <v>NORREG72013</v>
          </cell>
          <cell r="B2759" t="str">
            <v>NOR</v>
          </cell>
          <cell r="C2759" t="str">
            <v>Norway</v>
          </cell>
          <cell r="D2759" t="str">
            <v>Item 7</v>
          </cell>
          <cell r="E2759" t="str">
            <v>REG7</v>
          </cell>
          <cell r="F2759" t="str">
            <v xml:space="preserve">Compensation following unfair dismissal </v>
          </cell>
          <cell r="G2759">
            <v>2013</v>
          </cell>
          <cell r="H2759">
            <v>2013</v>
          </cell>
          <cell r="I2759"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59">
            <v>12</v>
          </cell>
          <cell r="M2759">
            <v>2</v>
          </cell>
        </row>
        <row r="2760">
          <cell r="A2760" t="str">
            <v>NORREG82013</v>
          </cell>
          <cell r="B2760" t="str">
            <v>NOR</v>
          </cell>
          <cell r="C2760" t="str">
            <v>Norway</v>
          </cell>
          <cell r="D2760" t="str">
            <v>Item 8</v>
          </cell>
          <cell r="E2760" t="str">
            <v>REG8</v>
          </cell>
          <cell r="F2760" t="str">
            <v>Possibility of reinstatement following unfair dismissal</v>
          </cell>
          <cell r="G2760">
            <v>2013</v>
          </cell>
          <cell r="H2760">
            <v>2013</v>
          </cell>
          <cell r="I2760" t="str">
            <v>Reinstatement orders fairly frequent.</v>
          </cell>
          <cell r="J2760">
            <v>2</v>
          </cell>
          <cell r="M2760">
            <v>4</v>
          </cell>
        </row>
        <row r="2761">
          <cell r="A2761" t="str">
            <v>NORREG92013</v>
          </cell>
          <cell r="B2761" t="str">
            <v>NOR</v>
          </cell>
          <cell r="C2761" t="str">
            <v>Norway</v>
          </cell>
          <cell r="D2761" t="str">
            <v>Item 9</v>
          </cell>
          <cell r="E2761" t="str">
            <v>REG9</v>
          </cell>
          <cell r="F2761" t="str">
            <v>Maximum time for claim</v>
          </cell>
          <cell r="G2761">
            <v>2013</v>
          </cell>
          <cell r="H2761">
            <v>2013</v>
          </cell>
          <cell r="I2761"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61">
            <v>3</v>
          </cell>
          <cell r="M2761">
            <v>2</v>
          </cell>
        </row>
        <row r="2762">
          <cell r="A2762" t="str">
            <v>NORFTC12013</v>
          </cell>
          <cell r="B2762" t="str">
            <v>NOR</v>
          </cell>
          <cell r="C2762" t="str">
            <v>Norway</v>
          </cell>
          <cell r="D2762" t="str">
            <v>Item 10</v>
          </cell>
          <cell r="E2762" t="str">
            <v>FTC1</v>
          </cell>
          <cell r="F2762" t="str">
            <v>Valid cases for use of fixed-term contracts, other than  “objective”  or “material” situation</v>
          </cell>
          <cell r="G2762">
            <v>2013</v>
          </cell>
          <cell r="H2762">
            <v>2013</v>
          </cell>
          <cell r="I2762"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62">
            <v>1</v>
          </cell>
          <cell r="M2762">
            <v>4</v>
          </cell>
        </row>
        <row r="2763">
          <cell r="A2763" t="str">
            <v>NORFTC22013</v>
          </cell>
          <cell r="B2763" t="str">
            <v>NOR</v>
          </cell>
          <cell r="C2763" t="str">
            <v>Norway</v>
          </cell>
          <cell r="D2763" t="str">
            <v>Item 11</v>
          </cell>
          <cell r="E2763" t="str">
            <v>FTC2</v>
          </cell>
          <cell r="F2763" t="str">
            <v>Maximum number of successive fixed-term contracts</v>
          </cell>
          <cell r="G2763">
            <v>2013</v>
          </cell>
          <cell r="H2763">
            <v>2013</v>
          </cell>
          <cell r="I2763" t="str">
            <v>Estimated 1.5
In case of successive contracts, justification of limitation of contract subject to court examination.</v>
          </cell>
          <cell r="J2763">
            <v>1.5</v>
          </cell>
          <cell r="M2763">
            <v>5</v>
          </cell>
        </row>
        <row r="2764">
          <cell r="A2764" t="str">
            <v>NORFTC32013</v>
          </cell>
          <cell r="B2764" t="str">
            <v>NOR</v>
          </cell>
          <cell r="C2764" t="str">
            <v>Norway</v>
          </cell>
          <cell r="D2764" t="str">
            <v>Item 12</v>
          </cell>
          <cell r="E2764" t="str">
            <v>FTC3</v>
          </cell>
          <cell r="F2764" t="str">
            <v>Maximum cumulated duration of successive fixed-term contracts</v>
          </cell>
          <cell r="G2764">
            <v>2013</v>
          </cell>
          <cell r="H2764">
            <v>2013</v>
          </cell>
          <cell r="I2764"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64">
            <v>48</v>
          </cell>
          <cell r="M2764">
            <v>1</v>
          </cell>
        </row>
        <row r="2765">
          <cell r="A2765" t="str">
            <v>NORTWA12013</v>
          </cell>
          <cell r="B2765" t="str">
            <v>NOR</v>
          </cell>
          <cell r="C2765" t="str">
            <v>Norway</v>
          </cell>
          <cell r="D2765" t="str">
            <v>Item 13</v>
          </cell>
          <cell r="E2765" t="str">
            <v>TWA1</v>
          </cell>
          <cell r="F2765" t="str">
            <v>Types of work for which TWA employment is legal</v>
          </cell>
          <cell r="G2765">
            <v>2013</v>
          </cell>
          <cell r="H2765">
            <v>2013</v>
          </cell>
          <cell r="I2765"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65">
            <v>2</v>
          </cell>
          <cell r="M2765">
            <v>3</v>
          </cell>
        </row>
        <row r="2766">
          <cell r="A2766" t="str">
            <v>NORTWA22013</v>
          </cell>
          <cell r="B2766" t="str">
            <v>NOR</v>
          </cell>
          <cell r="C2766" t="str">
            <v>Norway</v>
          </cell>
          <cell r="D2766" t="str">
            <v>Item 14</v>
          </cell>
          <cell r="E2766" t="str">
            <v>TWA2A, TWA2B</v>
          </cell>
          <cell r="F2766" t="str">
            <v>Are there any restrictions on the number of renewals of a TWA contract?</v>
          </cell>
          <cell r="G2766">
            <v>2013</v>
          </cell>
          <cell r="H2766">
            <v>2013</v>
          </cell>
          <cell r="I2766" t="str">
            <v>No limit specified, as long as there is an objective reason. In the case of successive assignments, if the subject is brought to court, justification of repeated use of TWA employment is subject to court examination.</v>
          </cell>
          <cell r="J2766" t="str">
            <v>Yes/No</v>
          </cell>
          <cell r="K2766" t="str">
            <v>Yes/No</v>
          </cell>
          <cell r="M2766">
            <v>3</v>
          </cell>
          <cell r="N2766">
            <v>3</v>
          </cell>
        </row>
        <row r="2767">
          <cell r="A2767" t="str">
            <v>NORTWA32013</v>
          </cell>
          <cell r="B2767" t="str">
            <v>NOR</v>
          </cell>
          <cell r="C2767" t="str">
            <v>Norway</v>
          </cell>
          <cell r="D2767" t="str">
            <v>Item 15</v>
          </cell>
          <cell r="E2767" t="str">
            <v>TWA3A, TWA3B</v>
          </cell>
          <cell r="F2767" t="str">
            <v>Maximum cumulated duration of temporary work contracts</v>
          </cell>
          <cell r="G2767">
            <v>2013</v>
          </cell>
          <cell r="H2767">
            <v>2013</v>
          </cell>
          <cell r="I2767"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67">
            <v>48</v>
          </cell>
          <cell r="K2767">
            <v>100</v>
          </cell>
          <cell r="M2767">
            <v>1</v>
          </cell>
          <cell r="N2767">
            <v>0</v>
          </cell>
        </row>
        <row r="2768">
          <cell r="A2768" t="str">
            <v>NORTWA42013</v>
          </cell>
          <cell r="B2768" t="str">
            <v>NOR</v>
          </cell>
          <cell r="C2768" t="str">
            <v>Norway</v>
          </cell>
          <cell r="D2768" t="str">
            <v>Item 16</v>
          </cell>
          <cell r="E2768" t="str">
            <v>TWA4</v>
          </cell>
          <cell r="F2768" t="str">
            <v>Authorisation and reporting obligations</v>
          </cell>
          <cell r="G2768">
            <v>2013</v>
          </cell>
          <cell r="H2768">
            <v>2013</v>
          </cell>
          <cell r="I2768" t="str">
            <v>The set up of a TWA requires periodic reporting obligations.</v>
          </cell>
          <cell r="J2768">
            <v>2</v>
          </cell>
          <cell r="M2768">
            <v>4</v>
          </cell>
        </row>
        <row r="2769">
          <cell r="A2769" t="str">
            <v>NORTWA52013</v>
          </cell>
          <cell r="B2769" t="str">
            <v>NOR</v>
          </cell>
          <cell r="C2769" t="str">
            <v>Norway</v>
          </cell>
          <cell r="D2769" t="str">
            <v>Item 17</v>
          </cell>
          <cell r="E2769" t="str">
            <v>TWA5</v>
          </cell>
          <cell r="F2769" t="str">
            <v>Equal treatment for TWA workers</v>
          </cell>
          <cell r="G2769">
            <v>2013</v>
          </cell>
          <cell r="H2769">
            <v>2013</v>
          </cell>
          <cell r="I2769" t="str">
            <v xml:space="preserve">A regulation ensures equal treatment of regular workers and agency workers at the user firm. 
According to this, the TWA must ensure that the agency workers are given at least the same wage- and working conditions (i.e. working time, holiday and holiday pay, wages, cost coverage) as the regular workers at the user firm.  </v>
          </cell>
          <cell r="J2769">
            <v>2</v>
          </cell>
          <cell r="M2769">
            <v>6</v>
          </cell>
          <cell r="P2769">
            <v>41275</v>
          </cell>
        </row>
        <row r="2770">
          <cell r="A2770" t="str">
            <v>NORCD12013</v>
          </cell>
          <cell r="B2770" t="str">
            <v>NOR</v>
          </cell>
          <cell r="C2770" t="str">
            <v>Norway</v>
          </cell>
          <cell r="D2770" t="str">
            <v>Item 18</v>
          </cell>
          <cell r="E2770" t="str">
            <v>CD1</v>
          </cell>
          <cell r="F2770" t="str">
            <v>Definition of collective dismissal</v>
          </cell>
          <cell r="G2770">
            <v>2013</v>
          </cell>
          <cell r="H2770">
            <v>2013</v>
          </cell>
          <cell r="I2770" t="str">
            <v>10+ employees within a month.</v>
          </cell>
          <cell r="J2770">
            <v>3</v>
          </cell>
          <cell r="M2770">
            <v>4.5</v>
          </cell>
        </row>
        <row r="2771">
          <cell r="A2771" t="str">
            <v>NORCD22013</v>
          </cell>
          <cell r="B2771" t="str">
            <v>NOR</v>
          </cell>
          <cell r="C2771" t="str">
            <v>Norway</v>
          </cell>
          <cell r="D2771" t="str">
            <v>Item 19</v>
          </cell>
          <cell r="E2771" t="str">
            <v>CD2</v>
          </cell>
          <cell r="F2771" t="str">
            <v>Additional notification requirements in case of collective dismissals</v>
          </cell>
          <cell r="G2771">
            <v>2013</v>
          </cell>
          <cell r="H2771">
            <v>2013</v>
          </cell>
          <cell r="I2771" t="str">
            <v>Notification of employee representatives: Duty to inform and consult with trade union/employee representatives.
Notification of public authorities: Notification of Labour and Welfare Administration.</v>
          </cell>
          <cell r="J2771">
            <v>1.5</v>
          </cell>
          <cell r="M2771">
            <v>4.5</v>
          </cell>
        </row>
        <row r="2772">
          <cell r="A2772" t="str">
            <v>NORCD32013</v>
          </cell>
          <cell r="B2772" t="str">
            <v>NOR</v>
          </cell>
          <cell r="C2772" t="str">
            <v>Norway</v>
          </cell>
          <cell r="D2772" t="str">
            <v>Item 20</v>
          </cell>
          <cell r="E2772" t="str">
            <v>CD3</v>
          </cell>
          <cell r="F2772" t="str">
            <v>Additional delays involved in case of collective dismissals</v>
          </cell>
          <cell r="G2772">
            <v>2013</v>
          </cell>
          <cell r="H2772">
            <v>2013</v>
          </cell>
          <cell r="I2772"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72">
            <v>1</v>
          </cell>
          <cell r="M2772">
            <v>1</v>
          </cell>
        </row>
        <row r="2773">
          <cell r="A2773" t="str">
            <v>NORCD42013</v>
          </cell>
          <cell r="B2773" t="str">
            <v>NOR</v>
          </cell>
          <cell r="C2773" t="str">
            <v>Norway</v>
          </cell>
          <cell r="D2773" t="str">
            <v>Item 21</v>
          </cell>
          <cell r="E2773" t="str">
            <v>CD4</v>
          </cell>
          <cell r="F2773" t="str">
            <v>Other special costs to employers in case of collective dismissals</v>
          </cell>
          <cell r="G2773">
            <v>2013</v>
          </cell>
          <cell r="H2773">
            <v>2013</v>
          </cell>
          <cell r="I2773"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73">
            <v>0</v>
          </cell>
          <cell r="M2773">
            <v>0</v>
          </cell>
        </row>
        <row r="2774">
          <cell r="A2774" t="str">
            <v>DNKREG12012</v>
          </cell>
          <cell r="B2774" t="str">
            <v>DNK</v>
          </cell>
          <cell r="C2774" t="str">
            <v>Denmark</v>
          </cell>
          <cell r="D2774" t="str">
            <v>Item 1</v>
          </cell>
          <cell r="E2774" t="str">
            <v>REG1</v>
          </cell>
          <cell r="F2774" t="str">
            <v>Notification procedures</v>
          </cell>
          <cell r="G2774">
            <v>2012</v>
          </cell>
          <cell r="H2774">
            <v>2012</v>
          </cell>
          <cell r="I2774"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74">
            <v>2</v>
          </cell>
          <cell r="M2774">
            <v>4</v>
          </cell>
        </row>
        <row r="2775">
          <cell r="A2775" t="str">
            <v>DNKREG22012</v>
          </cell>
          <cell r="B2775" t="str">
            <v>DNK</v>
          </cell>
          <cell r="C2775" t="str">
            <v>Denmark</v>
          </cell>
          <cell r="D2775" t="str">
            <v>Item 2</v>
          </cell>
          <cell r="E2775" t="str">
            <v>REG2</v>
          </cell>
          <cell r="F2775" t="str">
            <v>Delay before notice can start</v>
          </cell>
          <cell r="G2775">
            <v>2012</v>
          </cell>
          <cell r="H2775">
            <v>2012</v>
          </cell>
          <cell r="I2775"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75">
            <v>11</v>
          </cell>
          <cell r="M2775">
            <v>2</v>
          </cell>
        </row>
        <row r="2776">
          <cell r="A2776" t="str">
            <v>DNKREG32012</v>
          </cell>
          <cell r="B2776" t="str">
            <v>DNK</v>
          </cell>
          <cell r="C2776" t="str">
            <v>Denmark</v>
          </cell>
          <cell r="D2776" t="str">
            <v>Item 3</v>
          </cell>
          <cell r="E2776" t="str">
            <v>REG3A, REG3B, REG3C</v>
          </cell>
          <cell r="F2776" t="str">
            <v>Notice / tenure</v>
          </cell>
          <cell r="G2776">
            <v>2012</v>
          </cell>
          <cell r="H2776">
            <v>2012</v>
          </cell>
          <cell r="I2776"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76">
            <v>1.8</v>
          </cell>
          <cell r="K2776">
            <v>3</v>
          </cell>
          <cell r="L2776">
            <v>4.25</v>
          </cell>
          <cell r="M2776">
            <v>5</v>
          </cell>
          <cell r="N2776">
            <v>5</v>
          </cell>
          <cell r="O2776">
            <v>2</v>
          </cell>
        </row>
        <row r="2777">
          <cell r="A2777" t="str">
            <v>DNKREG42012</v>
          </cell>
          <cell r="B2777" t="str">
            <v>DNK</v>
          </cell>
          <cell r="C2777" t="str">
            <v>Denmark</v>
          </cell>
          <cell r="D2777" t="str">
            <v>Item 4</v>
          </cell>
          <cell r="E2777" t="str">
            <v>REG4A, REG4B, REG4C</v>
          </cell>
          <cell r="F2777" t="str">
            <v>Severance pay / tenure</v>
          </cell>
          <cell r="G2777">
            <v>2012</v>
          </cell>
          <cell r="H2777">
            <v>2012</v>
          </cell>
          <cell r="I2777"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77">
            <v>0</v>
          </cell>
          <cell r="K2777">
            <v>0.01</v>
          </cell>
          <cell r="L2777">
            <v>1.5</v>
          </cell>
          <cell r="M2777">
            <v>0</v>
          </cell>
          <cell r="N2777">
            <v>1</v>
          </cell>
          <cell r="O2777">
            <v>1</v>
          </cell>
          <cell r="P2777" t="str">
            <v>1st may 2010</v>
          </cell>
        </row>
        <row r="2778">
          <cell r="A2778" t="str">
            <v>DNKREG52012</v>
          </cell>
          <cell r="B2778" t="str">
            <v>DNK</v>
          </cell>
          <cell r="C2778" t="str">
            <v>Denmark</v>
          </cell>
          <cell r="D2778" t="str">
            <v>Item 5</v>
          </cell>
          <cell r="E2778" t="str">
            <v>REG5</v>
          </cell>
          <cell r="F2778" t="str">
            <v>Definition of justified or unfair dismissal</v>
          </cell>
          <cell r="G2778">
            <v>2012</v>
          </cell>
          <cell r="H2778">
            <v>2012</v>
          </cell>
          <cell r="I2778"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78">
            <v>0</v>
          </cell>
          <cell r="M2778">
            <v>0</v>
          </cell>
        </row>
        <row r="2779">
          <cell r="A2779" t="str">
            <v>DNKREG62012</v>
          </cell>
          <cell r="B2779" t="str">
            <v>DNK</v>
          </cell>
          <cell r="C2779" t="str">
            <v>Denmark</v>
          </cell>
          <cell r="D2779" t="str">
            <v>Item 6</v>
          </cell>
          <cell r="E2779" t="str">
            <v>REG6</v>
          </cell>
          <cell r="F2779" t="str">
            <v>Trial period</v>
          </cell>
          <cell r="G2779">
            <v>2012</v>
          </cell>
          <cell r="H2779">
            <v>2012</v>
          </cell>
          <cell r="I2779" t="str">
            <v xml:space="preserve">Blue collar: 9 months (based on collective agreements). White collar: 3 months. 
Calculated by averaging figures for blue and white collar workers
</v>
          </cell>
          <cell r="J2779">
            <v>6</v>
          </cell>
          <cell r="M2779">
            <v>3</v>
          </cell>
        </row>
        <row r="2780">
          <cell r="A2780" t="str">
            <v>DNKREG72012</v>
          </cell>
          <cell r="B2780" t="str">
            <v>DNK</v>
          </cell>
          <cell r="C2780" t="str">
            <v>Denmark</v>
          </cell>
          <cell r="D2780" t="str">
            <v>Item 7</v>
          </cell>
          <cell r="E2780" t="str">
            <v>REG7</v>
          </cell>
          <cell r="F2780" t="str">
            <v>Compensation following unfair dismissal</v>
          </cell>
          <cell r="G2780">
            <v>2012</v>
          </cell>
          <cell r="H2780">
            <v>2012</v>
          </cell>
          <cell r="I2780"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780">
            <v>6.6</v>
          </cell>
          <cell r="M2780">
            <v>1</v>
          </cell>
        </row>
        <row r="2781">
          <cell r="A2781" t="str">
            <v>DNKREG82012</v>
          </cell>
          <cell r="B2781" t="str">
            <v>DNK</v>
          </cell>
          <cell r="C2781" t="str">
            <v>Denmark</v>
          </cell>
          <cell r="D2781" t="str">
            <v>Item 8</v>
          </cell>
          <cell r="E2781" t="str">
            <v>REG8</v>
          </cell>
          <cell r="F2781" t="str">
            <v>Possibility of reinstatement following unfair dismissal</v>
          </cell>
          <cell r="G2781">
            <v>2012</v>
          </cell>
          <cell r="H2781">
            <v>2012</v>
          </cell>
          <cell r="I2781"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781">
            <v>1</v>
          </cell>
          <cell r="M2781">
            <v>2</v>
          </cell>
        </row>
        <row r="2782">
          <cell r="A2782" t="str">
            <v>DNKREG92012</v>
          </cell>
          <cell r="B2782" t="str">
            <v>DNK</v>
          </cell>
          <cell r="C2782" t="str">
            <v>Denmark</v>
          </cell>
          <cell r="D2782" t="str">
            <v>Item 9</v>
          </cell>
          <cell r="E2782" t="str">
            <v>REG9</v>
          </cell>
          <cell r="F2782" t="str">
            <v>Maximum time for claim</v>
          </cell>
          <cell r="G2782">
            <v>2012</v>
          </cell>
          <cell r="H2782">
            <v>2012</v>
          </cell>
          <cell r="I2782"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782">
            <v>0</v>
          </cell>
          <cell r="M2782">
            <v>0</v>
          </cell>
        </row>
        <row r="2783">
          <cell r="A2783" t="str">
            <v>DNKFTC12012</v>
          </cell>
          <cell r="B2783" t="str">
            <v>DNK</v>
          </cell>
          <cell r="C2783" t="str">
            <v>Denmark</v>
          </cell>
          <cell r="D2783" t="str">
            <v>Item 10</v>
          </cell>
          <cell r="E2783" t="str">
            <v>FTC1</v>
          </cell>
          <cell r="F2783" t="str">
            <v>Valid cases for use of fixed-term contracts, other than  “objective”  or “material” situation</v>
          </cell>
          <cell r="G2783">
            <v>2012</v>
          </cell>
          <cell r="H2783">
            <v>2012</v>
          </cell>
          <cell r="I2783" t="str">
            <v xml:space="preserve">Fixed-term contracts allowed for specified periods of time and/or for specific tasks 
Particularly used in professional services and construction, but also in other industries. Renewal of fixed term contracts must be based on “objective criteria”. 
</v>
          </cell>
          <cell r="J2783">
            <v>2.5</v>
          </cell>
          <cell r="M2783">
            <v>1</v>
          </cell>
        </row>
        <row r="2784">
          <cell r="A2784" t="str">
            <v>DNKFTC22012</v>
          </cell>
          <cell r="B2784" t="str">
            <v>DNK</v>
          </cell>
          <cell r="C2784" t="str">
            <v>Denmark</v>
          </cell>
          <cell r="D2784" t="str">
            <v>Item 11</v>
          </cell>
          <cell r="E2784" t="str">
            <v>FTC2</v>
          </cell>
          <cell r="F2784" t="str">
            <v>Maximum number of successive fixed-term contracts</v>
          </cell>
          <cell r="G2784">
            <v>2012</v>
          </cell>
          <cell r="H2784">
            <v>2012</v>
          </cell>
          <cell r="I2784"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784">
            <v>2.5</v>
          </cell>
          <cell r="M2784">
            <v>4</v>
          </cell>
        </row>
        <row r="2785">
          <cell r="A2785" t="str">
            <v>DNKFTC32012</v>
          </cell>
          <cell r="B2785" t="str">
            <v>DNK</v>
          </cell>
          <cell r="C2785" t="str">
            <v>Denmark</v>
          </cell>
          <cell r="D2785" t="str">
            <v>Item 12</v>
          </cell>
          <cell r="E2785" t="str">
            <v>FTC3</v>
          </cell>
          <cell r="F2785" t="str">
            <v>Maximum cumulated duration of successive fixed-term contracts</v>
          </cell>
          <cell r="G2785">
            <v>2012</v>
          </cell>
          <cell r="H2785">
            <v>2012</v>
          </cell>
          <cell r="I2785" t="str">
            <v xml:space="preserve">There are no limits if objective reasons but in practice max. 2 years </v>
          </cell>
          <cell r="J2785">
            <v>24</v>
          </cell>
          <cell r="M2785">
            <v>3</v>
          </cell>
        </row>
        <row r="2786">
          <cell r="A2786" t="str">
            <v>DNKTWA12012</v>
          </cell>
          <cell r="B2786" t="str">
            <v>DNK</v>
          </cell>
          <cell r="C2786" t="str">
            <v>Denmark</v>
          </cell>
          <cell r="D2786" t="str">
            <v>Item 13</v>
          </cell>
          <cell r="E2786" t="str">
            <v>TWA1</v>
          </cell>
          <cell r="F2786" t="str">
            <v>Types of work for which TWA employment is legal</v>
          </cell>
          <cell r="G2786">
            <v>2012</v>
          </cell>
          <cell r="H2786">
            <v>2012</v>
          </cell>
          <cell r="I2786" t="str">
            <v>Generally allowed.</v>
          </cell>
          <cell r="J2786">
            <v>4</v>
          </cell>
          <cell r="M2786">
            <v>0</v>
          </cell>
        </row>
        <row r="2787">
          <cell r="A2787" t="str">
            <v>DNKTWA22012</v>
          </cell>
          <cell r="B2787" t="str">
            <v>DNK</v>
          </cell>
          <cell r="C2787" t="str">
            <v>Denmark</v>
          </cell>
          <cell r="D2787" t="str">
            <v>Item 14</v>
          </cell>
          <cell r="E2787" t="str">
            <v>TWA2A, TWA2B</v>
          </cell>
          <cell r="F2787" t="str">
            <v>Are there any restrictions on the number of renewals of a TWA contract?</v>
          </cell>
          <cell r="G2787">
            <v>2012</v>
          </cell>
          <cell r="H2787">
            <v>2012</v>
          </cell>
          <cell r="I2787" t="str">
            <v xml:space="preserve">No but the Danish Confederation of Trade Unions states that court rulings suggest that 4-5 renewals entail notification procedures. </v>
          </cell>
          <cell r="J2787" t="str">
            <v>No</v>
          </cell>
          <cell r="K2787" t="str">
            <v>No</v>
          </cell>
          <cell r="M2787">
            <v>2</v>
          </cell>
          <cell r="N2787">
            <v>2</v>
          </cell>
        </row>
        <row r="2788">
          <cell r="A2788" t="str">
            <v>DNKTWA32012</v>
          </cell>
          <cell r="B2788" t="str">
            <v>DNK</v>
          </cell>
          <cell r="C2788" t="str">
            <v>Denmark</v>
          </cell>
          <cell r="D2788" t="str">
            <v>Item 15</v>
          </cell>
          <cell r="E2788" t="str">
            <v>TWA3A, TWA3B</v>
          </cell>
          <cell r="F2788" t="str">
            <v>Maximum cumulated duration of temporary work contracts</v>
          </cell>
          <cell r="G2788">
            <v>2012</v>
          </cell>
          <cell r="H2788">
            <v>2012</v>
          </cell>
          <cell r="I2788" t="str">
            <v>The Danish Confederation of Trade Unions states that there is no limit, if employment pauses in between.</v>
          </cell>
          <cell r="J2788">
            <v>100</v>
          </cell>
          <cell r="K2788">
            <v>100</v>
          </cell>
          <cell r="M2788">
            <v>0</v>
          </cell>
          <cell r="N2788">
            <v>0</v>
          </cell>
        </row>
        <row r="2789">
          <cell r="A2789" t="str">
            <v>DNKTWA42012</v>
          </cell>
          <cell r="B2789" t="str">
            <v>DNK</v>
          </cell>
          <cell r="C2789" t="str">
            <v>Denmark</v>
          </cell>
          <cell r="D2789" t="str">
            <v>Item 16</v>
          </cell>
          <cell r="E2789" t="str">
            <v>TWA4</v>
          </cell>
          <cell r="F2789" t="str">
            <v>Authorisation and reporting obligations</v>
          </cell>
          <cell r="G2789">
            <v>2012</v>
          </cell>
          <cell r="H2789">
            <v>2012</v>
          </cell>
          <cell r="I2789" t="str">
            <v>No requirements except company registration.</v>
          </cell>
          <cell r="J2789">
            <v>0</v>
          </cell>
          <cell r="M2789">
            <v>0</v>
          </cell>
        </row>
        <row r="2790">
          <cell r="A2790" t="str">
            <v>DNKTWA52012</v>
          </cell>
          <cell r="B2790" t="str">
            <v>DNK</v>
          </cell>
          <cell r="C2790" t="str">
            <v>Denmark</v>
          </cell>
          <cell r="D2790" t="str">
            <v>Item 17</v>
          </cell>
          <cell r="E2790" t="str">
            <v>TWA5</v>
          </cell>
          <cell r="F2790" t="str">
            <v>Equal treatment for TWA workers</v>
          </cell>
          <cell r="G2790">
            <v>2012</v>
          </cell>
          <cell r="H2790">
            <v>2012</v>
          </cell>
          <cell r="I2790" t="str">
            <v>Yes, equal treatment regarding pay and working conditions</v>
          </cell>
          <cell r="J2790">
            <v>2</v>
          </cell>
          <cell r="M2790">
            <v>6</v>
          </cell>
        </row>
        <row r="2791">
          <cell r="A2791" t="str">
            <v>DNKCD12012</v>
          </cell>
          <cell r="B2791" t="str">
            <v>DNK</v>
          </cell>
          <cell r="C2791" t="str">
            <v>Denmark</v>
          </cell>
          <cell r="D2791" t="str">
            <v>Item 18</v>
          </cell>
          <cell r="E2791" t="str">
            <v>CD1</v>
          </cell>
          <cell r="F2791" t="str">
            <v>Definition of collective dismissal</v>
          </cell>
          <cell r="G2791">
            <v>2012</v>
          </cell>
          <cell r="H2791">
            <v>2012</v>
          </cell>
          <cell r="I2791" t="str">
            <v xml:space="preserve">Within 30 days, &gt;9 workers in firms 21-99 employees; &gt;9% in firms 100-299; &gt;29 workers in firms 300+ employees.
Firms with 20 employees or less are exempt from requirements for collective dismissals.
</v>
          </cell>
          <cell r="J2791">
            <v>3</v>
          </cell>
          <cell r="M2791">
            <v>4.5</v>
          </cell>
        </row>
        <row r="2792">
          <cell r="A2792" t="str">
            <v>DNKCD22012</v>
          </cell>
          <cell r="B2792" t="str">
            <v>DNK</v>
          </cell>
          <cell r="C2792" t="str">
            <v>Denmark</v>
          </cell>
          <cell r="D2792" t="str">
            <v>Item 19</v>
          </cell>
          <cell r="E2792" t="str">
            <v>CD2</v>
          </cell>
          <cell r="F2792" t="str">
            <v>Additional notification requirements in case of collective dismissals</v>
          </cell>
          <cell r="G2792">
            <v>2012</v>
          </cell>
          <cell r="H2792">
            <v>2012</v>
          </cell>
          <cell r="I2792" t="str">
            <v>Notification of Regional Employment Council (tripartite council) plus the Union and Employers org. (collective agreements provisions).</v>
          </cell>
          <cell r="J2792">
            <v>1</v>
          </cell>
          <cell r="M2792">
            <v>3</v>
          </cell>
        </row>
        <row r="2793">
          <cell r="A2793" t="str">
            <v>DNKCD32012</v>
          </cell>
          <cell r="B2793" t="str">
            <v>DNK</v>
          </cell>
          <cell r="C2793" t="str">
            <v>Denmark</v>
          </cell>
          <cell r="D2793" t="str">
            <v>Item 20</v>
          </cell>
          <cell r="E2793" t="str">
            <v>CD3</v>
          </cell>
          <cell r="F2793" t="str">
            <v>Additional delays involved in case of collective dismissals</v>
          </cell>
          <cell r="G2793">
            <v>2012</v>
          </cell>
          <cell r="H2793">
            <v>2012</v>
          </cell>
          <cell r="I2793"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793">
            <v>24</v>
          </cell>
          <cell r="M2793">
            <v>1</v>
          </cell>
        </row>
        <row r="2794">
          <cell r="A2794" t="str">
            <v>DNKCD42012</v>
          </cell>
          <cell r="B2794" t="str">
            <v>DNK</v>
          </cell>
          <cell r="C2794" t="str">
            <v>Denmark</v>
          </cell>
          <cell r="D2794" t="str">
            <v>Item 21</v>
          </cell>
          <cell r="E2794" t="str">
            <v>CD4</v>
          </cell>
          <cell r="F2794" t="str">
            <v>Other special costs to employers in case of collective dismissals</v>
          </cell>
          <cell r="G2794">
            <v>2012</v>
          </cell>
          <cell r="H2794">
            <v>2012</v>
          </cell>
          <cell r="I2794" t="str">
            <v>Type of negotiation required: National agreement obliges companies to organise transfer and/or retraining whenever possible. Selection criteria: No criteria laid down by law. Severance pay: No special regulations for collective dismissal.</v>
          </cell>
          <cell r="J2794">
            <v>1</v>
          </cell>
          <cell r="M2794">
            <v>3</v>
          </cell>
        </row>
        <row r="2795">
          <cell r="A2795" t="str">
            <v>DNKREG12013</v>
          </cell>
          <cell r="B2795" t="str">
            <v>DNK</v>
          </cell>
          <cell r="C2795" t="str">
            <v>Denmark</v>
          </cell>
          <cell r="D2795" t="str">
            <v>Item 1</v>
          </cell>
          <cell r="E2795" t="str">
            <v>REG1</v>
          </cell>
          <cell r="F2795" t="str">
            <v>Notification procedures</v>
          </cell>
          <cell r="G2795">
            <v>2013</v>
          </cell>
          <cell r="H2795">
            <v>2013</v>
          </cell>
          <cell r="I2795"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95">
            <v>2</v>
          </cell>
          <cell r="M2795">
            <v>4</v>
          </cell>
        </row>
        <row r="2796">
          <cell r="A2796" t="str">
            <v>DNKREG22013</v>
          </cell>
          <cell r="B2796" t="str">
            <v>DNK</v>
          </cell>
          <cell r="C2796" t="str">
            <v>Denmark</v>
          </cell>
          <cell r="D2796" t="str">
            <v>Item 2</v>
          </cell>
          <cell r="E2796" t="str">
            <v>REG2</v>
          </cell>
          <cell r="F2796" t="str">
            <v>Delay before notice can start</v>
          </cell>
          <cell r="G2796">
            <v>2013</v>
          </cell>
          <cell r="H2796">
            <v>2013</v>
          </cell>
          <cell r="I2796"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96">
            <v>11</v>
          </cell>
          <cell r="M2796">
            <v>2</v>
          </cell>
        </row>
        <row r="2797">
          <cell r="A2797" t="str">
            <v>DNKREG32013</v>
          </cell>
          <cell r="B2797" t="str">
            <v>DNK</v>
          </cell>
          <cell r="C2797" t="str">
            <v>Denmark</v>
          </cell>
          <cell r="D2797" t="str">
            <v>Item 3</v>
          </cell>
          <cell r="E2797" t="str">
            <v>REG3A, REG3B, REG3C</v>
          </cell>
          <cell r="F2797" t="str">
            <v>Notice / tenure</v>
          </cell>
          <cell r="G2797">
            <v>2013</v>
          </cell>
          <cell r="H2797">
            <v>2013</v>
          </cell>
          <cell r="I2797"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97">
            <v>1.8</v>
          </cell>
          <cell r="K2797">
            <v>3</v>
          </cell>
          <cell r="L2797">
            <v>4.25</v>
          </cell>
          <cell r="M2797">
            <v>5</v>
          </cell>
          <cell r="N2797">
            <v>5</v>
          </cell>
          <cell r="O2797">
            <v>2</v>
          </cell>
        </row>
        <row r="2798">
          <cell r="A2798" t="str">
            <v>DNKREG42013</v>
          </cell>
          <cell r="B2798" t="str">
            <v>DNK</v>
          </cell>
          <cell r="C2798" t="str">
            <v>Denmark</v>
          </cell>
          <cell r="D2798" t="str">
            <v>Item 4</v>
          </cell>
          <cell r="E2798" t="str">
            <v>REG4A, REG4B, REG4C</v>
          </cell>
          <cell r="F2798" t="str">
            <v>Severance pay / tenure</v>
          </cell>
          <cell r="G2798">
            <v>2013</v>
          </cell>
          <cell r="H2798">
            <v>2013</v>
          </cell>
          <cell r="I2798"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98">
            <v>0</v>
          </cell>
          <cell r="K2798">
            <v>0.01</v>
          </cell>
          <cell r="L2798">
            <v>1.5</v>
          </cell>
          <cell r="M2798">
            <v>0</v>
          </cell>
          <cell r="N2798">
            <v>1</v>
          </cell>
          <cell r="O2798">
            <v>1</v>
          </cell>
        </row>
        <row r="2799">
          <cell r="A2799" t="str">
            <v>DNKREG52013</v>
          </cell>
          <cell r="B2799" t="str">
            <v>DNK</v>
          </cell>
          <cell r="C2799" t="str">
            <v>Denmark</v>
          </cell>
          <cell r="D2799" t="str">
            <v>Item 5</v>
          </cell>
          <cell r="E2799" t="str">
            <v>REG5</v>
          </cell>
          <cell r="F2799" t="str">
            <v>Definition of justified or unfair dismissal</v>
          </cell>
          <cell r="G2799">
            <v>2013</v>
          </cell>
          <cell r="H2799">
            <v>2013</v>
          </cell>
          <cell r="I2799"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99">
            <v>0</v>
          </cell>
          <cell r="M2799">
            <v>0</v>
          </cell>
        </row>
        <row r="2800">
          <cell r="A2800" t="str">
            <v>DNKREG62013</v>
          </cell>
          <cell r="B2800" t="str">
            <v>DNK</v>
          </cell>
          <cell r="C2800" t="str">
            <v>Denmark</v>
          </cell>
          <cell r="D2800" t="str">
            <v>Item 6</v>
          </cell>
          <cell r="E2800" t="str">
            <v>REG6</v>
          </cell>
          <cell r="F2800" t="str">
            <v>Trial period</v>
          </cell>
          <cell r="G2800">
            <v>2013</v>
          </cell>
          <cell r="H2800">
            <v>2013</v>
          </cell>
          <cell r="I2800" t="str">
            <v xml:space="preserve">Blue collar: 9 months (based on collective agreements). White collar: 3 months. 
Calculated by averaging figures for blue and white collar workers
</v>
          </cell>
          <cell r="J2800">
            <v>6</v>
          </cell>
          <cell r="M2800">
            <v>3</v>
          </cell>
        </row>
        <row r="2801">
          <cell r="A2801" t="str">
            <v>DNKREG72013</v>
          </cell>
          <cell r="B2801" t="str">
            <v>DNK</v>
          </cell>
          <cell r="C2801" t="str">
            <v>Denmark</v>
          </cell>
          <cell r="D2801" t="str">
            <v>Item 7</v>
          </cell>
          <cell r="E2801" t="str">
            <v>REG7</v>
          </cell>
          <cell r="F2801" t="str">
            <v>Compensation following unfair dismissal</v>
          </cell>
          <cell r="G2801">
            <v>2013</v>
          </cell>
          <cell r="H2801">
            <v>2013</v>
          </cell>
          <cell r="I2801"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801">
            <v>6.6</v>
          </cell>
          <cell r="M2801">
            <v>1</v>
          </cell>
        </row>
        <row r="2802">
          <cell r="A2802" t="str">
            <v>DNKREG82013</v>
          </cell>
          <cell r="B2802" t="str">
            <v>DNK</v>
          </cell>
          <cell r="C2802" t="str">
            <v>Denmark</v>
          </cell>
          <cell r="D2802" t="str">
            <v>Item 8</v>
          </cell>
          <cell r="E2802" t="str">
            <v>REG8</v>
          </cell>
          <cell r="F2802" t="str">
            <v>Possibility of reinstatement following unfair dismissal</v>
          </cell>
          <cell r="G2802">
            <v>2013</v>
          </cell>
          <cell r="H2802">
            <v>2013</v>
          </cell>
          <cell r="I2802"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802">
            <v>1</v>
          </cell>
          <cell r="M2802">
            <v>2</v>
          </cell>
        </row>
        <row r="2803">
          <cell r="A2803" t="str">
            <v>DNKREG92013</v>
          </cell>
          <cell r="B2803" t="str">
            <v>DNK</v>
          </cell>
          <cell r="C2803" t="str">
            <v>Denmark</v>
          </cell>
          <cell r="D2803" t="str">
            <v>Item 9</v>
          </cell>
          <cell r="E2803" t="str">
            <v>REG9</v>
          </cell>
          <cell r="F2803" t="str">
            <v>Maximum time for claim</v>
          </cell>
          <cell r="G2803">
            <v>2013</v>
          </cell>
          <cell r="H2803">
            <v>2013</v>
          </cell>
          <cell r="I2803"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803">
            <v>0</v>
          </cell>
          <cell r="M2803">
            <v>0</v>
          </cell>
        </row>
        <row r="2804">
          <cell r="A2804" t="str">
            <v>DNKFTC12013</v>
          </cell>
          <cell r="B2804" t="str">
            <v>DNK</v>
          </cell>
          <cell r="C2804" t="str">
            <v>Denmark</v>
          </cell>
          <cell r="D2804" t="str">
            <v>Item 10</v>
          </cell>
          <cell r="E2804" t="str">
            <v>FTC1</v>
          </cell>
          <cell r="F2804" t="str">
            <v>Valid cases for use of fixed-term contracts, other than  “objective”  or “material” situation</v>
          </cell>
          <cell r="G2804">
            <v>2013</v>
          </cell>
          <cell r="H2804">
            <v>2013</v>
          </cell>
          <cell r="I2804" t="str">
            <v xml:space="preserve">Fixed-term contracts allowed for specified periods of time and/or for specific tasks 
Particularly used in professional services and construction, but also in other industries. Renewal of fixed term contracts must be based on “objective criteria”. 
</v>
          </cell>
          <cell r="J2804">
            <v>2.5</v>
          </cell>
          <cell r="M2804">
            <v>1</v>
          </cell>
        </row>
        <row r="2805">
          <cell r="A2805" t="str">
            <v>DNKFTC22013</v>
          </cell>
          <cell r="B2805" t="str">
            <v>DNK</v>
          </cell>
          <cell r="C2805" t="str">
            <v>Denmark</v>
          </cell>
          <cell r="D2805" t="str">
            <v>Item 11</v>
          </cell>
          <cell r="E2805" t="str">
            <v>FTC2</v>
          </cell>
          <cell r="F2805" t="str">
            <v>Maximum number of successive fixed-term contracts</v>
          </cell>
          <cell r="G2805">
            <v>2013</v>
          </cell>
          <cell r="H2805">
            <v>2013</v>
          </cell>
          <cell r="I2805"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805">
            <v>2.5</v>
          </cell>
          <cell r="M2805">
            <v>4</v>
          </cell>
        </row>
        <row r="2806">
          <cell r="A2806" t="str">
            <v>DNKFTC32013</v>
          </cell>
          <cell r="B2806" t="str">
            <v>DNK</v>
          </cell>
          <cell r="C2806" t="str">
            <v>Denmark</v>
          </cell>
          <cell r="D2806" t="str">
            <v>Item 12</v>
          </cell>
          <cell r="E2806" t="str">
            <v>FTC3</v>
          </cell>
          <cell r="F2806" t="str">
            <v>Maximum cumulated duration of successive fixed-term contracts</v>
          </cell>
          <cell r="G2806">
            <v>2013</v>
          </cell>
          <cell r="H2806">
            <v>2013</v>
          </cell>
          <cell r="I2806" t="str">
            <v xml:space="preserve">There are no limits if objective reasons but in practice max. 2 years </v>
          </cell>
          <cell r="J2806">
            <v>24</v>
          </cell>
          <cell r="M2806">
            <v>3</v>
          </cell>
        </row>
        <row r="2807">
          <cell r="A2807" t="str">
            <v>DNKTWA12013</v>
          </cell>
          <cell r="B2807" t="str">
            <v>DNK</v>
          </cell>
          <cell r="C2807" t="str">
            <v>Denmark</v>
          </cell>
          <cell r="D2807" t="str">
            <v>Item 13</v>
          </cell>
          <cell r="E2807" t="str">
            <v>TWA1</v>
          </cell>
          <cell r="F2807" t="str">
            <v>Types of work for which TWA employment is legal</v>
          </cell>
          <cell r="G2807">
            <v>2013</v>
          </cell>
          <cell r="H2807">
            <v>2013</v>
          </cell>
          <cell r="I2807" t="str">
            <v>Generally allowed.</v>
          </cell>
          <cell r="J2807">
            <v>4</v>
          </cell>
          <cell r="M2807">
            <v>0</v>
          </cell>
        </row>
        <row r="2808">
          <cell r="A2808" t="str">
            <v>DNKTWA22013</v>
          </cell>
          <cell r="B2808" t="str">
            <v>DNK</v>
          </cell>
          <cell r="C2808" t="str">
            <v>Denmark</v>
          </cell>
          <cell r="D2808" t="str">
            <v>Item 14</v>
          </cell>
          <cell r="E2808" t="str">
            <v>TWA2A, TWA2B</v>
          </cell>
          <cell r="F2808" t="str">
            <v>Are there any restrictions on the number of renewals of a TWA contract?</v>
          </cell>
          <cell r="G2808">
            <v>2013</v>
          </cell>
          <cell r="H2808">
            <v>2013</v>
          </cell>
          <cell r="I2808" t="str">
            <v xml:space="preserve">No but the Danish Confederation of Trade Unions states that court rulings suggest that 4-5 renewals entail notification procedures. </v>
          </cell>
          <cell r="J2808" t="str">
            <v>No</v>
          </cell>
          <cell r="K2808" t="str">
            <v>No</v>
          </cell>
          <cell r="M2808">
            <v>2</v>
          </cell>
          <cell r="N2808">
            <v>2</v>
          </cell>
        </row>
        <row r="2809">
          <cell r="A2809" t="str">
            <v>DNKTWA32013</v>
          </cell>
          <cell r="B2809" t="str">
            <v>DNK</v>
          </cell>
          <cell r="C2809" t="str">
            <v>Denmark</v>
          </cell>
          <cell r="D2809" t="str">
            <v>Item 15</v>
          </cell>
          <cell r="E2809" t="str">
            <v>TWA3A, TWA3B</v>
          </cell>
          <cell r="F2809" t="str">
            <v>Maximum cumulated duration of temporary work contracts</v>
          </cell>
          <cell r="G2809">
            <v>2013</v>
          </cell>
          <cell r="H2809">
            <v>2013</v>
          </cell>
          <cell r="I2809" t="str">
            <v>The Danish Confederation of Trade Unions states that there is no limit, if employment pauses in between.</v>
          </cell>
          <cell r="J2809">
            <v>100</v>
          </cell>
          <cell r="K2809">
            <v>100</v>
          </cell>
          <cell r="M2809">
            <v>0</v>
          </cell>
          <cell r="N2809">
            <v>0</v>
          </cell>
        </row>
        <row r="2810">
          <cell r="A2810" t="str">
            <v>DNKTWA42013</v>
          </cell>
          <cell r="B2810" t="str">
            <v>DNK</v>
          </cell>
          <cell r="C2810" t="str">
            <v>Denmark</v>
          </cell>
          <cell r="D2810" t="str">
            <v>Item 16</v>
          </cell>
          <cell r="E2810" t="str">
            <v>TWA4</v>
          </cell>
          <cell r="F2810" t="str">
            <v>Authorisation and reporting obligations</v>
          </cell>
          <cell r="G2810">
            <v>2013</v>
          </cell>
          <cell r="H2810">
            <v>2013</v>
          </cell>
          <cell r="I2810" t="str">
            <v>No requirements except company registration.</v>
          </cell>
          <cell r="J2810">
            <v>0</v>
          </cell>
          <cell r="M2810">
            <v>0</v>
          </cell>
        </row>
        <row r="2811">
          <cell r="A2811" t="str">
            <v>DNKTWA52013</v>
          </cell>
          <cell r="B2811" t="str">
            <v>DNK</v>
          </cell>
          <cell r="C2811" t="str">
            <v>Denmark</v>
          </cell>
          <cell r="D2811" t="str">
            <v>Item 17</v>
          </cell>
          <cell r="E2811" t="str">
            <v>TWA5</v>
          </cell>
          <cell r="F2811" t="str">
            <v>Equal treatment for TWA workers</v>
          </cell>
          <cell r="G2811">
            <v>2013</v>
          </cell>
          <cell r="H2811">
            <v>2013</v>
          </cell>
          <cell r="I2811" t="str">
            <v>Yes, equal treatment regarding pay and working conditions</v>
          </cell>
          <cell r="J2811">
            <v>2</v>
          </cell>
          <cell r="M2811">
            <v>6</v>
          </cell>
        </row>
        <row r="2812">
          <cell r="A2812" t="str">
            <v>DNKCD12013</v>
          </cell>
          <cell r="B2812" t="str">
            <v>DNK</v>
          </cell>
          <cell r="C2812" t="str">
            <v>Denmark</v>
          </cell>
          <cell r="D2812" t="str">
            <v>Item 18</v>
          </cell>
          <cell r="E2812" t="str">
            <v>CD1</v>
          </cell>
          <cell r="F2812" t="str">
            <v>Definition of collective dismissal</v>
          </cell>
          <cell r="G2812">
            <v>2013</v>
          </cell>
          <cell r="H2812">
            <v>2013</v>
          </cell>
          <cell r="I2812" t="str">
            <v xml:space="preserve">Within 30 days, &gt;9 workers in firms 21-99 employees; &gt;9% in firms 100-299; &gt;29 workers in firms 300+ employees.
Firms with 20 employees or less are exempt from requirements for collective dismissals.
</v>
          </cell>
          <cell r="J2812">
            <v>3</v>
          </cell>
          <cell r="M2812">
            <v>4.5</v>
          </cell>
        </row>
        <row r="2813">
          <cell r="A2813" t="str">
            <v>DNKCD22013</v>
          </cell>
          <cell r="B2813" t="str">
            <v>DNK</v>
          </cell>
          <cell r="C2813" t="str">
            <v>Denmark</v>
          </cell>
          <cell r="D2813" t="str">
            <v>Item 19</v>
          </cell>
          <cell r="E2813" t="str">
            <v>CD2</v>
          </cell>
          <cell r="F2813" t="str">
            <v>Additional notification requirements in case of collective dismissals</v>
          </cell>
          <cell r="G2813">
            <v>2013</v>
          </cell>
          <cell r="H2813">
            <v>2013</v>
          </cell>
          <cell r="I2813" t="str">
            <v>Notification of Regional Employment Council (tripartite council) plus the Union and Employers org. (collective agreements provisions).</v>
          </cell>
          <cell r="J2813">
            <v>1</v>
          </cell>
          <cell r="M2813">
            <v>3</v>
          </cell>
        </row>
        <row r="2814">
          <cell r="A2814" t="str">
            <v>DNKCD32013</v>
          </cell>
          <cell r="B2814" t="str">
            <v>DNK</v>
          </cell>
          <cell r="C2814" t="str">
            <v>Denmark</v>
          </cell>
          <cell r="D2814" t="str">
            <v>Item 20</v>
          </cell>
          <cell r="E2814" t="str">
            <v>CD3</v>
          </cell>
          <cell r="F2814" t="str">
            <v>Additional delays involved in case of collective dismissals</v>
          </cell>
          <cell r="G2814">
            <v>2013</v>
          </cell>
          <cell r="H2814">
            <v>2013</v>
          </cell>
          <cell r="I2814"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814">
            <v>24</v>
          </cell>
          <cell r="M2814">
            <v>1</v>
          </cell>
        </row>
        <row r="2815">
          <cell r="A2815" t="str">
            <v>DNKCD42013</v>
          </cell>
          <cell r="B2815" t="str">
            <v>DNK</v>
          </cell>
          <cell r="C2815" t="str">
            <v>Denmark</v>
          </cell>
          <cell r="D2815" t="str">
            <v>Item 21</v>
          </cell>
          <cell r="E2815" t="str">
            <v>CD4</v>
          </cell>
          <cell r="F2815" t="str">
            <v>Other special costs to employers in case of collective dismissals</v>
          </cell>
          <cell r="G2815">
            <v>2013</v>
          </cell>
          <cell r="H2815">
            <v>2013</v>
          </cell>
          <cell r="I2815" t="str">
            <v xml:space="preserve">Type of negotiation required: National agreement obliges companies to organise transfer and/or retraining whenever possible. 
Selection criteria: No criteria laid down by law. 
Severance pay: No special regulations for collective dismissal. The collective agreement for the financial sector requires obligatory outplacement and severance pay above the law plus other provisions.
</v>
          </cell>
          <cell r="J2815">
            <v>1</v>
          </cell>
          <cell r="M2815">
            <v>3</v>
          </cell>
          <cell r="P2815">
            <v>41000</v>
          </cell>
        </row>
        <row r="2816">
          <cell r="A2816" t="str">
            <v>ITAREG12012</v>
          </cell>
          <cell r="B2816" t="str">
            <v>ITA</v>
          </cell>
          <cell r="C2816" t="str">
            <v>Italy</v>
          </cell>
          <cell r="D2816" t="str">
            <v>Item 1</v>
          </cell>
          <cell r="E2816" t="str">
            <v>REG1</v>
          </cell>
          <cell r="F2816" t="str">
            <v>Notification procedures</v>
          </cell>
          <cell r="G2816">
            <v>2012</v>
          </cell>
          <cell r="H2816">
            <v>2012</v>
          </cell>
          <cell r="I2816" t="str">
            <v>Written notice to employee who can require communication of detailed reasons and can request conciliation by the provincial employment office or through conciliation committees set up under collective agreements.</v>
          </cell>
          <cell r="J2816">
            <v>1.5</v>
          </cell>
          <cell r="M2816">
            <v>3</v>
          </cell>
        </row>
        <row r="2817">
          <cell r="A2817" t="str">
            <v>ITAREG22012</v>
          </cell>
          <cell r="B2817" t="str">
            <v>ITA</v>
          </cell>
          <cell r="C2817" t="str">
            <v>Italy</v>
          </cell>
          <cell r="D2817" t="str">
            <v>Item 2</v>
          </cell>
          <cell r="E2817" t="str">
            <v>REG2</v>
          </cell>
          <cell r="F2817" t="str">
            <v>Delay before notice can start</v>
          </cell>
          <cell r="G2817">
            <v>2012</v>
          </cell>
          <cell r="H2817">
            <v>2012</v>
          </cell>
          <cell r="I2817"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2817">
            <v>10.5</v>
          </cell>
          <cell r="M2817">
            <v>2</v>
          </cell>
        </row>
        <row r="2818">
          <cell r="A2818" t="str">
            <v>ITAREG32012</v>
          </cell>
          <cell r="B2818" t="str">
            <v>ITA</v>
          </cell>
          <cell r="C2818" t="str">
            <v>Italy</v>
          </cell>
          <cell r="D2818" t="str">
            <v>Item 3</v>
          </cell>
          <cell r="E2818" t="str">
            <v>REG3A, REG3B, REG3C</v>
          </cell>
          <cell r="F2818" t="str">
            <v>Notice / tenure</v>
          </cell>
          <cell r="G2818">
            <v>2012</v>
          </cell>
          <cell r="H2818">
            <v>2012</v>
          </cell>
          <cell r="I2818"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18">
            <v>1.4</v>
          </cell>
          <cell r="K2818">
            <v>1.4</v>
          </cell>
          <cell r="L2818">
            <v>4</v>
          </cell>
          <cell r="M2818">
            <v>4</v>
          </cell>
          <cell r="N2818">
            <v>3</v>
          </cell>
          <cell r="O2818">
            <v>2</v>
          </cell>
        </row>
        <row r="2819">
          <cell r="A2819" t="str">
            <v>ITAREG42012</v>
          </cell>
          <cell r="B2819" t="str">
            <v>ITA</v>
          </cell>
          <cell r="C2819" t="str">
            <v>Italy</v>
          </cell>
          <cell r="D2819" t="str">
            <v>Item 4</v>
          </cell>
          <cell r="E2819" t="str">
            <v>REG4A, REG4B, REG4C</v>
          </cell>
          <cell r="F2819" t="str">
            <v>Severance pay / tenure</v>
          </cell>
          <cell r="G2819">
            <v>2012</v>
          </cell>
          <cell r="H2819">
            <v>2012</v>
          </cell>
          <cell r="I2819" t="str">
            <v>An end-contract indemnity is paid to employees according to general principles set forth by art. 2120 of the civil code, and as provided by each collective agreement. However, this is paid upon any type of separation.</v>
          </cell>
          <cell r="J2819">
            <v>0</v>
          </cell>
          <cell r="K2819">
            <v>0</v>
          </cell>
          <cell r="L2819">
            <v>0</v>
          </cell>
          <cell r="M2819">
            <v>0</v>
          </cell>
          <cell r="N2819">
            <v>0</v>
          </cell>
          <cell r="O2819">
            <v>0</v>
          </cell>
        </row>
        <row r="2820">
          <cell r="A2820" t="str">
            <v>ITAREG52012</v>
          </cell>
          <cell r="B2820" t="str">
            <v>ITA</v>
          </cell>
          <cell r="C2820" t="str">
            <v>Italy</v>
          </cell>
          <cell r="D2820" t="str">
            <v>Item 5</v>
          </cell>
          <cell r="E2820" t="str">
            <v>REG5</v>
          </cell>
          <cell r="F2820" t="str">
            <v>Definition of justified or unfair dismissal</v>
          </cell>
          <cell r="G2820">
            <v>2012</v>
          </cell>
          <cell r="H2820">
            <v>2012</v>
          </cell>
          <cell r="I2820"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20">
            <v>2</v>
          </cell>
          <cell r="M2820">
            <v>4</v>
          </cell>
        </row>
        <row r="2821">
          <cell r="A2821" t="str">
            <v>ITAREG62012</v>
          </cell>
          <cell r="B2821" t="str">
            <v>ITA</v>
          </cell>
          <cell r="C2821" t="str">
            <v>Italy</v>
          </cell>
          <cell r="D2821" t="str">
            <v>Item 6</v>
          </cell>
          <cell r="E2821" t="str">
            <v>REG6</v>
          </cell>
          <cell r="F2821" t="str">
            <v>Trial period</v>
          </cell>
          <cell r="G2821">
            <v>2012</v>
          </cell>
          <cell r="H2821">
            <v>2012</v>
          </cell>
          <cell r="I2821"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21">
            <v>3.5</v>
          </cell>
          <cell r="M2821">
            <v>4</v>
          </cell>
        </row>
        <row r="2822">
          <cell r="A2822" t="str">
            <v>ITAREG72012</v>
          </cell>
          <cell r="B2822" t="str">
            <v>ITA</v>
          </cell>
          <cell r="C2822" t="str">
            <v>Italy</v>
          </cell>
          <cell r="D2822" t="str">
            <v>Item 7</v>
          </cell>
          <cell r="E2822" t="str">
            <v>REG7</v>
          </cell>
          <cell r="F2822" t="str">
            <v xml:space="preserve">Compensation following unfair dismissal </v>
          </cell>
          <cell r="G2822">
            <v>2012</v>
          </cell>
          <cell r="H2822">
            <v>2012</v>
          </cell>
          <cell r="I2822"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2822">
            <v>21</v>
          </cell>
          <cell r="M2822">
            <v>4</v>
          </cell>
        </row>
        <row r="2823">
          <cell r="A2823" t="str">
            <v>ITAREG82012</v>
          </cell>
          <cell r="B2823" t="str">
            <v>ITA</v>
          </cell>
          <cell r="C2823" t="str">
            <v>Italy</v>
          </cell>
          <cell r="D2823" t="str">
            <v>Item 8</v>
          </cell>
          <cell r="E2823" t="str">
            <v>REG8</v>
          </cell>
          <cell r="F2823" t="str">
            <v>Possibility of reinstatement following unfair dismissal</v>
          </cell>
          <cell r="G2823">
            <v>2012</v>
          </cell>
          <cell r="H2823">
            <v>2012</v>
          </cell>
          <cell r="I2823" t="str">
            <v xml:space="preserve">The option of reinstatement is (almost) always made available to the employee.
However, small companies (see Item 7) are not required to pay back-pay or reinstate workers who are found to be unfairly dismissed.
</v>
          </cell>
          <cell r="J2823">
            <v>3</v>
          </cell>
          <cell r="M2823">
            <v>6</v>
          </cell>
        </row>
        <row r="2824">
          <cell r="A2824" t="str">
            <v>ITAREG92012</v>
          </cell>
          <cell r="B2824" t="str">
            <v>ITA</v>
          </cell>
          <cell r="C2824" t="str">
            <v>Italy</v>
          </cell>
          <cell r="D2824" t="str">
            <v>Item 9</v>
          </cell>
          <cell r="E2824" t="str">
            <v>REG9</v>
          </cell>
          <cell r="F2824" t="str">
            <v>Maximum time for claim</v>
          </cell>
          <cell r="G2824">
            <v>2012</v>
          </cell>
          <cell r="H2824">
            <v>2012</v>
          </cell>
          <cell r="I2824" t="str">
            <v>60 days</v>
          </cell>
          <cell r="J2824">
            <v>2</v>
          </cell>
          <cell r="M2824">
            <v>2</v>
          </cell>
        </row>
        <row r="2825">
          <cell r="A2825" t="str">
            <v>ITAFTC12012</v>
          </cell>
          <cell r="B2825" t="str">
            <v>ITA</v>
          </cell>
          <cell r="C2825" t="str">
            <v>Italy</v>
          </cell>
          <cell r="D2825" t="str">
            <v>Item 10</v>
          </cell>
          <cell r="E2825" t="str">
            <v>FTC1</v>
          </cell>
          <cell r="F2825" t="str">
            <v>Valid cases for use of fixed-term contracts, other than  “objective”  or “material” situation</v>
          </cell>
          <cell r="G2825">
            <v>2012</v>
          </cell>
          <cell r="H2825">
            <v>2012</v>
          </cell>
          <cell r="I2825"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25">
            <v>2</v>
          </cell>
          <cell r="M2825">
            <v>2</v>
          </cell>
          <cell r="P2825">
            <v>40491</v>
          </cell>
        </row>
        <row r="2826">
          <cell r="A2826" t="str">
            <v>ITAFTC22012</v>
          </cell>
          <cell r="B2826" t="str">
            <v>ITA</v>
          </cell>
          <cell r="C2826" t="str">
            <v>Italy</v>
          </cell>
          <cell r="D2826" t="str">
            <v>Item 11</v>
          </cell>
          <cell r="E2826" t="str">
            <v>FTC2</v>
          </cell>
          <cell r="F2826" t="str">
            <v>Maximum number of successive fixed-term contracts</v>
          </cell>
          <cell r="G2826">
            <v>2012</v>
          </cell>
          <cell r="H2826">
            <v>2012</v>
          </cell>
          <cell r="I2826" t="str">
            <v xml:space="preserve">One extension is possible provided that the duration initially agreed is less than three years.
It is possible to conclude successive FTCs within a time frame of 36 months.
</v>
          </cell>
          <cell r="J2826">
            <v>2</v>
          </cell>
          <cell r="M2826">
            <v>4</v>
          </cell>
          <cell r="P2826">
            <v>40491</v>
          </cell>
        </row>
        <row r="2827">
          <cell r="A2827" t="str">
            <v>ITAFTC32012</v>
          </cell>
          <cell r="B2827" t="str">
            <v>ITA</v>
          </cell>
          <cell r="C2827" t="str">
            <v>Italy</v>
          </cell>
          <cell r="D2827" t="str">
            <v>Item 12</v>
          </cell>
          <cell r="E2827" t="str">
            <v>FTC3</v>
          </cell>
          <cell r="F2827" t="str">
            <v>Maximum cumulated duration of successive fixed-term contracts</v>
          </cell>
          <cell r="G2827">
            <v>2012</v>
          </cell>
          <cell r="H2827">
            <v>2012</v>
          </cell>
          <cell r="I2827" t="str">
            <v xml:space="preserve">36 months, with further renewal possible with agreement of territorial employment Office, unless collective agreements define a longer duration.
One year in cases that do not require any justification (see Item 10)
</v>
          </cell>
          <cell r="J2827">
            <v>36</v>
          </cell>
          <cell r="M2827">
            <v>1</v>
          </cell>
          <cell r="P2827">
            <v>40491</v>
          </cell>
        </row>
        <row r="2828">
          <cell r="A2828" t="str">
            <v>ITATWA12012</v>
          </cell>
          <cell r="B2828" t="str">
            <v>ITA</v>
          </cell>
          <cell r="C2828" t="str">
            <v>Italy</v>
          </cell>
          <cell r="D2828" t="str">
            <v>Item 13</v>
          </cell>
          <cell r="E2828" t="str">
            <v>TWA1</v>
          </cell>
          <cell r="F2828" t="str">
            <v>Types of work for which TWA employment is legal</v>
          </cell>
          <cell r="G2828">
            <v>2012</v>
          </cell>
          <cell r="H2828">
            <v>2012</v>
          </cell>
          <cell r="I2828"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2828">
            <v>3</v>
          </cell>
          <cell r="M2828">
            <v>1.5</v>
          </cell>
        </row>
        <row r="2829">
          <cell r="A2829" t="str">
            <v>ITATWA22012</v>
          </cell>
          <cell r="B2829" t="str">
            <v>ITA</v>
          </cell>
          <cell r="C2829" t="str">
            <v>Italy</v>
          </cell>
          <cell r="D2829" t="str">
            <v>Item 14</v>
          </cell>
          <cell r="E2829" t="str">
            <v>TWA2A, TWA2B</v>
          </cell>
          <cell r="F2829" t="str">
            <v>Are there any restrictions on the number of renewals of a TWA contract?</v>
          </cell>
          <cell r="G2829">
            <v>2012</v>
          </cell>
          <cell r="H2829">
            <v>2012</v>
          </cell>
          <cell r="I2829" t="str">
            <v xml:space="preserve">Yes for assignments, in the cases and for the duration set forth in the collective agreement used by temporary work agencies.
Contracts between the agency and the worker can be open-ended
</v>
          </cell>
          <cell r="J2829" t="str">
            <v>Yes</v>
          </cell>
          <cell r="K2829" t="str">
            <v>No</v>
          </cell>
          <cell r="M2829">
            <v>4</v>
          </cell>
          <cell r="N2829">
            <v>2</v>
          </cell>
        </row>
        <row r="2830">
          <cell r="A2830" t="str">
            <v>ITATWA32012</v>
          </cell>
          <cell r="B2830" t="str">
            <v>ITA</v>
          </cell>
          <cell r="C2830" t="str">
            <v>Italy</v>
          </cell>
          <cell r="D2830" t="str">
            <v>Item 15</v>
          </cell>
          <cell r="E2830" t="str">
            <v>TWA3A, TWA3B</v>
          </cell>
          <cell r="F2830" t="str">
            <v>Maximum cumulated duration of temporary work contracts</v>
          </cell>
          <cell r="G2830">
            <v>2012</v>
          </cell>
          <cell r="H2830">
            <v>2012</v>
          </cell>
          <cell r="I2830"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30">
            <v>100</v>
          </cell>
          <cell r="K2830">
            <v>100</v>
          </cell>
          <cell r="M2830">
            <v>0</v>
          </cell>
          <cell r="N2830">
            <v>0</v>
          </cell>
        </row>
        <row r="2831">
          <cell r="A2831" t="str">
            <v>ITATWA42012</v>
          </cell>
          <cell r="B2831" t="str">
            <v>ITA</v>
          </cell>
          <cell r="C2831" t="str">
            <v>Italy</v>
          </cell>
          <cell r="D2831" t="str">
            <v>Item 16</v>
          </cell>
          <cell r="E2831" t="str">
            <v>TWA4</v>
          </cell>
          <cell r="F2831" t="str">
            <v>Authorisation and reporting obligations</v>
          </cell>
          <cell r="G2831">
            <v>2012</v>
          </cell>
          <cell r="H2831">
            <v>2012</v>
          </cell>
          <cell r="I2831"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31">
            <v>3</v>
          </cell>
          <cell r="M2831">
            <v>6</v>
          </cell>
        </row>
        <row r="2832">
          <cell r="A2832" t="str">
            <v>ITATWA52012</v>
          </cell>
          <cell r="B2832" t="str">
            <v>ITA</v>
          </cell>
          <cell r="C2832" t="str">
            <v>Italy</v>
          </cell>
          <cell r="D2832" t="str">
            <v>Item 17</v>
          </cell>
          <cell r="E2832" t="str">
            <v>TWA5</v>
          </cell>
          <cell r="F2832" t="str">
            <v>Equal treatment for TWA workers</v>
          </cell>
          <cell r="G2832">
            <v>2012</v>
          </cell>
          <cell r="H2832">
            <v>2012</v>
          </cell>
          <cell r="I2832" t="str">
            <v>TWA workers are entitled to receive the same pay and conditions as other workers in the firm for equal work, equivalent tasks or jobs of the same nature.</v>
          </cell>
          <cell r="J2832">
            <v>2</v>
          </cell>
          <cell r="M2832">
            <v>6</v>
          </cell>
        </row>
        <row r="2833">
          <cell r="A2833" t="str">
            <v>ITACD12012</v>
          </cell>
          <cell r="B2833" t="str">
            <v>ITA</v>
          </cell>
          <cell r="C2833" t="str">
            <v>Italy</v>
          </cell>
          <cell r="D2833" t="str">
            <v>Item 18</v>
          </cell>
          <cell r="E2833" t="str">
            <v>CD1</v>
          </cell>
          <cell r="F2833" t="str">
            <v>Definition of collective dismissal</v>
          </cell>
          <cell r="G2833">
            <v>2012</v>
          </cell>
          <cell r="H2833">
            <v>2012</v>
          </cell>
          <cell r="I2833" t="str">
            <v>In firms with 15 and more employees and over  a period of 120 days, 5+ workers in a single production unit; 5+ workers in several units within one province.</v>
          </cell>
          <cell r="J2833">
            <v>4</v>
          </cell>
          <cell r="M2833">
            <v>6</v>
          </cell>
        </row>
        <row r="2834">
          <cell r="A2834" t="str">
            <v>ITACD22012</v>
          </cell>
          <cell r="B2834" t="str">
            <v>ITA</v>
          </cell>
          <cell r="C2834" t="str">
            <v>Italy</v>
          </cell>
          <cell r="D2834" t="str">
            <v>Item 19</v>
          </cell>
          <cell r="E2834" t="str">
            <v>CD2</v>
          </cell>
          <cell r="F2834" t="str">
            <v>Additional notification requirements in case of collective dismissals</v>
          </cell>
          <cell r="G2834">
            <v>2012</v>
          </cell>
          <cell r="H2834">
            <v>2012</v>
          </cell>
          <cell r="I2834"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834">
            <v>1.5</v>
          </cell>
          <cell r="M2834">
            <v>4.5</v>
          </cell>
        </row>
        <row r="2835">
          <cell r="A2835" t="str">
            <v>ITACD32012</v>
          </cell>
          <cell r="B2835" t="str">
            <v>ITA</v>
          </cell>
          <cell r="C2835" t="str">
            <v>Italy</v>
          </cell>
          <cell r="D2835" t="str">
            <v>Item 20</v>
          </cell>
          <cell r="E2835" t="str">
            <v>CD3</v>
          </cell>
          <cell r="F2835" t="str">
            <v>Additional delays involved in case of collective dismissals</v>
          </cell>
          <cell r="G2835">
            <v>2012</v>
          </cell>
          <cell r="H2835">
            <v>2012</v>
          </cell>
          <cell r="I2835"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35">
            <v>34.5</v>
          </cell>
          <cell r="M2835">
            <v>3</v>
          </cell>
        </row>
        <row r="2836">
          <cell r="A2836" t="str">
            <v>ITACD42012</v>
          </cell>
          <cell r="B2836" t="str">
            <v>ITA</v>
          </cell>
          <cell r="C2836" t="str">
            <v>Italy</v>
          </cell>
          <cell r="D2836" t="str">
            <v>Item 21</v>
          </cell>
          <cell r="E2836" t="str">
            <v>CD4</v>
          </cell>
          <cell r="F2836" t="str">
            <v>Other special costs to employers in case of collective dismissals</v>
          </cell>
          <cell r="G2836">
            <v>2012</v>
          </cell>
          <cell r="H2836">
            <v>2012</v>
          </cell>
          <cell r="I2836"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36">
            <v>1</v>
          </cell>
          <cell r="M2836">
            <v>3</v>
          </cell>
        </row>
        <row r="2837">
          <cell r="A2837" t="str">
            <v>ITAREG12013</v>
          </cell>
          <cell r="B2837" t="str">
            <v>ITA</v>
          </cell>
          <cell r="C2837" t="str">
            <v>Italy</v>
          </cell>
          <cell r="D2837" t="str">
            <v>Item 1</v>
          </cell>
          <cell r="E2837" t="str">
            <v>REG1</v>
          </cell>
          <cell r="F2837" t="str">
            <v>Notification procedures</v>
          </cell>
          <cell r="G2837">
            <v>2013</v>
          </cell>
          <cell r="H2837">
            <v>2013</v>
          </cell>
          <cell r="I2837" t="str">
            <v xml:space="preserve">Written notice to the employee.
In the case of objective reasons (economic redundancy): the territorial employment office and he employee, are notified at the same time, with the detailed reasons of the dismissal.
In the case of dismissal for subjective reasons (“significant non-compliance with contractual obligations”) , the employee can request conciliation by the territorial employment office or through conciliation committees set up under collective agreements. 
</v>
          </cell>
          <cell r="J2837">
            <v>1.75</v>
          </cell>
          <cell r="M2837">
            <v>3.5</v>
          </cell>
          <cell r="P2837">
            <v>41108</v>
          </cell>
        </row>
        <row r="2838">
          <cell r="A2838" t="str">
            <v>ITAREG22013</v>
          </cell>
          <cell r="B2838" t="str">
            <v>ITA</v>
          </cell>
          <cell r="C2838" t="str">
            <v>Italy</v>
          </cell>
          <cell r="D2838" t="str">
            <v>Item 2</v>
          </cell>
          <cell r="E2838" t="str">
            <v>REG2</v>
          </cell>
          <cell r="F2838" t="str">
            <v>Delay before notice can start</v>
          </cell>
          <cell r="G2838">
            <v>2013</v>
          </cell>
          <cell r="H2838">
            <v>2013</v>
          </cell>
          <cell r="I2838"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In the case of dismissal for objective reasons (economic redundancy) notice also to territorial employment office -TEO -(and the employee) for request conciliation procedure. Within 7 days of receiving the communication the TEO must convene a meeting between employer and employee to consider alternatives to dismissal and, failing this, try to settle the dispute without the parties going to court. The procedure must be concluded within 20 days of the TEO sending the convocation letter, unless the parties wish to continue in order to pursue a settlement agreement. If negotiations over the settlement agreement fail or the 20- day time limit expires, the employer may send the dismissal letter to the employee. However, the date of start of the notice period will be that of the first communication to the employee and TEO
Calculation: 1 day for letter plus 7 days on average for the 1st or the 16th day of the month plus 5/2 days for the waiting period in the case of subjective reasons.
</v>
          </cell>
          <cell r="J2838">
            <v>10.5</v>
          </cell>
          <cell r="M2838">
            <v>2</v>
          </cell>
        </row>
        <row r="2839">
          <cell r="A2839" t="str">
            <v>ITAREG32013</v>
          </cell>
          <cell r="B2839" t="str">
            <v>ITA</v>
          </cell>
          <cell r="C2839" t="str">
            <v>Italy</v>
          </cell>
          <cell r="D2839" t="str">
            <v>Item 3</v>
          </cell>
          <cell r="E2839" t="str">
            <v>REG3A, REG3B, REG3C</v>
          </cell>
          <cell r="F2839" t="str">
            <v>Notice / tenure</v>
          </cell>
          <cell r="G2839">
            <v>2013</v>
          </cell>
          <cell r="H2839">
            <v>2013</v>
          </cell>
          <cell r="I2839"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39">
            <v>1.4</v>
          </cell>
          <cell r="K2839">
            <v>1.4</v>
          </cell>
          <cell r="L2839">
            <v>4</v>
          </cell>
          <cell r="M2839">
            <v>4</v>
          </cell>
          <cell r="N2839">
            <v>3</v>
          </cell>
          <cell r="O2839">
            <v>2</v>
          </cell>
        </row>
        <row r="2840">
          <cell r="A2840" t="str">
            <v>ITAREG42013</v>
          </cell>
          <cell r="B2840" t="str">
            <v>ITA</v>
          </cell>
          <cell r="C2840" t="str">
            <v>Italy</v>
          </cell>
          <cell r="D2840" t="str">
            <v>Item 4</v>
          </cell>
          <cell r="E2840" t="str">
            <v>REG4A, REG4B, REG4C</v>
          </cell>
          <cell r="F2840" t="str">
            <v>Severance pay / tenure</v>
          </cell>
          <cell r="G2840">
            <v>2013</v>
          </cell>
          <cell r="H2840">
            <v>2013</v>
          </cell>
          <cell r="I2840" t="str">
            <v>An end-contract indemnity is paid to employees according to general principles set forth by art. 2120 of the civil code, and as provided by each collective agreement. However, this is paid upon any type of separation. Nonetheless, the employer must pay a contribution equal to 41% of the monthly unemployment benefit ceiling for each of the first three years of tenure (or fraction of it). In 2013 this contribution amounts to 362.85 EUR, for 9-month job tenure, and 1451 EUR for 4-years or 20-years job tenure (§31 of art. 2, law 92/2012 and §250 of art.1, law 228/2012, circolare INPS No. 44, 22-03-2013). For comparison, the gross annual wage for employees with an open-ended contract was 29 852 EUR.</v>
          </cell>
          <cell r="J2840">
            <v>0</v>
          </cell>
          <cell r="K2840">
            <v>0</v>
          </cell>
          <cell r="L2840">
            <v>0</v>
          </cell>
          <cell r="M2840">
            <v>0</v>
          </cell>
          <cell r="N2840">
            <v>0</v>
          </cell>
          <cell r="O2840">
            <v>0</v>
          </cell>
          <cell r="P2840" t="str">
            <v>1/1/2013 (no change in score)</v>
          </cell>
        </row>
        <row r="2841">
          <cell r="A2841" t="str">
            <v>ITAREG52013</v>
          </cell>
          <cell r="B2841" t="str">
            <v>ITA</v>
          </cell>
          <cell r="C2841" t="str">
            <v>Italy</v>
          </cell>
          <cell r="D2841" t="str">
            <v>Item 5</v>
          </cell>
          <cell r="E2841" t="str">
            <v>REG5</v>
          </cell>
          <cell r="F2841" t="str">
            <v>Definition of justified or unfair dismissal</v>
          </cell>
          <cell r="G2841">
            <v>2013</v>
          </cell>
          <cell r="H2841">
            <v>2013</v>
          </cell>
          <cell r="I2841"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41">
            <v>2</v>
          </cell>
          <cell r="M2841">
            <v>4</v>
          </cell>
        </row>
        <row r="2842">
          <cell r="A2842" t="str">
            <v>ITAREG62013</v>
          </cell>
          <cell r="B2842" t="str">
            <v>ITA</v>
          </cell>
          <cell r="C2842" t="str">
            <v>Italy</v>
          </cell>
          <cell r="D2842" t="str">
            <v>Item 6</v>
          </cell>
          <cell r="E2842" t="str">
            <v>REG6</v>
          </cell>
          <cell r="F2842" t="str">
            <v>Trial period</v>
          </cell>
          <cell r="G2842">
            <v>2013</v>
          </cell>
          <cell r="H2842">
            <v>2013</v>
          </cell>
          <cell r="I2842"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42">
            <v>3.5</v>
          </cell>
          <cell r="M2842">
            <v>4</v>
          </cell>
        </row>
        <row r="2843">
          <cell r="A2843" t="str">
            <v>ITAREG72013</v>
          </cell>
          <cell r="B2843" t="str">
            <v>ITA</v>
          </cell>
          <cell r="C2843" t="str">
            <v>Italy</v>
          </cell>
          <cell r="D2843" t="str">
            <v>Item 7</v>
          </cell>
          <cell r="E2843" t="str">
            <v>REG7</v>
          </cell>
          <cell r="F2843" t="str">
            <v xml:space="preserve">Compensation following unfair dismissal </v>
          </cell>
          <cell r="G2843">
            <v>2013</v>
          </cell>
          <cell r="H2843">
            <v>2013</v>
          </cell>
          <cell r="I2843" t="str">
            <v xml:space="preserve">Case of large companies (Law n.92/2012): In the case of workers in companies employing &gt;15 employees in one establishment or in the same municipality and, anyway, in companies with more than 60 employees (even if distributed in production units or municipalities with less than 15 employees), if the labour court finds that the dismissal is unfair or unjustified, it will order the employer to pay the employee an indemnity of between 12 and 24 months’ salary, depending on circumstances such as age, length of service, number of employees and size of company. In the case of ineffective termination of employment, due to the absence of written reasons in the termination letter or breach of procedural aspects (such as in case of disciplinary procedures), the labour court establishes an indemnity ranging from 6 to 12 months’ salary, without prejudice for the application for stronger protection in the case the alleged reasons of dismissal are deemed unfair or unlawful on the merit of its alleged reasons.
Case of small companies: for establishments not included in the above cases, Law 604/66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21 months (computed as average of mean and maximum compensation, excluding the case of ineffective termination).
</v>
          </cell>
          <cell r="J2843">
            <v>21</v>
          </cell>
          <cell r="M2843">
            <v>4</v>
          </cell>
          <cell r="P2843">
            <v>41108</v>
          </cell>
        </row>
        <row r="2844">
          <cell r="A2844" t="str">
            <v>ITAREG82013</v>
          </cell>
          <cell r="B2844" t="str">
            <v>ITA</v>
          </cell>
          <cell r="C2844" t="str">
            <v>Italy</v>
          </cell>
          <cell r="D2844" t="str">
            <v>Item 8</v>
          </cell>
          <cell r="E2844" t="str">
            <v>REG8</v>
          </cell>
          <cell r="F2844" t="str">
            <v>Possibility of reinstatement following unfair dismissal</v>
          </cell>
          <cell r="G2844">
            <v>2013</v>
          </cell>
          <cell r="H2844">
            <v>2013</v>
          </cell>
          <cell r="I2844" t="str">
            <v xml:space="preserve">If the labour court finds that the alleged breach or failure did not take place, and should have been penalised by a measure less severe than dismissal according to the applicable national collective agreements or disciplinary codes or that it was a discriminatory dismissal, or that the objective reason indicated in the dismissal letter clearly does not apply or is inexistent, or that the employee was dismissed in breach of Article 2110 of Civil Code (ie if the dismissal is communicated to the absent  employee before the end of the provided sick leave or maternity leave) it will revoke the dismissal and will order the employer to:
-reinstate the employee (although the employee may refuse reinstatement and instead receive 15 months’ salary as an indemnity);
- pay employee an indemnity equal to the salary due from the date of the dismissal to the date of reinstatement, to a maximum of 12 months’ salary, minus any remuneration earned by employee from working during this period (aliunde perceptum) or that he would have earned had he duly sought new employment (aliunde percipiendum);
-pay social security contributions from the date of the dismissal to the date of the reinstatement.
However, small companies (see Item 7) are not required to pay back-pay or reinstate workers who are found to be unfairly dismissed.
</v>
          </cell>
          <cell r="J2844">
            <v>1</v>
          </cell>
          <cell r="M2844">
            <v>2</v>
          </cell>
          <cell r="P2844">
            <v>41108</v>
          </cell>
        </row>
        <row r="2845">
          <cell r="A2845" t="str">
            <v>ITAREG92013</v>
          </cell>
          <cell r="B2845" t="str">
            <v>ITA</v>
          </cell>
          <cell r="C2845" t="str">
            <v>Italy</v>
          </cell>
          <cell r="D2845" t="str">
            <v>Item 9</v>
          </cell>
          <cell r="E2845" t="str">
            <v>REG9</v>
          </cell>
          <cell r="F2845" t="str">
            <v>Maximum time for claim</v>
          </cell>
          <cell r="G2845">
            <v>2013</v>
          </cell>
          <cell r="H2845">
            <v>2013</v>
          </cell>
          <cell r="I2845" t="str">
            <v>60 days</v>
          </cell>
          <cell r="J2845">
            <v>2</v>
          </cell>
          <cell r="M2845">
            <v>2</v>
          </cell>
        </row>
        <row r="2846">
          <cell r="A2846" t="str">
            <v>ITAFTC12013</v>
          </cell>
          <cell r="B2846" t="str">
            <v>ITA</v>
          </cell>
          <cell r="C2846" t="str">
            <v>Italy</v>
          </cell>
          <cell r="D2846" t="str">
            <v>Item 10</v>
          </cell>
          <cell r="E2846" t="str">
            <v>FTC1</v>
          </cell>
          <cell r="F2846" t="str">
            <v>Valid cases for use of fixed-term contracts, other than  “objective”  or “material” situation</v>
          </cell>
          <cell r="G2846">
            <v>2013</v>
          </cell>
          <cell r="H2846">
            <v>2013</v>
          </cell>
          <cell r="I2846"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46">
            <v>2</v>
          </cell>
          <cell r="M2846">
            <v>2</v>
          </cell>
          <cell r="P2846">
            <v>40491</v>
          </cell>
        </row>
        <row r="2847">
          <cell r="A2847" t="str">
            <v>ITAFTC22013</v>
          </cell>
          <cell r="B2847" t="str">
            <v>ITA</v>
          </cell>
          <cell r="C2847" t="str">
            <v>Italy</v>
          </cell>
          <cell r="D2847" t="str">
            <v>Item 11</v>
          </cell>
          <cell r="E2847" t="str">
            <v>FTC2</v>
          </cell>
          <cell r="F2847" t="str">
            <v>Maximum number of successive fixed-term contracts</v>
          </cell>
          <cell r="G2847">
            <v>2013</v>
          </cell>
          <cell r="H2847">
            <v>2013</v>
          </cell>
          <cell r="I2847" t="str">
            <v xml:space="preserve">One extension is possible provided that the duration initially agreed is less than three years.
It is possible to conclude successive FTCs within a time frame of 36 months.
</v>
          </cell>
          <cell r="J2847">
            <v>2</v>
          </cell>
          <cell r="M2847">
            <v>4</v>
          </cell>
        </row>
        <row r="2848">
          <cell r="A2848" t="str">
            <v>ITAFTC32013</v>
          </cell>
          <cell r="B2848" t="str">
            <v>ITA</v>
          </cell>
          <cell r="C2848" t="str">
            <v>Italy</v>
          </cell>
          <cell r="D2848" t="str">
            <v>Item 12</v>
          </cell>
          <cell r="E2848" t="str">
            <v>FTC3</v>
          </cell>
          <cell r="F2848" t="str">
            <v>Maximum cumulated duration of successive fixed-term contracts</v>
          </cell>
          <cell r="G2848">
            <v>2013</v>
          </cell>
          <cell r="H2848">
            <v>2013</v>
          </cell>
          <cell r="I2848" t="str">
            <v xml:space="preserve">36 months, with further renewal possible with agreement of territorial employment Office, unless collective agreements define a longer duration.
One year in cases that do not require any justification (see Item 10)
</v>
          </cell>
          <cell r="J2848">
            <v>36</v>
          </cell>
          <cell r="M2848">
            <v>1</v>
          </cell>
        </row>
        <row r="2849">
          <cell r="A2849" t="str">
            <v>ITATWA12013</v>
          </cell>
          <cell r="B2849" t="str">
            <v>ITA</v>
          </cell>
          <cell r="C2849" t="str">
            <v>Italy</v>
          </cell>
          <cell r="D2849" t="str">
            <v>Item 13</v>
          </cell>
          <cell r="E2849" t="str">
            <v>TWA1</v>
          </cell>
          <cell r="F2849" t="str">
            <v>Types of work for which TWA employment is legal</v>
          </cell>
          <cell r="G2849">
            <v>2013</v>
          </cell>
          <cell r="H2849">
            <v>2013</v>
          </cell>
          <cell r="I2849"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striking workers.
Only for the first fixed-term assignment at the user firm there is no necessity to justify technical, production or organizational reasons (Law 92/2012).</v>
          </cell>
          <cell r="J2849">
            <v>3</v>
          </cell>
          <cell r="M2849">
            <v>1.5</v>
          </cell>
          <cell r="P2849">
            <v>41108</v>
          </cell>
        </row>
        <row r="2850">
          <cell r="A2850" t="str">
            <v>ITATWA22013</v>
          </cell>
          <cell r="B2850" t="str">
            <v>ITA</v>
          </cell>
          <cell r="C2850" t="str">
            <v>Italy</v>
          </cell>
          <cell r="D2850" t="str">
            <v>Item 14</v>
          </cell>
          <cell r="E2850" t="str">
            <v>TWA2A, TWA2B</v>
          </cell>
          <cell r="F2850" t="str">
            <v>Are there any restrictions on the number of renewals of a TWA contract?</v>
          </cell>
          <cell r="G2850">
            <v>2013</v>
          </cell>
          <cell r="H2850">
            <v>2013</v>
          </cell>
          <cell r="I2850" t="str">
            <v xml:space="preserve">Yes for assignments, in the cases and for the duration set forth in the collective agreement used by temporary work agencies.
Contracts between the agency and the worker can be open-ended
</v>
          </cell>
          <cell r="J2850" t="str">
            <v>Yes</v>
          </cell>
          <cell r="K2850" t="str">
            <v>No</v>
          </cell>
          <cell r="M2850">
            <v>4</v>
          </cell>
          <cell r="N2850">
            <v>2</v>
          </cell>
        </row>
        <row r="2851">
          <cell r="A2851" t="str">
            <v>ITATWA32013</v>
          </cell>
          <cell r="B2851" t="str">
            <v>ITA</v>
          </cell>
          <cell r="C2851" t="str">
            <v>Italy</v>
          </cell>
          <cell r="D2851" t="str">
            <v>Item 15</v>
          </cell>
          <cell r="E2851" t="str">
            <v>TWA3A, TWA3B</v>
          </cell>
          <cell r="F2851" t="str">
            <v>Maximum cumulated duration of temporary work contracts</v>
          </cell>
          <cell r="G2851">
            <v>2013</v>
          </cell>
          <cell r="H2851">
            <v>2013</v>
          </cell>
          <cell r="I2851"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51">
            <v>100</v>
          </cell>
          <cell r="K2851">
            <v>100</v>
          </cell>
          <cell r="M2851">
            <v>0</v>
          </cell>
          <cell r="N2851">
            <v>0</v>
          </cell>
        </row>
        <row r="2852">
          <cell r="A2852" t="str">
            <v>ITATWA42013</v>
          </cell>
          <cell r="B2852" t="str">
            <v>ITA</v>
          </cell>
          <cell r="C2852" t="str">
            <v>Italy</v>
          </cell>
          <cell r="D2852" t="str">
            <v>Item 16</v>
          </cell>
          <cell r="E2852" t="str">
            <v>TWA4</v>
          </cell>
          <cell r="F2852" t="str">
            <v>Authorisation and reporting obligations</v>
          </cell>
          <cell r="G2852">
            <v>2013</v>
          </cell>
          <cell r="H2852">
            <v>2013</v>
          </cell>
          <cell r="I2852"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52">
            <v>3</v>
          </cell>
          <cell r="M2852">
            <v>6</v>
          </cell>
        </row>
        <row r="2853">
          <cell r="A2853" t="str">
            <v>ITATWA52013</v>
          </cell>
          <cell r="B2853" t="str">
            <v>ITA</v>
          </cell>
          <cell r="C2853" t="str">
            <v>Italy</v>
          </cell>
          <cell r="D2853" t="str">
            <v>Item 17</v>
          </cell>
          <cell r="E2853" t="str">
            <v>TWA5</v>
          </cell>
          <cell r="F2853" t="str">
            <v>Equal treatment for TWA workers</v>
          </cell>
          <cell r="G2853">
            <v>2013</v>
          </cell>
          <cell r="H2853">
            <v>2013</v>
          </cell>
          <cell r="I2853" t="str">
            <v>TWA workers are entitled to receive the same pay and conditions as other workers in the firm for equal work, equivalent tasks or jobs of the same nature.</v>
          </cell>
          <cell r="J2853">
            <v>2</v>
          </cell>
          <cell r="M2853">
            <v>6</v>
          </cell>
        </row>
        <row r="2854">
          <cell r="A2854" t="str">
            <v>ITACD12013</v>
          </cell>
          <cell r="B2854" t="str">
            <v>ITA</v>
          </cell>
          <cell r="C2854" t="str">
            <v>Italy</v>
          </cell>
          <cell r="D2854" t="str">
            <v>Item 18</v>
          </cell>
          <cell r="E2854" t="str">
            <v>CD1</v>
          </cell>
          <cell r="F2854" t="str">
            <v>Definition of collective dismissal</v>
          </cell>
          <cell r="G2854">
            <v>2013</v>
          </cell>
          <cell r="H2854">
            <v>2013</v>
          </cell>
          <cell r="I2854" t="str">
            <v>In firms with 15 and more employees and over  a period of 120 days, 5+ workers in a single production unit; 5+ workers in several units within one province.</v>
          </cell>
          <cell r="J2854">
            <v>4</v>
          </cell>
          <cell r="M2854">
            <v>6</v>
          </cell>
        </row>
        <row r="2855">
          <cell r="A2855" t="str">
            <v>ITACD22013</v>
          </cell>
          <cell r="B2855" t="str">
            <v>ITA</v>
          </cell>
          <cell r="C2855" t="str">
            <v>Italy</v>
          </cell>
          <cell r="D2855" t="str">
            <v>Item 19</v>
          </cell>
          <cell r="E2855" t="str">
            <v>CD2</v>
          </cell>
          <cell r="F2855" t="str">
            <v>Additional notification requirements in case of collective dismissals</v>
          </cell>
          <cell r="G2855">
            <v>2013</v>
          </cell>
          <cell r="H2855">
            <v>2013</v>
          </cell>
          <cell r="I2855" t="str">
            <v>Notification of employee representatives: Duty to inform employee representatives and competent trade union and set up a joint examination committee. Notification of public authorities: Notification of labour authorities.</v>
          </cell>
          <cell r="J2855">
            <v>1</v>
          </cell>
          <cell r="M2855">
            <v>3</v>
          </cell>
          <cell r="P2855">
            <v>41108</v>
          </cell>
        </row>
        <row r="2856">
          <cell r="A2856" t="str">
            <v>ITACD32013</v>
          </cell>
          <cell r="B2856" t="str">
            <v>ITA</v>
          </cell>
          <cell r="C2856" t="str">
            <v>Italy</v>
          </cell>
          <cell r="D2856" t="str">
            <v>Item 20</v>
          </cell>
          <cell r="E2856" t="str">
            <v>CD3</v>
          </cell>
          <cell r="F2856" t="str">
            <v>Additional delays involved in case of collective dismissals</v>
          </cell>
          <cell r="G2856">
            <v>2013</v>
          </cell>
          <cell r="H2856">
            <v>2013</v>
          </cell>
          <cell r="I2856"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56">
            <v>34.5</v>
          </cell>
          <cell r="M2856">
            <v>3</v>
          </cell>
        </row>
        <row r="2857">
          <cell r="A2857" t="str">
            <v>ITACD42013</v>
          </cell>
          <cell r="B2857" t="str">
            <v>ITA</v>
          </cell>
          <cell r="C2857" t="str">
            <v>Italy</v>
          </cell>
          <cell r="D2857" t="str">
            <v>Item 21</v>
          </cell>
          <cell r="E2857" t="str">
            <v>CD4</v>
          </cell>
          <cell r="F2857" t="str">
            <v>Other special costs to employers in case of collective dismissals</v>
          </cell>
          <cell r="G2857">
            <v>2013</v>
          </cell>
          <cell r="H2857">
            <v>2013</v>
          </cell>
          <cell r="I2857"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57">
            <v>1</v>
          </cell>
          <cell r="M2857">
            <v>3</v>
          </cell>
        </row>
        <row r="2858">
          <cell r="A2858" t="str">
            <v>AUSREG12012</v>
          </cell>
          <cell r="B2858" t="str">
            <v>AUS</v>
          </cell>
          <cell r="C2858" t="str">
            <v>Australia</v>
          </cell>
          <cell r="D2858" t="str">
            <v>Item 1</v>
          </cell>
          <cell r="E2858" t="str">
            <v>REG1</v>
          </cell>
          <cell r="F2858" t="str">
            <v>Notification procedures</v>
          </cell>
          <cell r="G2858">
            <v>2012</v>
          </cell>
          <cell r="H2858">
            <v>2012</v>
          </cell>
          <cell r="I2858"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58">
            <v>1</v>
          </cell>
          <cell r="M2858">
            <v>2</v>
          </cell>
          <cell r="P2858">
            <v>40179</v>
          </cell>
        </row>
        <row r="2859">
          <cell r="A2859" t="str">
            <v>AUSREG22012</v>
          </cell>
          <cell r="B2859" t="str">
            <v>AUS</v>
          </cell>
          <cell r="C2859" t="str">
            <v>Australia</v>
          </cell>
          <cell r="D2859" t="str">
            <v>Item 2</v>
          </cell>
          <cell r="E2859" t="str">
            <v>REG2</v>
          </cell>
          <cell r="F2859" t="str">
            <v>Delay before notice can start</v>
          </cell>
          <cell r="G2859">
            <v>2012</v>
          </cell>
          <cell r="H2859">
            <v>2012</v>
          </cell>
          <cell r="I2859"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59">
            <v>4</v>
          </cell>
          <cell r="M2859">
            <v>1</v>
          </cell>
        </row>
        <row r="2860">
          <cell r="A2860" t="str">
            <v>AUSREG32012</v>
          </cell>
          <cell r="B2860" t="str">
            <v>AUS</v>
          </cell>
          <cell r="C2860" t="str">
            <v>Australia</v>
          </cell>
          <cell r="D2860" t="str">
            <v>Item 3</v>
          </cell>
          <cell r="E2860" t="str">
            <v>REG3A, REG3B, REG3C</v>
          </cell>
          <cell r="F2860" t="str">
            <v>Notice / tenure</v>
          </cell>
          <cell r="G2860">
            <v>2012</v>
          </cell>
          <cell r="H2860">
            <v>2012</v>
          </cell>
          <cell r="I2860" t="str">
            <v>No update to provisions, but reference in FW Act is s.117 (3)</v>
          </cell>
          <cell r="J2860">
            <v>0.25</v>
          </cell>
          <cell r="K2860">
            <v>0.75</v>
          </cell>
          <cell r="L2860">
            <v>1</v>
          </cell>
          <cell r="M2860">
            <v>1</v>
          </cell>
          <cell r="N2860">
            <v>1</v>
          </cell>
          <cell r="O2860">
            <v>1</v>
          </cell>
        </row>
        <row r="2861">
          <cell r="A2861" t="str">
            <v>AUSREG42012</v>
          </cell>
          <cell r="B2861" t="str">
            <v>AUS</v>
          </cell>
          <cell r="C2861" t="str">
            <v>Australia</v>
          </cell>
          <cell r="D2861" t="str">
            <v>Item 4</v>
          </cell>
          <cell r="E2861" t="str">
            <v>REG4A, REG4B, REG4C</v>
          </cell>
          <cell r="F2861" t="str">
            <v>Severance pay / tenure</v>
          </cell>
          <cell r="G2861">
            <v>2012</v>
          </cell>
          <cell r="H2861">
            <v>2012</v>
          </cell>
          <cell r="I2861"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61">
            <v>0</v>
          </cell>
          <cell r="K2861">
            <v>1</v>
          </cell>
          <cell r="L2861">
            <v>1.5</v>
          </cell>
          <cell r="M2861">
            <v>0</v>
          </cell>
          <cell r="N2861">
            <v>2</v>
          </cell>
          <cell r="O2861">
            <v>1</v>
          </cell>
          <cell r="P2861">
            <v>40179</v>
          </cell>
        </row>
        <row r="2862">
          <cell r="A2862" t="str">
            <v>AUSREG52012</v>
          </cell>
          <cell r="B2862" t="str">
            <v>AUS</v>
          </cell>
          <cell r="C2862" t="str">
            <v>Australia</v>
          </cell>
          <cell r="D2862" t="str">
            <v>Item 5</v>
          </cell>
          <cell r="E2862" t="str">
            <v>REG5</v>
          </cell>
          <cell r="F2862" t="str">
            <v>Definition of justified or unfair dismissal</v>
          </cell>
          <cell r="G2862">
            <v>2012</v>
          </cell>
          <cell r="H2862">
            <v>2012</v>
          </cell>
          <cell r="I2862"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62">
            <v>2</v>
          </cell>
          <cell r="M2862">
            <v>4</v>
          </cell>
          <cell r="P2862">
            <v>39995</v>
          </cell>
        </row>
        <row r="2863">
          <cell r="A2863" t="str">
            <v>AUSREG62012</v>
          </cell>
          <cell r="B2863" t="str">
            <v>AUS</v>
          </cell>
          <cell r="C2863" t="str">
            <v>Australia</v>
          </cell>
          <cell r="D2863" t="str">
            <v>Item 6</v>
          </cell>
          <cell r="E2863" t="str">
            <v>REG6</v>
          </cell>
          <cell r="F2863" t="str">
            <v>Trial period</v>
          </cell>
          <cell r="G2863">
            <v>2012</v>
          </cell>
          <cell r="H2863">
            <v>2012</v>
          </cell>
          <cell r="I2863"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63">
            <v>6</v>
          </cell>
          <cell r="M2863">
            <v>3</v>
          </cell>
          <cell r="P2863">
            <v>39995</v>
          </cell>
        </row>
        <row r="2864">
          <cell r="A2864" t="str">
            <v>AUSREG72012</v>
          </cell>
          <cell r="B2864" t="str">
            <v>AUS</v>
          </cell>
          <cell r="C2864" t="str">
            <v>Australia</v>
          </cell>
          <cell r="D2864" t="str">
            <v>Item 7</v>
          </cell>
          <cell r="E2864" t="str">
            <v>REG7</v>
          </cell>
          <cell r="F2864" t="str">
            <v xml:space="preserve">Compensation following unfair dismissal </v>
          </cell>
          <cell r="G2864">
            <v>2012</v>
          </cell>
          <cell r="H2864">
            <v>2012</v>
          </cell>
          <cell r="I2864" t="str">
            <v>FWA may award compensation for up to 26 weeks pay or half the amount of the ‘high income threshold’ (which was $123,000 as at 1 July 2012 [it is indexed annually], so $61,650), whichever is lesser. (FWO; Fair Work Act,  s.392)</v>
          </cell>
          <cell r="J2864">
            <v>6</v>
          </cell>
          <cell r="M2864">
            <v>1</v>
          </cell>
        </row>
        <row r="2865">
          <cell r="A2865" t="str">
            <v>AUSREG82012</v>
          </cell>
          <cell r="B2865" t="str">
            <v>AUS</v>
          </cell>
          <cell r="C2865" t="str">
            <v>Australia</v>
          </cell>
          <cell r="D2865" t="str">
            <v>Item 8</v>
          </cell>
          <cell r="E2865" t="str">
            <v>REG8</v>
          </cell>
          <cell r="F2865" t="str">
            <v>Possibility of reinstatement following unfair dismissal</v>
          </cell>
          <cell r="G2865">
            <v>2012</v>
          </cell>
          <cell r="H2865">
            <v>2012</v>
          </cell>
          <cell r="I2865"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65">
            <v>1</v>
          </cell>
          <cell r="M2865">
            <v>2</v>
          </cell>
          <cell r="P2865">
            <v>39995</v>
          </cell>
        </row>
        <row r="2866">
          <cell r="A2866" t="str">
            <v>AUSREG92012</v>
          </cell>
          <cell r="B2866" t="str">
            <v>AUS</v>
          </cell>
          <cell r="C2866" t="str">
            <v>Australia</v>
          </cell>
          <cell r="D2866" t="str">
            <v>Item 9</v>
          </cell>
          <cell r="E2866" t="str">
            <v>REG9</v>
          </cell>
          <cell r="F2866" t="str">
            <v>Maximum time for claim</v>
          </cell>
          <cell r="G2866">
            <v>2012</v>
          </cell>
          <cell r="H2866">
            <v>2012</v>
          </cell>
          <cell r="I2866"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66">
            <v>1.2</v>
          </cell>
          <cell r="M2866">
            <v>2</v>
          </cell>
          <cell r="P2866">
            <v>39995</v>
          </cell>
        </row>
        <row r="2867">
          <cell r="A2867" t="str">
            <v>AUSFTC12012</v>
          </cell>
          <cell r="B2867" t="str">
            <v>AUS</v>
          </cell>
          <cell r="C2867" t="str">
            <v>Australia</v>
          </cell>
          <cell r="D2867" t="str">
            <v>Item 10</v>
          </cell>
          <cell r="E2867" t="str">
            <v>FTC1</v>
          </cell>
          <cell r="F2867" t="str">
            <v>Valid cases for use of fixed-term contracts, other than  “objective”  or “material” situation</v>
          </cell>
          <cell r="G2867">
            <v>2012</v>
          </cell>
          <cell r="H2867">
            <v>2012</v>
          </cell>
          <cell r="I2867" t="str">
            <v>No restrictions in legislation</v>
          </cell>
          <cell r="J2867">
            <v>3</v>
          </cell>
          <cell r="M2867">
            <v>0</v>
          </cell>
        </row>
        <row r="2868">
          <cell r="A2868" t="str">
            <v>AUSFTC22012</v>
          </cell>
          <cell r="B2868" t="str">
            <v>AUS</v>
          </cell>
          <cell r="C2868" t="str">
            <v>Australia</v>
          </cell>
          <cell r="D2868" t="str">
            <v>Item 11</v>
          </cell>
          <cell r="E2868" t="str">
            <v>FTC2</v>
          </cell>
          <cell r="F2868" t="str">
            <v>Maximum number of successive fixed-term contracts</v>
          </cell>
          <cell r="G2868">
            <v>2012</v>
          </cell>
          <cell r="H2868">
            <v>2012</v>
          </cell>
          <cell r="I2868" t="str">
            <v xml:space="preserve">Estimated 1.5 No legal limit specified; but risk that, upon continuous renewal, the courts will find that the primary purpose of the contract is to avoid termination laws. </v>
          </cell>
          <cell r="J2868">
            <v>1.5</v>
          </cell>
          <cell r="M2868">
            <v>5</v>
          </cell>
        </row>
        <row r="2869">
          <cell r="A2869" t="str">
            <v>AUSFTC32012</v>
          </cell>
          <cell r="B2869" t="str">
            <v>AUS</v>
          </cell>
          <cell r="C2869" t="str">
            <v>Australia</v>
          </cell>
          <cell r="D2869" t="str">
            <v>Item 12</v>
          </cell>
          <cell r="E2869" t="str">
            <v>FTC3</v>
          </cell>
          <cell r="F2869" t="str">
            <v>Maximum cumulated duration of successive fixed-term contracts</v>
          </cell>
          <cell r="G2869">
            <v>2012</v>
          </cell>
          <cell r="H2869">
            <v>2012</v>
          </cell>
          <cell r="I2869" t="str">
            <v>No limit specified.</v>
          </cell>
          <cell r="J2869">
            <v>200</v>
          </cell>
          <cell r="M2869">
            <v>0</v>
          </cell>
        </row>
        <row r="2870">
          <cell r="A2870" t="str">
            <v>AUSTWA12012</v>
          </cell>
          <cell r="B2870" t="str">
            <v>AUS</v>
          </cell>
          <cell r="C2870" t="str">
            <v>Australia</v>
          </cell>
          <cell r="D2870" t="str">
            <v>Item 13</v>
          </cell>
          <cell r="E2870" t="str">
            <v>TWA1</v>
          </cell>
          <cell r="F2870" t="str">
            <v>Types of work for which TWA employment is legal</v>
          </cell>
          <cell r="G2870">
            <v>2012</v>
          </cell>
          <cell r="H2870">
            <v>2012</v>
          </cell>
          <cell r="I2870" t="str">
            <v>General</v>
          </cell>
          <cell r="J2870">
            <v>4</v>
          </cell>
          <cell r="M2870">
            <v>0</v>
          </cell>
        </row>
        <row r="2871">
          <cell r="A2871" t="str">
            <v>AUSTWA22012</v>
          </cell>
          <cell r="B2871" t="str">
            <v>AUS</v>
          </cell>
          <cell r="C2871" t="str">
            <v>Australia</v>
          </cell>
          <cell r="D2871" t="str">
            <v>Item 14</v>
          </cell>
          <cell r="E2871" t="str">
            <v>TWA2A, TWA2B</v>
          </cell>
          <cell r="F2871" t="str">
            <v>Are there any restrictions on the number of renewals of a TWA contract?</v>
          </cell>
          <cell r="G2871">
            <v>2012</v>
          </cell>
          <cell r="H2871">
            <v>2012</v>
          </cell>
          <cell r="I2871" t="str">
            <v>No.</v>
          </cell>
          <cell r="J2871" t="str">
            <v>No</v>
          </cell>
          <cell r="K2871" t="str">
            <v>No</v>
          </cell>
          <cell r="M2871">
            <v>2</v>
          </cell>
          <cell r="N2871">
            <v>2</v>
          </cell>
        </row>
        <row r="2872">
          <cell r="A2872" t="str">
            <v>AUSTWA32012</v>
          </cell>
          <cell r="B2872" t="str">
            <v>AUS</v>
          </cell>
          <cell r="C2872" t="str">
            <v>Australia</v>
          </cell>
          <cell r="D2872" t="str">
            <v>Item 15</v>
          </cell>
          <cell r="E2872" t="str">
            <v>TWA3A, TWA3B</v>
          </cell>
          <cell r="F2872" t="str">
            <v>Maximum cumulated duration of temporary work contracts</v>
          </cell>
          <cell r="G2872">
            <v>2012</v>
          </cell>
          <cell r="H2872">
            <v>2012</v>
          </cell>
          <cell r="I2872" t="str">
            <v>No limit.</v>
          </cell>
          <cell r="J2872">
            <v>100</v>
          </cell>
          <cell r="K2872">
            <v>100</v>
          </cell>
          <cell r="M2872">
            <v>0</v>
          </cell>
          <cell r="N2872">
            <v>0</v>
          </cell>
        </row>
        <row r="2873">
          <cell r="A2873" t="str">
            <v>AUSTWA42012</v>
          </cell>
          <cell r="B2873" t="str">
            <v>AUS</v>
          </cell>
          <cell r="C2873" t="str">
            <v>Australia</v>
          </cell>
          <cell r="D2873" t="str">
            <v>Item 16</v>
          </cell>
          <cell r="E2873" t="str">
            <v>TWA4</v>
          </cell>
          <cell r="F2873" t="str">
            <v>Authorisation and reporting obligations</v>
          </cell>
          <cell r="G2873">
            <v>2012</v>
          </cell>
          <cell r="H2873">
            <v>2012</v>
          </cell>
          <cell r="I2873" t="str">
            <v>No</v>
          </cell>
          <cell r="J2873">
            <v>0</v>
          </cell>
          <cell r="M2873">
            <v>0</v>
          </cell>
        </row>
        <row r="2874">
          <cell r="A2874" t="str">
            <v>AUSTWA52012</v>
          </cell>
          <cell r="B2874" t="str">
            <v>AUS</v>
          </cell>
          <cell r="C2874" t="str">
            <v>Australia</v>
          </cell>
          <cell r="D2874" t="str">
            <v>Item 17</v>
          </cell>
          <cell r="E2874" t="str">
            <v>TWA5</v>
          </cell>
          <cell r="F2874" t="str">
            <v>Equal treatment for TWA workers</v>
          </cell>
          <cell r="G2874">
            <v>2012</v>
          </cell>
          <cell r="H2874">
            <v>2012</v>
          </cell>
          <cell r="I2874"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74">
            <v>1</v>
          </cell>
          <cell r="M2874">
            <v>3</v>
          </cell>
          <cell r="P2874">
            <v>40179</v>
          </cell>
        </row>
        <row r="2875">
          <cell r="A2875" t="str">
            <v>AUSCD12012</v>
          </cell>
          <cell r="B2875" t="str">
            <v>AUS</v>
          </cell>
          <cell r="C2875" t="str">
            <v>Australia</v>
          </cell>
          <cell r="D2875" t="str">
            <v>Item 18</v>
          </cell>
          <cell r="E2875" t="str">
            <v>CD1</v>
          </cell>
          <cell r="F2875" t="str">
            <v>Definition of collective dismissal</v>
          </cell>
          <cell r="G2875">
            <v>2012</v>
          </cell>
          <cell r="H2875">
            <v>2012</v>
          </cell>
          <cell r="I2875"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75">
            <v>3</v>
          </cell>
          <cell r="M2875">
            <v>4.5</v>
          </cell>
          <cell r="P2875">
            <v>39995</v>
          </cell>
        </row>
        <row r="2876">
          <cell r="A2876" t="str">
            <v>AUSCD22012</v>
          </cell>
          <cell r="B2876" t="str">
            <v>AUS</v>
          </cell>
          <cell r="C2876" t="str">
            <v>Australia</v>
          </cell>
          <cell r="D2876" t="str">
            <v>Item 19</v>
          </cell>
          <cell r="E2876" t="str">
            <v>CD2</v>
          </cell>
          <cell r="F2876" t="str">
            <v>Additional notification requirements in case of collective dismissals</v>
          </cell>
          <cell r="G2876">
            <v>2012</v>
          </cell>
          <cell r="H2876">
            <v>2012</v>
          </cell>
          <cell r="I2876"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76">
            <v>2</v>
          </cell>
          <cell r="M2876">
            <v>6</v>
          </cell>
          <cell r="P2876">
            <v>39995</v>
          </cell>
        </row>
        <row r="2877">
          <cell r="A2877" t="str">
            <v>AUSCD32012</v>
          </cell>
          <cell r="B2877" t="str">
            <v>AUS</v>
          </cell>
          <cell r="C2877" t="str">
            <v>Australia</v>
          </cell>
          <cell r="D2877" t="str">
            <v>Item 20</v>
          </cell>
          <cell r="E2877" t="str">
            <v>CD3</v>
          </cell>
          <cell r="F2877" t="str">
            <v>Additional delays involved in case of collective dismissals</v>
          </cell>
          <cell r="G2877">
            <v>2012</v>
          </cell>
          <cell r="H2877">
            <v>2012</v>
          </cell>
          <cell r="I2877"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77">
            <v>5</v>
          </cell>
          <cell r="M2877">
            <v>1</v>
          </cell>
          <cell r="P2877">
            <v>39995</v>
          </cell>
        </row>
        <row r="2878">
          <cell r="A2878" t="str">
            <v>AUSCD42012</v>
          </cell>
          <cell r="B2878" t="str">
            <v>AUS</v>
          </cell>
          <cell r="C2878" t="str">
            <v>Australia</v>
          </cell>
          <cell r="D2878" t="str">
            <v>Item 21</v>
          </cell>
          <cell r="E2878" t="str">
            <v>CD4</v>
          </cell>
          <cell r="F2878" t="str">
            <v>Other special costs to employers in case of collective dismissals</v>
          </cell>
          <cell r="G2878">
            <v>2012</v>
          </cell>
          <cell r="H2878">
            <v>2012</v>
          </cell>
          <cell r="I2878" t="str">
            <v xml:space="preserve">Type of negotiation required: Consultation on alternatives to redundancy and selection standards. 
Selection criteria: Law requires fair basis of employee selection. 
Severance pay: No special regulations for collective dismissal.
</v>
          </cell>
          <cell r="J2878">
            <v>0</v>
          </cell>
          <cell r="M2878">
            <v>0</v>
          </cell>
        </row>
        <row r="2879">
          <cell r="A2879" t="str">
            <v>AUSREG12013</v>
          </cell>
          <cell r="B2879" t="str">
            <v>AUS</v>
          </cell>
          <cell r="C2879" t="str">
            <v>Australia</v>
          </cell>
          <cell r="D2879" t="str">
            <v>Item 1</v>
          </cell>
          <cell r="E2879" t="str">
            <v>REG1</v>
          </cell>
          <cell r="F2879" t="str">
            <v>Notification procedures</v>
          </cell>
          <cell r="G2879">
            <v>2013</v>
          </cell>
          <cell r="H2879">
            <v>2013</v>
          </cell>
          <cell r="I2879"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79">
            <v>1</v>
          </cell>
          <cell r="M2879">
            <v>2</v>
          </cell>
        </row>
        <row r="2880">
          <cell r="A2880" t="str">
            <v>AUSREG22013</v>
          </cell>
          <cell r="B2880" t="str">
            <v>AUS</v>
          </cell>
          <cell r="C2880" t="str">
            <v>Australia</v>
          </cell>
          <cell r="D2880" t="str">
            <v>Item 2</v>
          </cell>
          <cell r="E2880" t="str">
            <v>REG2</v>
          </cell>
          <cell r="F2880" t="str">
            <v>Delay before notice can start</v>
          </cell>
          <cell r="G2880">
            <v>2013</v>
          </cell>
          <cell r="H2880">
            <v>2013</v>
          </cell>
          <cell r="I2880"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80">
            <v>4</v>
          </cell>
          <cell r="M2880">
            <v>1</v>
          </cell>
        </row>
        <row r="2881">
          <cell r="A2881" t="str">
            <v>AUSREG32013</v>
          </cell>
          <cell r="B2881" t="str">
            <v>AUS</v>
          </cell>
          <cell r="C2881" t="str">
            <v>Australia</v>
          </cell>
          <cell r="D2881" t="str">
            <v>Item 3</v>
          </cell>
          <cell r="E2881" t="str">
            <v>REG3A, REG3B, REG3C</v>
          </cell>
          <cell r="F2881" t="str">
            <v>Notice / tenure</v>
          </cell>
          <cell r="G2881">
            <v>2013</v>
          </cell>
          <cell r="H2881">
            <v>2013</v>
          </cell>
          <cell r="I2881" t="str">
            <v>No update to provisions, but reference in FW Act is s.117 (3)</v>
          </cell>
          <cell r="J2881">
            <v>0.25</v>
          </cell>
          <cell r="K2881">
            <v>0.75</v>
          </cell>
          <cell r="L2881">
            <v>1</v>
          </cell>
          <cell r="M2881">
            <v>1</v>
          </cell>
          <cell r="N2881">
            <v>1</v>
          </cell>
          <cell r="O2881">
            <v>1</v>
          </cell>
        </row>
        <row r="2882">
          <cell r="A2882" t="str">
            <v>AUSREG42013</v>
          </cell>
          <cell r="B2882" t="str">
            <v>AUS</v>
          </cell>
          <cell r="C2882" t="str">
            <v>Australia</v>
          </cell>
          <cell r="D2882" t="str">
            <v>Item 4</v>
          </cell>
          <cell r="E2882" t="str">
            <v>REG4A, REG4B, REG4C</v>
          </cell>
          <cell r="F2882" t="str">
            <v>Severance pay / tenure</v>
          </cell>
          <cell r="G2882">
            <v>2013</v>
          </cell>
          <cell r="H2882">
            <v>2013</v>
          </cell>
          <cell r="I2882"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82">
            <v>0</v>
          </cell>
          <cell r="K2882">
            <v>1</v>
          </cell>
          <cell r="L2882">
            <v>1.5</v>
          </cell>
          <cell r="M2882">
            <v>0</v>
          </cell>
          <cell r="N2882">
            <v>2</v>
          </cell>
          <cell r="O2882">
            <v>1</v>
          </cell>
        </row>
        <row r="2883">
          <cell r="A2883" t="str">
            <v>AUSREG52013</v>
          </cell>
          <cell r="B2883" t="str">
            <v>AUS</v>
          </cell>
          <cell r="C2883" t="str">
            <v>Australia</v>
          </cell>
          <cell r="D2883" t="str">
            <v>Item 5</v>
          </cell>
          <cell r="E2883" t="str">
            <v>REG5</v>
          </cell>
          <cell r="F2883" t="str">
            <v>Definition of justified or unfair dismissal</v>
          </cell>
          <cell r="G2883">
            <v>2013</v>
          </cell>
          <cell r="H2883">
            <v>2013</v>
          </cell>
          <cell r="I2883"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83">
            <v>2</v>
          </cell>
          <cell r="M2883">
            <v>4</v>
          </cell>
        </row>
        <row r="2884">
          <cell r="A2884" t="str">
            <v>AUSREG62013</v>
          </cell>
          <cell r="B2884" t="str">
            <v>AUS</v>
          </cell>
          <cell r="C2884" t="str">
            <v>Australia</v>
          </cell>
          <cell r="D2884" t="str">
            <v>Item 6</v>
          </cell>
          <cell r="E2884" t="str">
            <v>REG6</v>
          </cell>
          <cell r="F2884" t="str">
            <v>Trial period</v>
          </cell>
          <cell r="G2884">
            <v>2013</v>
          </cell>
          <cell r="H2884">
            <v>2013</v>
          </cell>
          <cell r="I2884"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84">
            <v>6</v>
          </cell>
          <cell r="M2884">
            <v>3</v>
          </cell>
        </row>
        <row r="2885">
          <cell r="A2885" t="str">
            <v>AUSREG72013</v>
          </cell>
          <cell r="B2885" t="str">
            <v>AUS</v>
          </cell>
          <cell r="C2885" t="str">
            <v>Australia</v>
          </cell>
          <cell r="D2885" t="str">
            <v>Item 7</v>
          </cell>
          <cell r="E2885" t="str">
            <v>REG7</v>
          </cell>
          <cell r="F2885" t="str">
            <v xml:space="preserve">Compensation following unfair dismissal </v>
          </cell>
          <cell r="G2885">
            <v>2013</v>
          </cell>
          <cell r="H2885">
            <v>2013</v>
          </cell>
          <cell r="I2885" t="str">
            <v>FWA may award compensation for up to 26 weeks pay or half the amount of the ‘high income threshold’ (which was $123,000 as at 1 July 2012 [it is indexed annually], so $61,650), whichever is lesser. (FWO; Fair Work Act,  s.392)</v>
          </cell>
          <cell r="J2885">
            <v>6</v>
          </cell>
          <cell r="M2885">
            <v>1</v>
          </cell>
        </row>
        <row r="2886">
          <cell r="A2886" t="str">
            <v>AUSREG82013</v>
          </cell>
          <cell r="B2886" t="str">
            <v>AUS</v>
          </cell>
          <cell r="C2886" t="str">
            <v>Australia</v>
          </cell>
          <cell r="D2886" t="str">
            <v>Item 8</v>
          </cell>
          <cell r="E2886" t="str">
            <v>REG8</v>
          </cell>
          <cell r="F2886" t="str">
            <v>Possibility of reinstatement following unfair dismissal</v>
          </cell>
          <cell r="G2886">
            <v>2013</v>
          </cell>
          <cell r="H2886">
            <v>2013</v>
          </cell>
          <cell r="I2886"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86">
            <v>1</v>
          </cell>
          <cell r="M2886">
            <v>2</v>
          </cell>
        </row>
        <row r="2887">
          <cell r="A2887" t="str">
            <v>AUSREG92013</v>
          </cell>
          <cell r="B2887" t="str">
            <v>AUS</v>
          </cell>
          <cell r="C2887" t="str">
            <v>Australia</v>
          </cell>
          <cell r="D2887" t="str">
            <v>Item 9</v>
          </cell>
          <cell r="E2887" t="str">
            <v>REG9</v>
          </cell>
          <cell r="F2887" t="str">
            <v>Maximum time for claim</v>
          </cell>
          <cell r="G2887">
            <v>2013</v>
          </cell>
          <cell r="H2887">
            <v>2013</v>
          </cell>
          <cell r="I2887"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87">
            <v>0.75</v>
          </cell>
          <cell r="M2887">
            <v>1</v>
          </cell>
        </row>
        <row r="2888">
          <cell r="A2888" t="str">
            <v>AUSFTC12013</v>
          </cell>
          <cell r="B2888" t="str">
            <v>AUS</v>
          </cell>
          <cell r="C2888" t="str">
            <v>Australia</v>
          </cell>
          <cell r="D2888" t="str">
            <v>Item 10</v>
          </cell>
          <cell r="E2888" t="str">
            <v>FTC1</v>
          </cell>
          <cell r="F2888" t="str">
            <v>Valid cases for use of fixed-term contracts, other than  “objective”  or “material” situation</v>
          </cell>
          <cell r="G2888">
            <v>2013</v>
          </cell>
          <cell r="H2888">
            <v>2013</v>
          </cell>
          <cell r="I2888" t="str">
            <v>No restrictions in legislation</v>
          </cell>
          <cell r="J2888">
            <v>3</v>
          </cell>
          <cell r="M2888">
            <v>0</v>
          </cell>
        </row>
        <row r="2889">
          <cell r="A2889" t="str">
            <v>AUSFTC22013</v>
          </cell>
          <cell r="B2889" t="str">
            <v>AUS</v>
          </cell>
          <cell r="C2889" t="str">
            <v>Australia</v>
          </cell>
          <cell r="D2889" t="str">
            <v>Item 11</v>
          </cell>
          <cell r="E2889" t="str">
            <v>FTC2</v>
          </cell>
          <cell r="F2889" t="str">
            <v>Maximum number of successive fixed-term contracts</v>
          </cell>
          <cell r="G2889">
            <v>2013</v>
          </cell>
          <cell r="H2889">
            <v>2013</v>
          </cell>
          <cell r="I2889" t="str">
            <v xml:space="preserve">Estimated 1.5 No legal limit specified; but risk that, upon continuous renewal, the courts will find that the primary purpose of the contract is to avoid termination laws. </v>
          </cell>
          <cell r="J2889">
            <v>1.5</v>
          </cell>
          <cell r="M2889">
            <v>5</v>
          </cell>
        </row>
        <row r="2890">
          <cell r="A2890" t="str">
            <v>AUSFTC32013</v>
          </cell>
          <cell r="B2890" t="str">
            <v>AUS</v>
          </cell>
          <cell r="C2890" t="str">
            <v>Australia</v>
          </cell>
          <cell r="D2890" t="str">
            <v>Item 12</v>
          </cell>
          <cell r="E2890" t="str">
            <v>FTC3</v>
          </cell>
          <cell r="F2890" t="str">
            <v>Maximum cumulated duration of successive fixed-term contracts</v>
          </cell>
          <cell r="G2890">
            <v>2013</v>
          </cell>
          <cell r="H2890">
            <v>2013</v>
          </cell>
          <cell r="I2890" t="str">
            <v>No limit specified.</v>
          </cell>
          <cell r="J2890">
            <v>200</v>
          </cell>
          <cell r="M2890">
            <v>0</v>
          </cell>
        </row>
        <row r="2891">
          <cell r="A2891" t="str">
            <v>AUSTWA12013</v>
          </cell>
          <cell r="B2891" t="str">
            <v>AUS</v>
          </cell>
          <cell r="C2891" t="str">
            <v>Australia</v>
          </cell>
          <cell r="D2891" t="str">
            <v>Item 13</v>
          </cell>
          <cell r="E2891" t="str">
            <v>TWA1</v>
          </cell>
          <cell r="F2891" t="str">
            <v>Types of work for which TWA employment is legal</v>
          </cell>
          <cell r="G2891">
            <v>2013</v>
          </cell>
          <cell r="H2891">
            <v>2013</v>
          </cell>
          <cell r="I2891" t="str">
            <v>General</v>
          </cell>
          <cell r="J2891">
            <v>4</v>
          </cell>
          <cell r="M2891">
            <v>0</v>
          </cell>
        </row>
        <row r="2892">
          <cell r="A2892" t="str">
            <v>AUSTWA22013</v>
          </cell>
          <cell r="B2892" t="str">
            <v>AUS</v>
          </cell>
          <cell r="C2892" t="str">
            <v>Australia</v>
          </cell>
          <cell r="D2892" t="str">
            <v>Item 14</v>
          </cell>
          <cell r="E2892" t="str">
            <v>TWA2A, TWA2B</v>
          </cell>
          <cell r="F2892" t="str">
            <v>Are there any restrictions on the number of renewals of a TWA contract?</v>
          </cell>
          <cell r="G2892">
            <v>2013</v>
          </cell>
          <cell r="H2892">
            <v>2013</v>
          </cell>
          <cell r="I2892" t="str">
            <v>No.</v>
          </cell>
          <cell r="J2892" t="str">
            <v>No</v>
          </cell>
          <cell r="K2892" t="str">
            <v>No</v>
          </cell>
          <cell r="M2892">
            <v>2</v>
          </cell>
          <cell r="N2892">
            <v>2</v>
          </cell>
        </row>
        <row r="2893">
          <cell r="A2893" t="str">
            <v>AUSTWA32013</v>
          </cell>
          <cell r="B2893" t="str">
            <v>AUS</v>
          </cell>
          <cell r="C2893" t="str">
            <v>Australia</v>
          </cell>
          <cell r="D2893" t="str">
            <v>Item 15</v>
          </cell>
          <cell r="E2893" t="str">
            <v>TWA3A, TWA3B</v>
          </cell>
          <cell r="F2893" t="str">
            <v>Maximum cumulated duration of temporary work contracts</v>
          </cell>
          <cell r="G2893">
            <v>2013</v>
          </cell>
          <cell r="H2893">
            <v>2013</v>
          </cell>
          <cell r="I2893" t="str">
            <v>No limit.</v>
          </cell>
          <cell r="J2893">
            <v>100</v>
          </cell>
          <cell r="K2893">
            <v>100</v>
          </cell>
          <cell r="M2893">
            <v>0</v>
          </cell>
          <cell r="N2893">
            <v>0</v>
          </cell>
        </row>
        <row r="2894">
          <cell r="A2894" t="str">
            <v>AUSTWA42013</v>
          </cell>
          <cell r="B2894" t="str">
            <v>AUS</v>
          </cell>
          <cell r="C2894" t="str">
            <v>Australia</v>
          </cell>
          <cell r="D2894" t="str">
            <v>Item 16</v>
          </cell>
          <cell r="E2894" t="str">
            <v>TWA4</v>
          </cell>
          <cell r="F2894" t="str">
            <v>Authorisation and reporting obligations</v>
          </cell>
          <cell r="G2894">
            <v>2013</v>
          </cell>
          <cell r="H2894">
            <v>2013</v>
          </cell>
          <cell r="I2894" t="str">
            <v>No</v>
          </cell>
          <cell r="J2894">
            <v>0</v>
          </cell>
          <cell r="M2894">
            <v>0</v>
          </cell>
        </row>
        <row r="2895">
          <cell r="A2895" t="str">
            <v>AUSTWA52013</v>
          </cell>
          <cell r="B2895" t="str">
            <v>AUS</v>
          </cell>
          <cell r="C2895" t="str">
            <v>Australia</v>
          </cell>
          <cell r="D2895" t="str">
            <v>Item 17</v>
          </cell>
          <cell r="E2895" t="str">
            <v>TWA5</v>
          </cell>
          <cell r="F2895" t="str">
            <v>Equal treatment for TWA workers</v>
          </cell>
          <cell r="G2895">
            <v>2013</v>
          </cell>
          <cell r="H2895">
            <v>2013</v>
          </cell>
          <cell r="I2895"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95">
            <v>1</v>
          </cell>
          <cell r="M2895">
            <v>3</v>
          </cell>
        </row>
        <row r="2896">
          <cell r="A2896" t="str">
            <v>AUSCD12013</v>
          </cell>
          <cell r="B2896" t="str">
            <v>AUS</v>
          </cell>
          <cell r="C2896" t="str">
            <v>Australia</v>
          </cell>
          <cell r="D2896" t="str">
            <v>Item 18</v>
          </cell>
          <cell r="E2896" t="str">
            <v>CD1</v>
          </cell>
          <cell r="F2896" t="str">
            <v>Definition of collective dismissal</v>
          </cell>
          <cell r="G2896">
            <v>2013</v>
          </cell>
          <cell r="H2896">
            <v>2013</v>
          </cell>
          <cell r="I2896"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96">
            <v>3</v>
          </cell>
          <cell r="M2896">
            <v>4.5</v>
          </cell>
        </row>
        <row r="2897">
          <cell r="A2897" t="str">
            <v>AUSCD22013</v>
          </cell>
          <cell r="B2897" t="str">
            <v>AUS</v>
          </cell>
          <cell r="C2897" t="str">
            <v>Australia</v>
          </cell>
          <cell r="D2897" t="str">
            <v>Item 19</v>
          </cell>
          <cell r="E2897" t="str">
            <v>CD2</v>
          </cell>
          <cell r="F2897" t="str">
            <v>Additional notification requirements in case of collective dismissals</v>
          </cell>
          <cell r="G2897">
            <v>2013</v>
          </cell>
          <cell r="H2897">
            <v>2013</v>
          </cell>
          <cell r="I2897"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97">
            <v>2</v>
          </cell>
          <cell r="M2897">
            <v>6</v>
          </cell>
        </row>
        <row r="2898">
          <cell r="A2898" t="str">
            <v>AUSCD32013</v>
          </cell>
          <cell r="B2898" t="str">
            <v>AUS</v>
          </cell>
          <cell r="C2898" t="str">
            <v>Australia</v>
          </cell>
          <cell r="D2898" t="str">
            <v>Item 20</v>
          </cell>
          <cell r="E2898" t="str">
            <v>CD3</v>
          </cell>
          <cell r="F2898" t="str">
            <v>Additional delays involved in case of collective dismissals</v>
          </cell>
          <cell r="G2898">
            <v>2013</v>
          </cell>
          <cell r="H2898">
            <v>2013</v>
          </cell>
          <cell r="I2898"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98">
            <v>5</v>
          </cell>
          <cell r="M2898">
            <v>1</v>
          </cell>
        </row>
        <row r="2899">
          <cell r="A2899" t="str">
            <v>AUSCD42013</v>
          </cell>
          <cell r="B2899" t="str">
            <v>AUS</v>
          </cell>
          <cell r="C2899" t="str">
            <v>Australia</v>
          </cell>
          <cell r="D2899" t="str">
            <v>Item 21</v>
          </cell>
          <cell r="E2899" t="str">
            <v>CD4</v>
          </cell>
          <cell r="F2899" t="str">
            <v>Other special costs to employers in case of collective dismissals</v>
          </cell>
          <cell r="G2899">
            <v>2013</v>
          </cell>
          <cell r="H2899">
            <v>2013</v>
          </cell>
          <cell r="I2899" t="str">
            <v xml:space="preserve">Type of negotiation required: Consultation on alternatives to redundancy and selection standards. 
Selection criteria: Law requires fair basis of employee selection. 
Severance pay: No special regulations for collective dismissal.
</v>
          </cell>
          <cell r="J2899">
            <v>0</v>
          </cell>
          <cell r="M2899">
            <v>0</v>
          </cell>
        </row>
        <row r="2900">
          <cell r="A2900" t="str">
            <v>NZLREG12012</v>
          </cell>
          <cell r="B2900" t="str">
            <v>NZL</v>
          </cell>
          <cell r="C2900" t="str">
            <v>New Zealand</v>
          </cell>
          <cell r="D2900" t="str">
            <v>Item 1</v>
          </cell>
          <cell r="E2900" t="str">
            <v>REG1</v>
          </cell>
          <cell r="F2900" t="str">
            <v>Notification procedures</v>
          </cell>
          <cell r="G2900">
            <v>2012</v>
          </cell>
          <cell r="H2900">
            <v>2012</v>
          </cell>
          <cell r="I2900"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00">
            <v>1.5</v>
          </cell>
          <cell r="M2900">
            <v>3</v>
          </cell>
          <cell r="P2900">
            <v>40634</v>
          </cell>
        </row>
        <row r="2901">
          <cell r="A2901" t="str">
            <v>NZLREG22012</v>
          </cell>
          <cell r="B2901" t="str">
            <v>NZL</v>
          </cell>
          <cell r="C2901" t="str">
            <v>New Zealand</v>
          </cell>
          <cell r="D2901" t="str">
            <v>Item 2</v>
          </cell>
          <cell r="E2901" t="str">
            <v>REG2</v>
          </cell>
          <cell r="F2901" t="str">
            <v>Delay before notice can start</v>
          </cell>
          <cell r="G2901">
            <v>2012</v>
          </cell>
          <cell r="H2901">
            <v>2012</v>
          </cell>
          <cell r="I2901"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01">
            <v>5</v>
          </cell>
          <cell r="M2901">
            <v>1</v>
          </cell>
        </row>
        <row r="2902">
          <cell r="A2902" t="str">
            <v>NZLREG32012</v>
          </cell>
          <cell r="B2902" t="str">
            <v>NZL</v>
          </cell>
          <cell r="C2902" t="str">
            <v>New Zealand</v>
          </cell>
          <cell r="D2902" t="str">
            <v>Item 3</v>
          </cell>
          <cell r="E2902" t="str">
            <v>REG3A, REG3B, REG3C</v>
          </cell>
          <cell r="F2902" t="str">
            <v>Notice / tenure</v>
          </cell>
          <cell r="G2902">
            <v>2012</v>
          </cell>
          <cell r="H2902">
            <v>2012</v>
          </cell>
          <cell r="I2902"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02">
            <v>0.5</v>
          </cell>
          <cell r="K2902">
            <v>0.5</v>
          </cell>
          <cell r="L2902">
            <v>0.5</v>
          </cell>
          <cell r="M2902">
            <v>2</v>
          </cell>
          <cell r="N2902">
            <v>1</v>
          </cell>
          <cell r="O2902">
            <v>0</v>
          </cell>
        </row>
        <row r="2903">
          <cell r="A2903" t="str">
            <v>NZLREG42012</v>
          </cell>
          <cell r="B2903" t="str">
            <v>NZL</v>
          </cell>
          <cell r="C2903" t="str">
            <v>New Zealand</v>
          </cell>
          <cell r="D2903" t="str">
            <v>Item 4</v>
          </cell>
          <cell r="E2903" t="str">
            <v>REG4A, REG4B, REG4C</v>
          </cell>
          <cell r="F2903" t="str">
            <v>Severance pay / tenure</v>
          </cell>
          <cell r="G2903">
            <v>2012</v>
          </cell>
          <cell r="H2903">
            <v>2012</v>
          </cell>
          <cell r="I2903"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03">
            <v>0</v>
          </cell>
          <cell r="K2903">
            <v>0</v>
          </cell>
          <cell r="L2903">
            <v>0</v>
          </cell>
          <cell r="M2903">
            <v>0</v>
          </cell>
          <cell r="N2903">
            <v>0</v>
          </cell>
          <cell r="O2903">
            <v>0</v>
          </cell>
        </row>
        <row r="2904">
          <cell r="A2904" t="str">
            <v>NZLREG52012</v>
          </cell>
          <cell r="B2904" t="str">
            <v>NZL</v>
          </cell>
          <cell r="C2904" t="str">
            <v>New Zealand</v>
          </cell>
          <cell r="D2904" t="str">
            <v>Item 5</v>
          </cell>
          <cell r="E2904" t="str">
            <v>REG5</v>
          </cell>
          <cell r="F2904" t="str">
            <v>Definition of justified or unfair dismissal</v>
          </cell>
          <cell r="G2904">
            <v>2012</v>
          </cell>
          <cell r="H2904">
            <v>2012</v>
          </cell>
          <cell r="I2904"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04">
            <v>0</v>
          </cell>
          <cell r="M2904">
            <v>0</v>
          </cell>
          <cell r="P2904">
            <v>40634</v>
          </cell>
        </row>
        <row r="2905">
          <cell r="A2905" t="str">
            <v>NZLREG62012</v>
          </cell>
          <cell r="B2905" t="str">
            <v>NZL</v>
          </cell>
          <cell r="C2905" t="str">
            <v>New Zealand</v>
          </cell>
          <cell r="D2905" t="str">
            <v>Item 6</v>
          </cell>
          <cell r="E2905" t="str">
            <v>REG6</v>
          </cell>
          <cell r="F2905" t="str">
            <v>Trial period</v>
          </cell>
          <cell r="G2905">
            <v>2012</v>
          </cell>
          <cell r="H2905">
            <v>2012</v>
          </cell>
          <cell r="I2905"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05">
            <v>3</v>
          </cell>
          <cell r="M2905">
            <v>4</v>
          </cell>
          <cell r="P2905">
            <v>40634</v>
          </cell>
        </row>
        <row r="2906">
          <cell r="A2906" t="str">
            <v>NZLREG72012</v>
          </cell>
          <cell r="B2906" t="str">
            <v>NZL</v>
          </cell>
          <cell r="C2906" t="str">
            <v>New Zealand</v>
          </cell>
          <cell r="D2906" t="str">
            <v>Item 7</v>
          </cell>
          <cell r="E2906" t="str">
            <v>REG7</v>
          </cell>
          <cell r="F2906" t="str">
            <v xml:space="preserve">Compensation following unfair dismissal </v>
          </cell>
          <cell r="G2906">
            <v>2012</v>
          </cell>
          <cell r="H2906">
            <v>2012</v>
          </cell>
          <cell r="I2906"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06">
            <v>7.6</v>
          </cell>
          <cell r="M2906">
            <v>1</v>
          </cell>
          <cell r="P2906">
            <v>40634</v>
          </cell>
        </row>
        <row r="2907">
          <cell r="A2907" t="str">
            <v>NZLREG82012</v>
          </cell>
          <cell r="B2907" t="str">
            <v>NZL</v>
          </cell>
          <cell r="C2907" t="str">
            <v>New Zealand</v>
          </cell>
          <cell r="D2907" t="str">
            <v>Item 8</v>
          </cell>
          <cell r="E2907" t="str">
            <v>REG8</v>
          </cell>
          <cell r="F2907" t="str">
            <v>Possibility of reinstatement following unfair dismissal</v>
          </cell>
          <cell r="G2907">
            <v>2012</v>
          </cell>
          <cell r="H2907">
            <v>2012</v>
          </cell>
          <cell r="I2907"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07">
            <v>1</v>
          </cell>
          <cell r="M2907">
            <v>2</v>
          </cell>
          <cell r="P2907">
            <v>40634</v>
          </cell>
        </row>
        <row r="2908">
          <cell r="A2908" t="str">
            <v>NZLREG92012</v>
          </cell>
          <cell r="B2908" t="str">
            <v>NZL</v>
          </cell>
          <cell r="C2908" t="str">
            <v>New Zealand</v>
          </cell>
          <cell r="D2908" t="str">
            <v>Item 9</v>
          </cell>
          <cell r="E2908" t="str">
            <v>REG9</v>
          </cell>
          <cell r="F2908" t="str">
            <v>Maximum time for claim</v>
          </cell>
          <cell r="G2908">
            <v>2012</v>
          </cell>
          <cell r="H2908">
            <v>2012</v>
          </cell>
          <cell r="I2908"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08">
            <v>3</v>
          </cell>
          <cell r="M2908">
            <v>2</v>
          </cell>
        </row>
        <row r="2909">
          <cell r="A2909" t="str">
            <v>NZLFTC12012</v>
          </cell>
          <cell r="B2909" t="str">
            <v>NZL</v>
          </cell>
          <cell r="C2909" t="str">
            <v>New Zealand</v>
          </cell>
          <cell r="D2909" t="str">
            <v>Item 10</v>
          </cell>
          <cell r="E2909" t="str">
            <v>FTC1</v>
          </cell>
          <cell r="F2909" t="str">
            <v>Valid cases for use of fixed-term contracts, other than  “objective”  or “material” situation</v>
          </cell>
          <cell r="G2909">
            <v>2012</v>
          </cell>
          <cell r="H2909">
            <v>2012</v>
          </cell>
          <cell r="I2909"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09">
            <v>2</v>
          </cell>
          <cell r="M2909">
            <v>2</v>
          </cell>
        </row>
        <row r="2910">
          <cell r="A2910" t="str">
            <v>NZLFTC22012</v>
          </cell>
          <cell r="B2910" t="str">
            <v>NZL</v>
          </cell>
          <cell r="C2910" t="str">
            <v>New Zealand</v>
          </cell>
          <cell r="D2910" t="str">
            <v>Item 11</v>
          </cell>
          <cell r="E2910" t="str">
            <v>FTC2</v>
          </cell>
          <cell r="F2910" t="str">
            <v>Maximum number of successive fixed-term contracts</v>
          </cell>
          <cell r="G2910">
            <v>2012</v>
          </cell>
          <cell r="H2910">
            <v>2012</v>
          </cell>
          <cell r="I2910"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10">
            <v>4</v>
          </cell>
          <cell r="M2910">
            <v>2</v>
          </cell>
        </row>
        <row r="2911">
          <cell r="A2911" t="str">
            <v>NZLFTC32012</v>
          </cell>
          <cell r="B2911" t="str">
            <v>NZL</v>
          </cell>
          <cell r="C2911" t="str">
            <v>New Zealand</v>
          </cell>
          <cell r="D2911" t="str">
            <v>Item 12</v>
          </cell>
          <cell r="E2911" t="str">
            <v>FTC3</v>
          </cell>
          <cell r="F2911" t="str">
            <v>Maximum cumulated duration of successive fixed-term contracts</v>
          </cell>
          <cell r="G2911">
            <v>2012</v>
          </cell>
          <cell r="H2911">
            <v>2012</v>
          </cell>
          <cell r="I2911" t="str">
            <v>No limit, unless it is shown that the employer does not have genuine reasons based on reasonable grounds.</v>
          </cell>
          <cell r="J2911">
            <v>200</v>
          </cell>
          <cell r="M2911">
            <v>0</v>
          </cell>
        </row>
        <row r="2912">
          <cell r="A2912" t="str">
            <v>NZLTWA12012</v>
          </cell>
          <cell r="B2912" t="str">
            <v>NZL</v>
          </cell>
          <cell r="C2912" t="str">
            <v>New Zealand</v>
          </cell>
          <cell r="D2912" t="str">
            <v>Item 13</v>
          </cell>
          <cell r="E2912" t="str">
            <v>TWA1</v>
          </cell>
          <cell r="F2912" t="str">
            <v>Types of work for which TWA employment is legal</v>
          </cell>
          <cell r="G2912">
            <v>2012</v>
          </cell>
          <cell r="H2912">
            <v>2012</v>
          </cell>
          <cell r="I2912" t="str">
            <v>General</v>
          </cell>
          <cell r="J2912">
            <v>4</v>
          </cell>
          <cell r="M2912">
            <v>0</v>
          </cell>
        </row>
        <row r="2913">
          <cell r="A2913" t="str">
            <v>NZLTWA22012</v>
          </cell>
          <cell r="B2913" t="str">
            <v>NZL</v>
          </cell>
          <cell r="C2913" t="str">
            <v>New Zealand</v>
          </cell>
          <cell r="D2913" t="str">
            <v>Item 14</v>
          </cell>
          <cell r="E2913" t="str">
            <v>TWA2A, TWA2B</v>
          </cell>
          <cell r="F2913" t="str">
            <v>Are there any restrictions on the number of renewals of a TWA contract?</v>
          </cell>
          <cell r="G2913">
            <v>2012</v>
          </cell>
          <cell r="H2913">
            <v>2012</v>
          </cell>
          <cell r="I2913"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13" t="str">
            <v>No</v>
          </cell>
          <cell r="K2913" t="str">
            <v>Yes</v>
          </cell>
          <cell r="M2913">
            <v>2</v>
          </cell>
          <cell r="N2913">
            <v>4</v>
          </cell>
        </row>
        <row r="2914">
          <cell r="A2914" t="str">
            <v>NZLTWA32012</v>
          </cell>
          <cell r="B2914" t="str">
            <v>NZL</v>
          </cell>
          <cell r="C2914" t="str">
            <v>New Zealand</v>
          </cell>
          <cell r="D2914" t="str">
            <v>Item 15</v>
          </cell>
          <cell r="E2914" t="str">
            <v>TWA3A, TWA3B</v>
          </cell>
          <cell r="F2914" t="str">
            <v>Maximum cumulated duration of temporary work contracts</v>
          </cell>
          <cell r="G2914">
            <v>2012</v>
          </cell>
          <cell r="H2914">
            <v>2012</v>
          </cell>
          <cell r="I2914" t="str">
            <v>No limit, unless it is shown that the employer does not have genuine reasons based on reasonable grounds.</v>
          </cell>
          <cell r="J2914">
            <v>100</v>
          </cell>
          <cell r="K2914">
            <v>100</v>
          </cell>
          <cell r="M2914">
            <v>0</v>
          </cell>
          <cell r="N2914">
            <v>0</v>
          </cell>
        </row>
        <row r="2915">
          <cell r="A2915" t="str">
            <v>NZLTWA42012</v>
          </cell>
          <cell r="B2915" t="str">
            <v>NZL</v>
          </cell>
          <cell r="C2915" t="str">
            <v>New Zealand</v>
          </cell>
          <cell r="D2915" t="str">
            <v>Item 16</v>
          </cell>
          <cell r="E2915" t="str">
            <v>TWA4</v>
          </cell>
          <cell r="F2915" t="str">
            <v>Authorisation and reporting obligations</v>
          </cell>
          <cell r="G2915">
            <v>2012</v>
          </cell>
          <cell r="H2915">
            <v>2012</v>
          </cell>
          <cell r="I2915" t="str">
            <v>No</v>
          </cell>
          <cell r="J2915">
            <v>0</v>
          </cell>
          <cell r="M2915">
            <v>0</v>
          </cell>
        </row>
        <row r="2916">
          <cell r="A2916" t="str">
            <v>NZLTWA52012</v>
          </cell>
          <cell r="B2916" t="str">
            <v>NZL</v>
          </cell>
          <cell r="C2916" t="str">
            <v>New Zealand</v>
          </cell>
          <cell r="D2916" t="str">
            <v>Item 17</v>
          </cell>
          <cell r="E2916" t="str">
            <v>TWA5</v>
          </cell>
          <cell r="F2916" t="str">
            <v>Equal treatment for TWA workers</v>
          </cell>
          <cell r="G2916">
            <v>2012</v>
          </cell>
          <cell r="H2916">
            <v>2012</v>
          </cell>
          <cell r="I2916" t="str">
            <v xml:space="preserve">There are no specific provisions on temporary agency workers that require their wages or working conditions to be equal to that of regular workers.  </v>
          </cell>
          <cell r="J2916">
            <v>0</v>
          </cell>
          <cell r="M2916">
            <v>0</v>
          </cell>
        </row>
        <row r="2917">
          <cell r="A2917" t="str">
            <v>NZLCD12012</v>
          </cell>
          <cell r="B2917" t="str">
            <v>NZL</v>
          </cell>
          <cell r="C2917" t="str">
            <v>New Zealand</v>
          </cell>
          <cell r="D2917" t="str">
            <v>Item 18</v>
          </cell>
          <cell r="E2917" t="str">
            <v>CD1</v>
          </cell>
          <cell r="F2917" t="str">
            <v>Definition of collective dismissal</v>
          </cell>
          <cell r="G2917">
            <v>2012</v>
          </cell>
          <cell r="H2917">
            <v>2012</v>
          </cell>
          <cell r="I2917" t="str">
            <v>No definition of collective dismissal.</v>
          </cell>
          <cell r="J2917">
            <v>0</v>
          </cell>
          <cell r="M2917">
            <v>0</v>
          </cell>
        </row>
        <row r="2918">
          <cell r="A2918" t="str">
            <v>NZLCD22012</v>
          </cell>
          <cell r="B2918" t="str">
            <v>NZL</v>
          </cell>
          <cell r="C2918" t="str">
            <v>New Zealand</v>
          </cell>
          <cell r="D2918" t="str">
            <v>Item 19</v>
          </cell>
          <cell r="E2918" t="str">
            <v>CD2</v>
          </cell>
          <cell r="F2918" t="str">
            <v>Additional notification requirements in case of collective dismissals</v>
          </cell>
          <cell r="G2918">
            <v>2012</v>
          </cell>
          <cell r="H2918">
            <v>2012</v>
          </cell>
          <cell r="I2918"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18">
            <v>0</v>
          </cell>
          <cell r="M2918">
            <v>0</v>
          </cell>
        </row>
        <row r="2919">
          <cell r="A2919" t="str">
            <v>NZLCD32012</v>
          </cell>
          <cell r="B2919" t="str">
            <v>NZL</v>
          </cell>
          <cell r="C2919" t="str">
            <v>New Zealand</v>
          </cell>
          <cell r="D2919" t="str">
            <v>Item 20</v>
          </cell>
          <cell r="E2919" t="str">
            <v>CD3</v>
          </cell>
          <cell r="F2919" t="str">
            <v>Additional delays involved in case of collective dismissals</v>
          </cell>
          <cell r="G2919">
            <v>2012</v>
          </cell>
          <cell r="H2919">
            <v>2012</v>
          </cell>
          <cell r="I2919" t="str">
            <v xml:space="preserve">No special regulations for collective dismissal. </v>
          </cell>
          <cell r="J2919">
            <v>0</v>
          </cell>
          <cell r="M2919">
            <v>0</v>
          </cell>
        </row>
        <row r="2920">
          <cell r="A2920" t="str">
            <v>NZLCD42012</v>
          </cell>
          <cell r="B2920" t="str">
            <v>NZL</v>
          </cell>
          <cell r="C2920" t="str">
            <v>New Zealand</v>
          </cell>
          <cell r="D2920" t="str">
            <v>Item 21</v>
          </cell>
          <cell r="E2920" t="str">
            <v>CD4</v>
          </cell>
          <cell r="F2920" t="str">
            <v>Other special costs to employers in case of collective dismissals</v>
          </cell>
          <cell r="G2920">
            <v>2012</v>
          </cell>
          <cell r="H2920">
            <v>2012</v>
          </cell>
          <cell r="I2920"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20">
            <v>0</v>
          </cell>
          <cell r="M2920">
            <v>0</v>
          </cell>
        </row>
        <row r="2921">
          <cell r="A2921" t="str">
            <v>NZLREG12013</v>
          </cell>
          <cell r="B2921" t="str">
            <v>NZL</v>
          </cell>
          <cell r="C2921" t="str">
            <v>New Zealand</v>
          </cell>
          <cell r="D2921" t="str">
            <v>Item 1</v>
          </cell>
          <cell r="E2921" t="str">
            <v>REG1</v>
          </cell>
          <cell r="F2921" t="str">
            <v>Notification procedures</v>
          </cell>
          <cell r="G2921">
            <v>2013</v>
          </cell>
          <cell r="H2921">
            <v>2013</v>
          </cell>
          <cell r="I292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21">
            <v>1.5</v>
          </cell>
          <cell r="M2921">
            <v>3</v>
          </cell>
        </row>
        <row r="2922">
          <cell r="A2922" t="str">
            <v>NZLREG22013</v>
          </cell>
          <cell r="B2922" t="str">
            <v>NZL</v>
          </cell>
          <cell r="C2922" t="str">
            <v>New Zealand</v>
          </cell>
          <cell r="D2922" t="str">
            <v>Item 2</v>
          </cell>
          <cell r="E2922" t="str">
            <v>REG2</v>
          </cell>
          <cell r="F2922" t="str">
            <v>Delay before notice can start</v>
          </cell>
          <cell r="G2922">
            <v>2013</v>
          </cell>
          <cell r="H2922">
            <v>2013</v>
          </cell>
          <cell r="I292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22">
            <v>5</v>
          </cell>
          <cell r="M2922">
            <v>1</v>
          </cell>
        </row>
        <row r="2923">
          <cell r="A2923" t="str">
            <v>NZLREG32013</v>
          </cell>
          <cell r="B2923" t="str">
            <v>NZL</v>
          </cell>
          <cell r="C2923" t="str">
            <v>New Zealand</v>
          </cell>
          <cell r="D2923" t="str">
            <v>Item 3</v>
          </cell>
          <cell r="E2923" t="str">
            <v>REG3A, REG3B, REG3C</v>
          </cell>
          <cell r="F2923" t="str">
            <v>Notice / tenure</v>
          </cell>
          <cell r="G2923">
            <v>2013</v>
          </cell>
          <cell r="H2923">
            <v>2013</v>
          </cell>
          <cell r="I2923"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23">
            <v>0.5</v>
          </cell>
          <cell r="K2923">
            <v>0.5</v>
          </cell>
          <cell r="L2923">
            <v>0.5</v>
          </cell>
          <cell r="M2923">
            <v>2</v>
          </cell>
          <cell r="N2923">
            <v>1</v>
          </cell>
          <cell r="O2923">
            <v>0</v>
          </cell>
        </row>
        <row r="2924">
          <cell r="A2924" t="str">
            <v>NZLREG42013</v>
          </cell>
          <cell r="B2924" t="str">
            <v>NZL</v>
          </cell>
          <cell r="C2924" t="str">
            <v>New Zealand</v>
          </cell>
          <cell r="D2924" t="str">
            <v>Item 4</v>
          </cell>
          <cell r="E2924" t="str">
            <v>REG4A, REG4B, REG4C</v>
          </cell>
          <cell r="F2924" t="str">
            <v>Severance pay / tenure</v>
          </cell>
          <cell r="G2924">
            <v>2013</v>
          </cell>
          <cell r="H2924">
            <v>2013</v>
          </cell>
          <cell r="I292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24">
            <v>0</v>
          </cell>
          <cell r="K2924">
            <v>0</v>
          </cell>
          <cell r="L2924">
            <v>0</v>
          </cell>
          <cell r="M2924">
            <v>0</v>
          </cell>
          <cell r="N2924">
            <v>0</v>
          </cell>
          <cell r="O2924">
            <v>0</v>
          </cell>
        </row>
        <row r="2925">
          <cell r="A2925" t="str">
            <v>NZLREG52013</v>
          </cell>
          <cell r="B2925" t="str">
            <v>NZL</v>
          </cell>
          <cell r="C2925" t="str">
            <v>New Zealand</v>
          </cell>
          <cell r="D2925" t="str">
            <v>Item 5</v>
          </cell>
          <cell r="E2925" t="str">
            <v>REG5</v>
          </cell>
          <cell r="F2925" t="str">
            <v>Definition of justified or unfair dismissal</v>
          </cell>
          <cell r="G2925">
            <v>2013</v>
          </cell>
          <cell r="H2925">
            <v>2013</v>
          </cell>
          <cell r="I2925"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25">
            <v>0</v>
          </cell>
          <cell r="M2925">
            <v>0</v>
          </cell>
        </row>
        <row r="2926">
          <cell r="A2926" t="str">
            <v>NZLREG62013</v>
          </cell>
          <cell r="B2926" t="str">
            <v>NZL</v>
          </cell>
          <cell r="C2926" t="str">
            <v>New Zealand</v>
          </cell>
          <cell r="D2926" t="str">
            <v>Item 6</v>
          </cell>
          <cell r="E2926" t="str">
            <v>REG6</v>
          </cell>
          <cell r="F2926" t="str">
            <v>Trial period</v>
          </cell>
          <cell r="G2926">
            <v>2013</v>
          </cell>
          <cell r="H2926">
            <v>2013</v>
          </cell>
          <cell r="I2926"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26">
            <v>3</v>
          </cell>
          <cell r="M2926">
            <v>4</v>
          </cell>
        </row>
        <row r="2927">
          <cell r="A2927" t="str">
            <v>NZLREG72013</v>
          </cell>
          <cell r="B2927" t="str">
            <v>NZL</v>
          </cell>
          <cell r="C2927" t="str">
            <v>New Zealand</v>
          </cell>
          <cell r="D2927" t="str">
            <v>Item 7</v>
          </cell>
          <cell r="E2927" t="str">
            <v>REG7</v>
          </cell>
          <cell r="F2927" t="str">
            <v xml:space="preserve">Compensation following unfair dismissal </v>
          </cell>
          <cell r="G2927">
            <v>2013</v>
          </cell>
          <cell r="H2927">
            <v>2013</v>
          </cell>
          <cell r="I292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27">
            <v>7.6</v>
          </cell>
          <cell r="M2927">
            <v>1</v>
          </cell>
        </row>
        <row r="2928">
          <cell r="A2928" t="str">
            <v>NZLREG82013</v>
          </cell>
          <cell r="B2928" t="str">
            <v>NZL</v>
          </cell>
          <cell r="C2928" t="str">
            <v>New Zealand</v>
          </cell>
          <cell r="D2928" t="str">
            <v>Item 8</v>
          </cell>
          <cell r="E2928" t="str">
            <v>REG8</v>
          </cell>
          <cell r="F2928" t="str">
            <v>Possibility of reinstatement following unfair dismissal</v>
          </cell>
          <cell r="G2928">
            <v>2013</v>
          </cell>
          <cell r="H2928">
            <v>2013</v>
          </cell>
          <cell r="I2928"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28">
            <v>1</v>
          </cell>
          <cell r="M2928">
            <v>2</v>
          </cell>
        </row>
        <row r="2929">
          <cell r="A2929" t="str">
            <v>NZLREG92013</v>
          </cell>
          <cell r="B2929" t="str">
            <v>NZL</v>
          </cell>
          <cell r="C2929" t="str">
            <v>New Zealand</v>
          </cell>
          <cell r="D2929" t="str">
            <v>Item 9</v>
          </cell>
          <cell r="E2929" t="str">
            <v>REG9</v>
          </cell>
          <cell r="F2929" t="str">
            <v>Maximum time for claim</v>
          </cell>
          <cell r="G2929">
            <v>2013</v>
          </cell>
          <cell r="H2929">
            <v>2013</v>
          </cell>
          <cell r="I292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29">
            <v>3</v>
          </cell>
          <cell r="M2929">
            <v>2</v>
          </cell>
        </row>
        <row r="2930">
          <cell r="A2930" t="str">
            <v>NZLFTC12013</v>
          </cell>
          <cell r="B2930" t="str">
            <v>NZL</v>
          </cell>
          <cell r="C2930" t="str">
            <v>New Zealand</v>
          </cell>
          <cell r="D2930" t="str">
            <v>Item 10</v>
          </cell>
          <cell r="E2930" t="str">
            <v>FTC1</v>
          </cell>
          <cell r="F2930" t="str">
            <v>Valid cases for use of fixed-term contracts, other than  “objective”  or “material” situation</v>
          </cell>
          <cell r="G2930">
            <v>2013</v>
          </cell>
          <cell r="H2930">
            <v>2013</v>
          </cell>
          <cell r="I293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30">
            <v>2</v>
          </cell>
          <cell r="M2930">
            <v>2</v>
          </cell>
        </row>
        <row r="2931">
          <cell r="A2931" t="str">
            <v>NZLFTC22013</v>
          </cell>
          <cell r="B2931" t="str">
            <v>NZL</v>
          </cell>
          <cell r="C2931" t="str">
            <v>New Zealand</v>
          </cell>
          <cell r="D2931" t="str">
            <v>Item 11</v>
          </cell>
          <cell r="E2931" t="str">
            <v>FTC2</v>
          </cell>
          <cell r="F2931" t="str">
            <v>Maximum number of successive fixed-term contracts</v>
          </cell>
          <cell r="G2931">
            <v>2013</v>
          </cell>
          <cell r="H2931">
            <v>2013</v>
          </cell>
          <cell r="I293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31">
            <v>4</v>
          </cell>
          <cell r="M2931">
            <v>2</v>
          </cell>
        </row>
        <row r="2932">
          <cell r="A2932" t="str">
            <v>NZLFTC32013</v>
          </cell>
          <cell r="B2932" t="str">
            <v>NZL</v>
          </cell>
          <cell r="C2932" t="str">
            <v>New Zealand</v>
          </cell>
          <cell r="D2932" t="str">
            <v>Item 12</v>
          </cell>
          <cell r="E2932" t="str">
            <v>FTC3</v>
          </cell>
          <cell r="F2932" t="str">
            <v>Maximum cumulated duration of successive fixed-term contracts</v>
          </cell>
          <cell r="G2932">
            <v>2013</v>
          </cell>
          <cell r="H2932">
            <v>2013</v>
          </cell>
          <cell r="I2932" t="str">
            <v>No limit, unless it is shown that the employer does not have genuine reasons based on reasonable grounds.</v>
          </cell>
          <cell r="J2932">
            <v>200</v>
          </cell>
          <cell r="M2932">
            <v>0</v>
          </cell>
        </row>
        <row r="2933">
          <cell r="A2933" t="str">
            <v>NZLTWA12013</v>
          </cell>
          <cell r="B2933" t="str">
            <v>NZL</v>
          </cell>
          <cell r="C2933" t="str">
            <v>New Zealand</v>
          </cell>
          <cell r="D2933" t="str">
            <v>Item 13</v>
          </cell>
          <cell r="E2933" t="str">
            <v>TWA1</v>
          </cell>
          <cell r="F2933" t="str">
            <v>Types of work for which TWA employment is legal</v>
          </cell>
          <cell r="G2933">
            <v>2013</v>
          </cell>
          <cell r="H2933">
            <v>2013</v>
          </cell>
          <cell r="I2933" t="str">
            <v>General</v>
          </cell>
          <cell r="J2933">
            <v>4</v>
          </cell>
          <cell r="M2933">
            <v>0</v>
          </cell>
        </row>
        <row r="2934">
          <cell r="A2934" t="str">
            <v>NZLTWA22013</v>
          </cell>
          <cell r="B2934" t="str">
            <v>NZL</v>
          </cell>
          <cell r="C2934" t="str">
            <v>New Zealand</v>
          </cell>
          <cell r="D2934" t="str">
            <v>Item 14</v>
          </cell>
          <cell r="E2934" t="str">
            <v>TWA2A, TWA2B</v>
          </cell>
          <cell r="F2934" t="str">
            <v>Are there any restrictions on the number of renewals of a TWA contract?</v>
          </cell>
          <cell r="G2934">
            <v>2013</v>
          </cell>
          <cell r="H2934">
            <v>2013</v>
          </cell>
          <cell r="I293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34" t="str">
            <v>No</v>
          </cell>
          <cell r="K2934" t="str">
            <v>Yes</v>
          </cell>
          <cell r="M2934">
            <v>2</v>
          </cell>
          <cell r="N2934">
            <v>4</v>
          </cell>
        </row>
        <row r="2935">
          <cell r="A2935" t="str">
            <v>NZLTWA32013</v>
          </cell>
          <cell r="B2935" t="str">
            <v>NZL</v>
          </cell>
          <cell r="C2935" t="str">
            <v>New Zealand</v>
          </cell>
          <cell r="D2935" t="str">
            <v>Item 15</v>
          </cell>
          <cell r="E2935" t="str">
            <v>TWA3A, TWA3B</v>
          </cell>
          <cell r="F2935" t="str">
            <v>Maximum cumulated duration of temporary work contracts</v>
          </cell>
          <cell r="G2935">
            <v>2013</v>
          </cell>
          <cell r="H2935">
            <v>2013</v>
          </cell>
          <cell r="I2935" t="str">
            <v>No limit, unless it is shown that the employer does not have genuine reasons based on reasonable grounds.</v>
          </cell>
          <cell r="J2935">
            <v>100</v>
          </cell>
          <cell r="K2935">
            <v>100</v>
          </cell>
          <cell r="M2935">
            <v>0</v>
          </cell>
          <cell r="N2935">
            <v>0</v>
          </cell>
        </row>
        <row r="2936">
          <cell r="A2936" t="str">
            <v>NZLTWA42013</v>
          </cell>
          <cell r="B2936" t="str">
            <v>NZL</v>
          </cell>
          <cell r="C2936" t="str">
            <v>New Zealand</v>
          </cell>
          <cell r="D2936" t="str">
            <v>Item 16</v>
          </cell>
          <cell r="E2936" t="str">
            <v>TWA4</v>
          </cell>
          <cell r="F2936" t="str">
            <v>Authorisation and reporting obligations</v>
          </cell>
          <cell r="G2936">
            <v>2013</v>
          </cell>
          <cell r="H2936">
            <v>2013</v>
          </cell>
          <cell r="I2936" t="str">
            <v>No</v>
          </cell>
          <cell r="J2936">
            <v>0</v>
          </cell>
          <cell r="M2936">
            <v>0</v>
          </cell>
        </row>
        <row r="2937">
          <cell r="A2937" t="str">
            <v>NZLTWA52013</v>
          </cell>
          <cell r="B2937" t="str">
            <v>NZL</v>
          </cell>
          <cell r="C2937" t="str">
            <v>New Zealand</v>
          </cell>
          <cell r="D2937" t="str">
            <v>Item 17</v>
          </cell>
          <cell r="E2937" t="str">
            <v>TWA5</v>
          </cell>
          <cell r="F2937" t="str">
            <v>Equal treatment for TWA workers</v>
          </cell>
          <cell r="G2937">
            <v>2013</v>
          </cell>
          <cell r="H2937">
            <v>2013</v>
          </cell>
          <cell r="I2937" t="str">
            <v xml:space="preserve">There are no specific provisions on temporary agency workers that require their wages or working conditions to be equal to that of regular workers.  </v>
          </cell>
          <cell r="J2937">
            <v>0</v>
          </cell>
          <cell r="M2937">
            <v>0</v>
          </cell>
        </row>
        <row r="2938">
          <cell r="A2938" t="str">
            <v>NZLCD12013</v>
          </cell>
          <cell r="B2938" t="str">
            <v>NZL</v>
          </cell>
          <cell r="C2938" t="str">
            <v>New Zealand</v>
          </cell>
          <cell r="D2938" t="str">
            <v>Item 18</v>
          </cell>
          <cell r="E2938" t="str">
            <v>CD1</v>
          </cell>
          <cell r="F2938" t="str">
            <v>Definition of collective dismissal</v>
          </cell>
          <cell r="G2938">
            <v>2013</v>
          </cell>
          <cell r="H2938">
            <v>2013</v>
          </cell>
          <cell r="I2938" t="str">
            <v>No definition of collective dismissal.</v>
          </cell>
          <cell r="J2938">
            <v>0</v>
          </cell>
          <cell r="M2938">
            <v>0</v>
          </cell>
        </row>
        <row r="2939">
          <cell r="A2939" t="str">
            <v>NZLCD22013</v>
          </cell>
          <cell r="B2939" t="str">
            <v>NZL</v>
          </cell>
          <cell r="C2939" t="str">
            <v>New Zealand</v>
          </cell>
          <cell r="D2939" t="str">
            <v>Item 19</v>
          </cell>
          <cell r="E2939" t="str">
            <v>CD2</v>
          </cell>
          <cell r="F2939" t="str">
            <v>Additional notification requirements in case of collective dismissals</v>
          </cell>
          <cell r="G2939">
            <v>2013</v>
          </cell>
          <cell r="H2939">
            <v>2013</v>
          </cell>
          <cell r="I293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39">
            <v>0</v>
          </cell>
          <cell r="M2939">
            <v>0</v>
          </cell>
        </row>
        <row r="2940">
          <cell r="A2940" t="str">
            <v>NZLCD32013</v>
          </cell>
          <cell r="B2940" t="str">
            <v>NZL</v>
          </cell>
          <cell r="C2940" t="str">
            <v>New Zealand</v>
          </cell>
          <cell r="D2940" t="str">
            <v>Item 20</v>
          </cell>
          <cell r="E2940" t="str">
            <v>CD3</v>
          </cell>
          <cell r="F2940" t="str">
            <v>Additional delays involved in case of collective dismissals</v>
          </cell>
          <cell r="G2940">
            <v>2013</v>
          </cell>
          <cell r="H2940">
            <v>2013</v>
          </cell>
          <cell r="I2940" t="str">
            <v xml:space="preserve">No special regulations for collective dismissal. </v>
          </cell>
          <cell r="J2940">
            <v>0</v>
          </cell>
          <cell r="M2940">
            <v>0</v>
          </cell>
        </row>
        <row r="2941">
          <cell r="A2941" t="str">
            <v>NZLCD42013</v>
          </cell>
          <cell r="B2941" t="str">
            <v>NZL</v>
          </cell>
          <cell r="C2941" t="str">
            <v>New Zealand</v>
          </cell>
          <cell r="D2941" t="str">
            <v>Item 21</v>
          </cell>
          <cell r="E2941" t="str">
            <v>CD4</v>
          </cell>
          <cell r="F2941" t="str">
            <v>Other special costs to employers in case of collective dismissals</v>
          </cell>
          <cell r="G2941">
            <v>2013</v>
          </cell>
          <cell r="H2941">
            <v>2013</v>
          </cell>
          <cell r="I294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41">
            <v>0</v>
          </cell>
          <cell r="M2941">
            <v>0</v>
          </cell>
        </row>
        <row r="2942">
          <cell r="A2942" t="str">
            <v>LUXREG12012</v>
          </cell>
          <cell r="B2942" t="str">
            <v>LUX</v>
          </cell>
          <cell r="C2942" t="str">
            <v>Luxembourg</v>
          </cell>
          <cell r="D2942" t="str">
            <v>Item 1</v>
          </cell>
          <cell r="E2942" t="str">
            <v>REG1</v>
          </cell>
          <cell r="F2942" t="str">
            <v>Notification procedures</v>
          </cell>
          <cell r="G2942">
            <v>2012</v>
          </cell>
          <cell r="H2942">
            <v>2012</v>
          </cell>
          <cell r="I2942"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42">
            <v>2</v>
          </cell>
          <cell r="M2942">
            <v>4</v>
          </cell>
        </row>
        <row r="2943">
          <cell r="A2943" t="str">
            <v>LUXREG22012</v>
          </cell>
          <cell r="B2943" t="str">
            <v>LUX</v>
          </cell>
          <cell r="C2943" t="str">
            <v>Luxembourg</v>
          </cell>
          <cell r="D2943" t="str">
            <v>Item 2</v>
          </cell>
          <cell r="E2943" t="str">
            <v>REG2</v>
          </cell>
          <cell r="F2943" t="str">
            <v>Delay before notice can start</v>
          </cell>
          <cell r="G2943">
            <v>2012</v>
          </cell>
          <cell r="H2943">
            <v>2012</v>
          </cell>
          <cell r="I2943"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43">
            <v>13</v>
          </cell>
          <cell r="M2943">
            <v>2</v>
          </cell>
        </row>
        <row r="2944">
          <cell r="A2944" t="str">
            <v>LUXREG32012</v>
          </cell>
          <cell r="B2944" t="str">
            <v>LUX</v>
          </cell>
          <cell r="C2944" t="str">
            <v>Luxembourg</v>
          </cell>
          <cell r="D2944" t="str">
            <v>Item 3</v>
          </cell>
          <cell r="E2944" t="str">
            <v>REG3A, REG3B, REG3C</v>
          </cell>
          <cell r="F2944" t="str">
            <v>Notice / tenure</v>
          </cell>
          <cell r="G2944">
            <v>2012</v>
          </cell>
          <cell r="H2944">
            <v>2012</v>
          </cell>
          <cell r="I2944"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44">
            <v>2</v>
          </cell>
          <cell r="K2944">
            <v>2</v>
          </cell>
          <cell r="L2944">
            <v>6</v>
          </cell>
          <cell r="M2944">
            <v>6</v>
          </cell>
          <cell r="N2944">
            <v>4</v>
          </cell>
          <cell r="O2944">
            <v>3</v>
          </cell>
        </row>
        <row r="2945">
          <cell r="A2945" t="str">
            <v>LUXREG42012</v>
          </cell>
          <cell r="B2945" t="str">
            <v>LUX</v>
          </cell>
          <cell r="C2945" t="str">
            <v>Luxembourg</v>
          </cell>
          <cell r="D2945" t="str">
            <v>Item 4</v>
          </cell>
          <cell r="E2945" t="str">
            <v>REG4A, REG4B, REG4C</v>
          </cell>
          <cell r="F2945" t="str">
            <v>Severance pay / tenure</v>
          </cell>
          <cell r="G2945">
            <v>2012</v>
          </cell>
          <cell r="H2945">
            <v>2012</v>
          </cell>
          <cell r="I2945"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45">
            <v>0</v>
          </cell>
          <cell r="K2945">
            <v>0</v>
          </cell>
          <cell r="L2945">
            <v>6</v>
          </cell>
          <cell r="M2945">
            <v>0</v>
          </cell>
          <cell r="N2945">
            <v>0</v>
          </cell>
          <cell r="O2945">
            <v>2</v>
          </cell>
        </row>
        <row r="2946">
          <cell r="A2946" t="str">
            <v>LUXREG52012</v>
          </cell>
          <cell r="B2946" t="str">
            <v>LUX</v>
          </cell>
          <cell r="C2946" t="str">
            <v>Luxembourg</v>
          </cell>
          <cell r="D2946" t="str">
            <v>Item 5</v>
          </cell>
          <cell r="E2946" t="str">
            <v>REG5</v>
          </cell>
          <cell r="F2946" t="str">
            <v>Definition of justified or unfair dismissal</v>
          </cell>
          <cell r="G2946">
            <v>2012</v>
          </cell>
          <cell r="H2946">
            <v>2012</v>
          </cell>
          <cell r="I2946"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46">
            <v>1</v>
          </cell>
          <cell r="M2946">
            <v>2</v>
          </cell>
        </row>
        <row r="2947">
          <cell r="A2947" t="str">
            <v>LUXREG62012</v>
          </cell>
          <cell r="B2947" t="str">
            <v>LUX</v>
          </cell>
          <cell r="C2947" t="str">
            <v>Luxembourg</v>
          </cell>
          <cell r="D2947" t="str">
            <v>Item 6</v>
          </cell>
          <cell r="E2947" t="str">
            <v>REG6</v>
          </cell>
          <cell r="F2947" t="str">
            <v>Trial period</v>
          </cell>
          <cell r="G2947">
            <v>2012</v>
          </cell>
          <cell r="H2947">
            <v>2012</v>
          </cell>
          <cell r="I2947"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47">
            <v>7</v>
          </cell>
          <cell r="M2947">
            <v>3</v>
          </cell>
        </row>
        <row r="2948">
          <cell r="A2948" t="str">
            <v>LUXREG72012</v>
          </cell>
          <cell r="B2948" t="str">
            <v>LUX</v>
          </cell>
          <cell r="C2948" t="str">
            <v>Luxembourg</v>
          </cell>
          <cell r="D2948" t="str">
            <v>Item 7</v>
          </cell>
          <cell r="E2948" t="str">
            <v>REG7</v>
          </cell>
          <cell r="F2948" t="str">
            <v xml:space="preserve">Compensation following unfair dismissal </v>
          </cell>
          <cell r="G2948">
            <v>2012</v>
          </cell>
          <cell r="H2948">
            <v>2012</v>
          </cell>
          <cell r="I2948"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48">
            <v>6</v>
          </cell>
          <cell r="M2948">
            <v>1</v>
          </cell>
        </row>
        <row r="2949">
          <cell r="A2949" t="str">
            <v>LUXREG82012</v>
          </cell>
          <cell r="B2949" t="str">
            <v>LUX</v>
          </cell>
          <cell r="C2949" t="str">
            <v>Luxembourg</v>
          </cell>
          <cell r="D2949" t="str">
            <v>Item 8</v>
          </cell>
          <cell r="E2949" t="str">
            <v>REG8</v>
          </cell>
          <cell r="F2949" t="str">
            <v>Possibility of reinstatement following unfair dismissal</v>
          </cell>
          <cell r="G2949">
            <v>2012</v>
          </cell>
          <cell r="H2949">
            <v>2012</v>
          </cell>
          <cell r="I2949" t="str">
            <v>When ruling on unfair dismissal, judges may request that the employee is reinstated. If the employer does not want to reinstate the employee, the employer can pay additional compensation of one months’ salary.</v>
          </cell>
          <cell r="J2949">
            <v>0</v>
          </cell>
          <cell r="M2949">
            <v>0</v>
          </cell>
        </row>
        <row r="2950">
          <cell r="A2950" t="str">
            <v>LUXREG92012</v>
          </cell>
          <cell r="B2950" t="str">
            <v>LUX</v>
          </cell>
          <cell r="C2950" t="str">
            <v>Luxembourg</v>
          </cell>
          <cell r="D2950" t="str">
            <v>Item 9</v>
          </cell>
          <cell r="E2950" t="str">
            <v>REG9</v>
          </cell>
          <cell r="F2950" t="str">
            <v>Maximum time for claim</v>
          </cell>
          <cell r="G2950">
            <v>2012</v>
          </cell>
          <cell r="H2950">
            <v>2012</v>
          </cell>
          <cell r="I2950" t="str">
            <v>The time limit for making a claim of unfair dismissal is three months from the date of the notification or the date when the employee received requested reasons for dismissal.</v>
          </cell>
          <cell r="J2950">
            <v>3</v>
          </cell>
          <cell r="M2950">
            <v>2</v>
          </cell>
        </row>
        <row r="2951">
          <cell r="A2951" t="str">
            <v>LUXFTC12012</v>
          </cell>
          <cell r="B2951" t="str">
            <v>LUX</v>
          </cell>
          <cell r="C2951" t="str">
            <v>Luxembourg</v>
          </cell>
          <cell r="D2951" t="str">
            <v>Item 10</v>
          </cell>
          <cell r="E2951" t="str">
            <v>FTC1</v>
          </cell>
          <cell r="F2951" t="str">
            <v>Valid cases for use of fixed-term contracts, other than  “objective”  or “material” situation</v>
          </cell>
          <cell r="G2951">
            <v>2012</v>
          </cell>
          <cell r="H2951">
            <v>2012</v>
          </cell>
          <cell r="I2951"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2951">
            <v>0.5</v>
          </cell>
          <cell r="M2951">
            <v>5</v>
          </cell>
        </row>
        <row r="2952">
          <cell r="A2952" t="str">
            <v>LUXFTC22012</v>
          </cell>
          <cell r="B2952" t="str">
            <v>LUX</v>
          </cell>
          <cell r="C2952" t="str">
            <v>Luxembourg</v>
          </cell>
          <cell r="D2952" t="str">
            <v>Item 11</v>
          </cell>
          <cell r="E2952" t="str">
            <v>FTC2</v>
          </cell>
          <cell r="F2952" t="str">
            <v>Maximum number of successive fixed-term contracts</v>
          </cell>
          <cell r="G2952">
            <v>2012</v>
          </cell>
          <cell r="H2952">
            <v>2012</v>
          </cell>
          <cell r="I2952" t="str">
            <v>A fixed-term contract can be renewed twice. Some categories of workers (teachers, artists, performers, athletes, coaches) are not subject to restrictions on renewals of fixed-term contracts</v>
          </cell>
          <cell r="J2952">
            <v>3</v>
          </cell>
          <cell r="M2952">
            <v>3</v>
          </cell>
        </row>
        <row r="2953">
          <cell r="A2953" t="str">
            <v>LUXFTC32012</v>
          </cell>
          <cell r="B2953" t="str">
            <v>LUX</v>
          </cell>
          <cell r="C2953" t="str">
            <v>Luxembourg</v>
          </cell>
          <cell r="D2953" t="str">
            <v>Item 12</v>
          </cell>
          <cell r="E2953" t="str">
            <v>FTC3</v>
          </cell>
          <cell r="F2953" t="str">
            <v>Maximum cumulated duration of successive fixed-term contracts</v>
          </cell>
          <cell r="G2953">
            <v>2012</v>
          </cell>
          <cell r="H2953">
            <v>2012</v>
          </cell>
          <cell r="I2953" t="str">
            <v>A fixed-term contract cannot exceed 24 months in duration (including renewals). Fixed-term contracts for seasonal work cannot exceed 10 months in a 12 month period.</v>
          </cell>
          <cell r="J2953">
            <v>24</v>
          </cell>
          <cell r="M2953">
            <v>3</v>
          </cell>
        </row>
        <row r="2954">
          <cell r="A2954" t="str">
            <v>LUXTWA12012</v>
          </cell>
          <cell r="B2954" t="str">
            <v>LUX</v>
          </cell>
          <cell r="C2954" t="str">
            <v>Luxembourg</v>
          </cell>
          <cell r="D2954" t="str">
            <v>Item 13</v>
          </cell>
          <cell r="E2954" t="str">
            <v>TWA1</v>
          </cell>
          <cell r="F2954" t="str">
            <v>Types of work for which TWA employment is legal</v>
          </cell>
          <cell r="G2954">
            <v>2012</v>
          </cell>
          <cell r="H2954">
            <v>2012</v>
          </cell>
          <cell r="I2954"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54">
            <v>2</v>
          </cell>
          <cell r="M2954">
            <v>3</v>
          </cell>
        </row>
        <row r="2955">
          <cell r="A2955" t="str">
            <v>LUXTWA22012</v>
          </cell>
          <cell r="B2955" t="str">
            <v>LUX</v>
          </cell>
          <cell r="C2955" t="str">
            <v>Luxembourg</v>
          </cell>
          <cell r="D2955" t="str">
            <v>Item 14</v>
          </cell>
          <cell r="E2955" t="str">
            <v>TWA2A, TWA2B</v>
          </cell>
          <cell r="F2955" t="str">
            <v>Are there any restrictions on the number of renewals of a TWA contract?</v>
          </cell>
          <cell r="G2955">
            <v>2012</v>
          </cell>
          <cell r="H2955">
            <v>2012</v>
          </cell>
          <cell r="I2955" t="str">
            <v>The contract can be renewed twice without exceeding the 12 month limit.</v>
          </cell>
          <cell r="J2955" t="str">
            <v>Yes</v>
          </cell>
          <cell r="K2955" t="str">
            <v>Yes</v>
          </cell>
          <cell r="M2955">
            <v>4</v>
          </cell>
          <cell r="N2955">
            <v>4</v>
          </cell>
        </row>
        <row r="2956">
          <cell r="A2956" t="str">
            <v>LUXTWA32012</v>
          </cell>
          <cell r="B2956" t="str">
            <v>LUX</v>
          </cell>
          <cell r="C2956" t="str">
            <v>Luxembourg</v>
          </cell>
          <cell r="D2956" t="str">
            <v>Item 15</v>
          </cell>
          <cell r="E2956" t="str">
            <v>TWA3A, TWA3B</v>
          </cell>
          <cell r="F2956" t="str">
            <v>Maximum cumulated duration of temporary work contracts</v>
          </cell>
          <cell r="G2956">
            <v>2012</v>
          </cell>
          <cell r="H2956">
            <v>2012</v>
          </cell>
          <cell r="I2956" t="str">
            <v>Except for seasonal jobs, the contract should not exceed 12 months in duration for the same employee in the same job, including renewals.</v>
          </cell>
          <cell r="J2956">
            <v>12</v>
          </cell>
          <cell r="K2956">
            <v>12</v>
          </cell>
          <cell r="M2956">
            <v>4</v>
          </cell>
          <cell r="N2956">
            <v>4</v>
          </cell>
        </row>
        <row r="2957">
          <cell r="A2957" t="str">
            <v>LUXTWA42012</v>
          </cell>
          <cell r="B2957" t="str">
            <v>LUX</v>
          </cell>
          <cell r="C2957" t="str">
            <v>Luxembourg</v>
          </cell>
          <cell r="D2957" t="str">
            <v>Item 16</v>
          </cell>
          <cell r="E2957" t="str">
            <v>TWA4</v>
          </cell>
          <cell r="F2957" t="str">
            <v>Authorisation or reporting requirements</v>
          </cell>
          <cell r="G2957">
            <v>2012</v>
          </cell>
          <cell r="H2957">
            <v>2012</v>
          </cell>
          <cell r="I2957"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57">
            <v>1</v>
          </cell>
          <cell r="M2957">
            <v>2</v>
          </cell>
        </row>
        <row r="2958">
          <cell r="A2958" t="str">
            <v>LUXTWA52012</v>
          </cell>
          <cell r="B2958" t="str">
            <v>LUX</v>
          </cell>
          <cell r="C2958" t="str">
            <v>Luxembourg</v>
          </cell>
          <cell r="D2958" t="str">
            <v>Item 17</v>
          </cell>
          <cell r="E2958" t="str">
            <v>TWA5</v>
          </cell>
          <cell r="F2958" t="str">
            <v>Equal treatment for TWA workers</v>
          </cell>
          <cell r="G2958">
            <v>2012</v>
          </cell>
          <cell r="H2958">
            <v>2012</v>
          </cell>
          <cell r="I2958" t="str">
            <v>A TWA worker is required to receive the same pay and conditions as an employee with the same or an equivalent qualification hired by the user firm as a permanent employee.</v>
          </cell>
          <cell r="J2958">
            <v>2</v>
          </cell>
          <cell r="M2958">
            <v>6</v>
          </cell>
        </row>
        <row r="2959">
          <cell r="A2959" t="str">
            <v>LUXCD12012</v>
          </cell>
          <cell r="B2959" t="str">
            <v>LUX</v>
          </cell>
          <cell r="C2959" t="str">
            <v>Luxembourg</v>
          </cell>
          <cell r="D2959" t="str">
            <v>Item 18</v>
          </cell>
          <cell r="E2959" t="str">
            <v>CD1</v>
          </cell>
          <cell r="F2959" t="str">
            <v>Definition of collective dismissal</v>
          </cell>
          <cell r="G2959">
            <v>2012</v>
          </cell>
          <cell r="H2959">
            <v>2012</v>
          </cell>
          <cell r="I2959" t="str">
            <v>Additional regulations apply for dismissals of 7 or more workers within a 30 day period or 15 or more workers within a 90 day period.</v>
          </cell>
          <cell r="J2959">
            <v>4</v>
          </cell>
          <cell r="M2959">
            <v>6</v>
          </cell>
        </row>
        <row r="2960">
          <cell r="A2960" t="str">
            <v>LUXCD22012</v>
          </cell>
          <cell r="B2960" t="str">
            <v>LUX</v>
          </cell>
          <cell r="C2960" t="str">
            <v>Luxembourg</v>
          </cell>
          <cell r="D2960" t="str">
            <v>Item 19</v>
          </cell>
          <cell r="E2960" t="str">
            <v>CD2</v>
          </cell>
          <cell r="F2960" t="str">
            <v>Additional notification requirements in case of collective dismissals</v>
          </cell>
          <cell r="G2960">
            <v>2012</v>
          </cell>
          <cell r="H2960">
            <v>2012</v>
          </cell>
          <cell r="I2960"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60">
            <v>1</v>
          </cell>
          <cell r="M2960">
            <v>3</v>
          </cell>
        </row>
        <row r="2961">
          <cell r="A2961" t="str">
            <v>LUXCD32012</v>
          </cell>
          <cell r="B2961" t="str">
            <v>LUX</v>
          </cell>
          <cell r="C2961" t="str">
            <v>Luxembourg</v>
          </cell>
          <cell r="D2961" t="str">
            <v>Item 20</v>
          </cell>
          <cell r="E2961" t="str">
            <v>CD3</v>
          </cell>
          <cell r="F2961" t="str">
            <v>Additional delays involved in case of collective dismissals</v>
          </cell>
          <cell r="G2961">
            <v>2012</v>
          </cell>
          <cell r="H2961">
            <v>2012</v>
          </cell>
          <cell r="I2961"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61">
            <v>26.25</v>
          </cell>
          <cell r="M2961">
            <v>2</v>
          </cell>
        </row>
        <row r="2962">
          <cell r="A2962" t="str">
            <v>LUXCD42012</v>
          </cell>
          <cell r="B2962" t="str">
            <v>LUX</v>
          </cell>
          <cell r="C2962" t="str">
            <v>Luxembourg</v>
          </cell>
          <cell r="D2962" t="str">
            <v>Item 21</v>
          </cell>
          <cell r="E2962" t="str">
            <v>CD4</v>
          </cell>
          <cell r="F2962" t="str">
            <v>Other special costs to employers in case of collective dismissals</v>
          </cell>
          <cell r="G2962">
            <v>2012</v>
          </cell>
          <cell r="H2962">
            <v>2012</v>
          </cell>
          <cell r="I2962" t="str">
            <v>The social plan typically contains internal and external reclassification measures and the amount of additional compensation payable.</v>
          </cell>
          <cell r="J2962">
            <v>1.5</v>
          </cell>
          <cell r="M2962">
            <v>4.5</v>
          </cell>
        </row>
        <row r="2963">
          <cell r="A2963" t="str">
            <v>LUXREG12013</v>
          </cell>
          <cell r="B2963" t="str">
            <v>LUX</v>
          </cell>
          <cell r="C2963" t="str">
            <v>Luxembourg</v>
          </cell>
          <cell r="D2963" t="str">
            <v>Item 1</v>
          </cell>
          <cell r="E2963" t="str">
            <v>REG1</v>
          </cell>
          <cell r="F2963" t="str">
            <v>Notification procedures</v>
          </cell>
          <cell r="G2963">
            <v>2013</v>
          </cell>
          <cell r="H2963">
            <v>2013</v>
          </cell>
          <cell r="I2963"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63">
            <v>2</v>
          </cell>
          <cell r="M2963">
            <v>4</v>
          </cell>
        </row>
        <row r="2964">
          <cell r="A2964" t="str">
            <v>LUXREG22013</v>
          </cell>
          <cell r="B2964" t="str">
            <v>LUX</v>
          </cell>
          <cell r="C2964" t="str">
            <v>Luxembourg</v>
          </cell>
          <cell r="D2964" t="str">
            <v>Item 2</v>
          </cell>
          <cell r="E2964" t="str">
            <v>REG2</v>
          </cell>
          <cell r="F2964" t="str">
            <v>Delay before notice can start</v>
          </cell>
          <cell r="G2964">
            <v>2013</v>
          </cell>
          <cell r="H2964">
            <v>2013</v>
          </cell>
          <cell r="I2964"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64">
            <v>13</v>
          </cell>
          <cell r="M2964">
            <v>2</v>
          </cell>
        </row>
        <row r="2965">
          <cell r="A2965" t="str">
            <v>LUXREG32013</v>
          </cell>
          <cell r="B2965" t="str">
            <v>LUX</v>
          </cell>
          <cell r="C2965" t="str">
            <v>Luxembourg</v>
          </cell>
          <cell r="D2965" t="str">
            <v>Item 3</v>
          </cell>
          <cell r="E2965" t="str">
            <v>REG3A, REG3B, REG3C</v>
          </cell>
          <cell r="F2965" t="str">
            <v>Notice / tenure</v>
          </cell>
          <cell r="G2965">
            <v>2013</v>
          </cell>
          <cell r="H2965">
            <v>2013</v>
          </cell>
          <cell r="I2965"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65">
            <v>2</v>
          </cell>
          <cell r="K2965">
            <v>2</v>
          </cell>
          <cell r="L2965">
            <v>6</v>
          </cell>
          <cell r="M2965">
            <v>6</v>
          </cell>
          <cell r="N2965">
            <v>4</v>
          </cell>
          <cell r="O2965">
            <v>3</v>
          </cell>
        </row>
        <row r="2966">
          <cell r="A2966" t="str">
            <v>LUXREG42013</v>
          </cell>
          <cell r="B2966" t="str">
            <v>LUX</v>
          </cell>
          <cell r="C2966" t="str">
            <v>Luxembourg</v>
          </cell>
          <cell r="D2966" t="str">
            <v>Item 4</v>
          </cell>
          <cell r="E2966" t="str">
            <v>REG4A, REG4B, REG4C</v>
          </cell>
          <cell r="F2966" t="str">
            <v>Severance pay / tenure</v>
          </cell>
          <cell r="G2966">
            <v>2013</v>
          </cell>
          <cell r="H2966">
            <v>2013</v>
          </cell>
          <cell r="I2966"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66">
            <v>0</v>
          </cell>
          <cell r="K2966">
            <v>0</v>
          </cell>
          <cell r="L2966">
            <v>6</v>
          </cell>
          <cell r="M2966">
            <v>0</v>
          </cell>
          <cell r="N2966">
            <v>0</v>
          </cell>
          <cell r="O2966">
            <v>2</v>
          </cell>
        </row>
        <row r="2967">
          <cell r="A2967" t="str">
            <v>LUXREG52013</v>
          </cell>
          <cell r="B2967" t="str">
            <v>LUX</v>
          </cell>
          <cell r="C2967" t="str">
            <v>Luxembourg</v>
          </cell>
          <cell r="D2967" t="str">
            <v>Item 5</v>
          </cell>
          <cell r="E2967" t="str">
            <v>REG5</v>
          </cell>
          <cell r="F2967" t="str">
            <v>Definition of justified or unfair dismissal</v>
          </cell>
          <cell r="G2967">
            <v>2013</v>
          </cell>
          <cell r="H2967">
            <v>2013</v>
          </cell>
          <cell r="I2967"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67">
            <v>1</v>
          </cell>
          <cell r="M2967">
            <v>2</v>
          </cell>
        </row>
        <row r="2968">
          <cell r="A2968" t="str">
            <v>LUXREG62013</v>
          </cell>
          <cell r="B2968" t="str">
            <v>LUX</v>
          </cell>
          <cell r="C2968" t="str">
            <v>Luxembourg</v>
          </cell>
          <cell r="D2968" t="str">
            <v>Item 6</v>
          </cell>
          <cell r="E2968" t="str">
            <v>REG6</v>
          </cell>
          <cell r="F2968" t="str">
            <v>Trial period</v>
          </cell>
          <cell r="G2968">
            <v>2013</v>
          </cell>
          <cell r="H2968">
            <v>2013</v>
          </cell>
          <cell r="I2968"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68">
            <v>7</v>
          </cell>
          <cell r="M2968">
            <v>3</v>
          </cell>
        </row>
        <row r="2969">
          <cell r="A2969" t="str">
            <v>LUXREG72013</v>
          </cell>
          <cell r="B2969" t="str">
            <v>LUX</v>
          </cell>
          <cell r="C2969" t="str">
            <v>Luxembourg</v>
          </cell>
          <cell r="D2969" t="str">
            <v>Item 7</v>
          </cell>
          <cell r="E2969" t="str">
            <v>REG7</v>
          </cell>
          <cell r="F2969" t="str">
            <v xml:space="preserve">Compensation following unfair dismissal </v>
          </cell>
          <cell r="G2969">
            <v>2013</v>
          </cell>
          <cell r="H2969">
            <v>2013</v>
          </cell>
          <cell r="I2969"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69">
            <v>6</v>
          </cell>
          <cell r="M2969">
            <v>1</v>
          </cell>
        </row>
        <row r="2970">
          <cell r="A2970" t="str">
            <v>LUXREG82013</v>
          </cell>
          <cell r="B2970" t="str">
            <v>LUX</v>
          </cell>
          <cell r="C2970" t="str">
            <v>Luxembourg</v>
          </cell>
          <cell r="D2970" t="str">
            <v>Item 8</v>
          </cell>
          <cell r="E2970" t="str">
            <v>REG8</v>
          </cell>
          <cell r="F2970" t="str">
            <v>Possibility of reinstatement following unfair dismissal</v>
          </cell>
          <cell r="G2970">
            <v>2013</v>
          </cell>
          <cell r="H2970">
            <v>2013</v>
          </cell>
          <cell r="I2970" t="str">
            <v>When ruling on unfair dismissal, judges may request that the employee is reinstated. If the employer does not want to reinstate the employee, the employer can pay additional compensation of one months’ salary.</v>
          </cell>
          <cell r="J2970">
            <v>0</v>
          </cell>
          <cell r="M2970">
            <v>0</v>
          </cell>
        </row>
        <row r="2971">
          <cell r="A2971" t="str">
            <v>LUXREG92013</v>
          </cell>
          <cell r="B2971" t="str">
            <v>LUX</v>
          </cell>
          <cell r="C2971" t="str">
            <v>Luxembourg</v>
          </cell>
          <cell r="D2971" t="str">
            <v>Item 9</v>
          </cell>
          <cell r="E2971" t="str">
            <v>REG9</v>
          </cell>
          <cell r="F2971" t="str">
            <v>Maximum time for claim</v>
          </cell>
          <cell r="G2971">
            <v>2013</v>
          </cell>
          <cell r="H2971">
            <v>2013</v>
          </cell>
          <cell r="I2971" t="str">
            <v>The time limit for making a claim of unfair dismissal is three months from the date of the notification or the date when the employee received requested reasons for dismissal.</v>
          </cell>
          <cell r="J2971">
            <v>3</v>
          </cell>
          <cell r="M2971">
            <v>2</v>
          </cell>
        </row>
        <row r="2972">
          <cell r="A2972" t="str">
            <v>LUXFTC12013</v>
          </cell>
          <cell r="B2972" t="str">
            <v>LUX</v>
          </cell>
          <cell r="C2972" t="str">
            <v>Luxembourg</v>
          </cell>
          <cell r="D2972" t="str">
            <v>Item 10</v>
          </cell>
          <cell r="E2972" t="str">
            <v>FTC1</v>
          </cell>
          <cell r="F2972" t="str">
            <v>Valid cases for use of fixed-term contracts, other than  “objective”  or “material” situation</v>
          </cell>
          <cell r="G2972">
            <v>2013</v>
          </cell>
          <cell r="H2972">
            <v>2013</v>
          </cell>
          <cell r="I2972"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gence pour le Développement de l’Emploi (authorisation takes into account age, training and duration of unemployment), and with the authorisation of the Labour Ministry, employment intended to promote the hiring of some categories of workers or to engage in training.</v>
          </cell>
          <cell r="J2972">
            <v>0.5</v>
          </cell>
          <cell r="M2972">
            <v>5</v>
          </cell>
          <cell r="P2972">
            <v>40926</v>
          </cell>
        </row>
        <row r="2973">
          <cell r="A2973" t="str">
            <v>LUXFTC22013</v>
          </cell>
          <cell r="B2973" t="str">
            <v>LUX</v>
          </cell>
          <cell r="C2973" t="str">
            <v>Luxembourg</v>
          </cell>
          <cell r="D2973" t="str">
            <v>Item 11</v>
          </cell>
          <cell r="E2973" t="str">
            <v>FTC2</v>
          </cell>
          <cell r="F2973" t="str">
            <v>Maximum number of successive fixed-term contracts</v>
          </cell>
          <cell r="G2973">
            <v>2013</v>
          </cell>
          <cell r="H2973">
            <v>2013</v>
          </cell>
          <cell r="I2973" t="str">
            <v>A fixed-term contract can be renewed twice. Some categories of workers (teachers, artists, performers, athletes, coaches) are not subject to restrictions on renewals of fixed-term contracts</v>
          </cell>
          <cell r="J2973">
            <v>3</v>
          </cell>
          <cell r="M2973">
            <v>3</v>
          </cell>
        </row>
        <row r="2974">
          <cell r="A2974" t="str">
            <v>LUXFTC32013</v>
          </cell>
          <cell r="B2974" t="str">
            <v>LUX</v>
          </cell>
          <cell r="C2974" t="str">
            <v>Luxembourg</v>
          </cell>
          <cell r="D2974" t="str">
            <v>Item 12</v>
          </cell>
          <cell r="E2974" t="str">
            <v>FTC3</v>
          </cell>
          <cell r="F2974" t="str">
            <v>Maximum cumulated duration of successive fixed-term contracts</v>
          </cell>
          <cell r="G2974">
            <v>2013</v>
          </cell>
          <cell r="H2974">
            <v>2013</v>
          </cell>
          <cell r="I2974" t="str">
            <v>A fixed-term contract cannot exceed 24 months in duration (including renewals). Fixed-term contracts for seasonal work cannot exceed 10 months in a 12 month period.</v>
          </cell>
          <cell r="J2974">
            <v>24</v>
          </cell>
          <cell r="M2974">
            <v>3</v>
          </cell>
        </row>
        <row r="2975">
          <cell r="A2975" t="str">
            <v>LUXTWA12013</v>
          </cell>
          <cell r="B2975" t="str">
            <v>LUX</v>
          </cell>
          <cell r="C2975" t="str">
            <v>Luxembourg</v>
          </cell>
          <cell r="D2975" t="str">
            <v>Item 13</v>
          </cell>
          <cell r="E2975" t="str">
            <v>TWA1</v>
          </cell>
          <cell r="F2975" t="str">
            <v>Types of work for which TWA employment is legal</v>
          </cell>
          <cell r="G2975">
            <v>2013</v>
          </cell>
          <cell r="H2975">
            <v>2013</v>
          </cell>
          <cell r="I2975"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75">
            <v>2</v>
          </cell>
          <cell r="M2975">
            <v>3</v>
          </cell>
        </row>
        <row r="2976">
          <cell r="A2976" t="str">
            <v>LUXTWA22013</v>
          </cell>
          <cell r="B2976" t="str">
            <v>LUX</v>
          </cell>
          <cell r="C2976" t="str">
            <v>Luxembourg</v>
          </cell>
          <cell r="D2976" t="str">
            <v>Item 14</v>
          </cell>
          <cell r="E2976" t="str">
            <v>TWA2A, TWA2B</v>
          </cell>
          <cell r="F2976" t="str">
            <v>Are there any restrictions on the number of renewals of a TWA contract?</v>
          </cell>
          <cell r="G2976">
            <v>2013</v>
          </cell>
          <cell r="H2976">
            <v>2013</v>
          </cell>
          <cell r="I2976" t="str">
            <v>The contract can be renewed twice without exceeding the 12 month limit.</v>
          </cell>
          <cell r="J2976" t="str">
            <v>Yes</v>
          </cell>
          <cell r="K2976" t="str">
            <v>Yes</v>
          </cell>
          <cell r="M2976">
            <v>4</v>
          </cell>
          <cell r="N2976">
            <v>4</v>
          </cell>
        </row>
        <row r="2977">
          <cell r="A2977" t="str">
            <v>LUXTWA32013</v>
          </cell>
          <cell r="B2977" t="str">
            <v>LUX</v>
          </cell>
          <cell r="C2977" t="str">
            <v>Luxembourg</v>
          </cell>
          <cell r="D2977" t="str">
            <v>Item 15</v>
          </cell>
          <cell r="E2977" t="str">
            <v>TWA3A, TWA3B</v>
          </cell>
          <cell r="F2977" t="str">
            <v>Maximum cumulated duration of temporary work contracts</v>
          </cell>
          <cell r="G2977">
            <v>2013</v>
          </cell>
          <cell r="H2977">
            <v>2013</v>
          </cell>
          <cell r="I2977" t="str">
            <v>Except for seasonal jobs, the contract should not exceed 12 months in duration for the same employee in the same job, including renewals.</v>
          </cell>
          <cell r="J2977">
            <v>12</v>
          </cell>
          <cell r="K2977">
            <v>12</v>
          </cell>
          <cell r="M2977">
            <v>4</v>
          </cell>
          <cell r="N2977">
            <v>4</v>
          </cell>
        </row>
        <row r="2978">
          <cell r="A2978" t="str">
            <v>LUXTWA42013</v>
          </cell>
          <cell r="B2978" t="str">
            <v>LUX</v>
          </cell>
          <cell r="C2978" t="str">
            <v>Luxembourg</v>
          </cell>
          <cell r="D2978" t="str">
            <v>Item 16</v>
          </cell>
          <cell r="E2978" t="str">
            <v>TWA4</v>
          </cell>
          <cell r="F2978" t="str">
            <v>Authorisation or reporting requirements</v>
          </cell>
          <cell r="G2978">
            <v>2013</v>
          </cell>
          <cell r="H2978">
            <v>2013</v>
          </cell>
          <cell r="I2978"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78">
            <v>1</v>
          </cell>
          <cell r="M2978">
            <v>2</v>
          </cell>
        </row>
        <row r="2979">
          <cell r="A2979" t="str">
            <v>LUXTWA52013</v>
          </cell>
          <cell r="B2979" t="str">
            <v>LUX</v>
          </cell>
          <cell r="C2979" t="str">
            <v>Luxembourg</v>
          </cell>
          <cell r="D2979" t="str">
            <v>Item 17</v>
          </cell>
          <cell r="E2979" t="str">
            <v>TWA5</v>
          </cell>
          <cell r="F2979" t="str">
            <v>Equal treatment for TWA workers</v>
          </cell>
          <cell r="G2979">
            <v>2013</v>
          </cell>
          <cell r="H2979">
            <v>2013</v>
          </cell>
          <cell r="I2979" t="str">
            <v>A TWA worker is required to receive the same pay and conditions as an employee with the same or an equivalent qualification hired by the user firm as a permanent employee.</v>
          </cell>
          <cell r="J2979">
            <v>2</v>
          </cell>
          <cell r="M2979">
            <v>6</v>
          </cell>
        </row>
        <row r="2980">
          <cell r="A2980" t="str">
            <v>LUXCD12013</v>
          </cell>
          <cell r="B2980" t="str">
            <v>LUX</v>
          </cell>
          <cell r="C2980" t="str">
            <v>Luxembourg</v>
          </cell>
          <cell r="D2980" t="str">
            <v>Item 18</v>
          </cell>
          <cell r="E2980" t="str">
            <v>CD1</v>
          </cell>
          <cell r="F2980" t="str">
            <v>Definition of collective dismissal</v>
          </cell>
          <cell r="G2980">
            <v>2013</v>
          </cell>
          <cell r="H2980">
            <v>2013</v>
          </cell>
          <cell r="I2980" t="str">
            <v>Additional regulations apply for dismissals of 7 or more workers within a 30 day period or 15 or more workers within a 90 day period.</v>
          </cell>
          <cell r="J2980">
            <v>4</v>
          </cell>
          <cell r="M2980">
            <v>6</v>
          </cell>
        </row>
        <row r="2981">
          <cell r="A2981" t="str">
            <v>LUXCD22013</v>
          </cell>
          <cell r="B2981" t="str">
            <v>LUX</v>
          </cell>
          <cell r="C2981" t="str">
            <v>Luxembourg</v>
          </cell>
          <cell r="D2981" t="str">
            <v>Item 19</v>
          </cell>
          <cell r="E2981" t="str">
            <v>CD2</v>
          </cell>
          <cell r="F2981" t="str">
            <v>Additional notification requirements in case of collective dismissals</v>
          </cell>
          <cell r="G2981">
            <v>2013</v>
          </cell>
          <cell r="H2981">
            <v>2013</v>
          </cell>
          <cell r="I2981"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81">
            <v>1</v>
          </cell>
          <cell r="M2981">
            <v>3</v>
          </cell>
        </row>
        <row r="2982">
          <cell r="A2982" t="str">
            <v>LUXCD32013</v>
          </cell>
          <cell r="B2982" t="str">
            <v>LUX</v>
          </cell>
          <cell r="C2982" t="str">
            <v>Luxembourg</v>
          </cell>
          <cell r="D2982" t="str">
            <v>Item 20</v>
          </cell>
          <cell r="E2982" t="str">
            <v>CD3</v>
          </cell>
          <cell r="F2982" t="str">
            <v>Additional delays involved in case of collective dismissals</v>
          </cell>
          <cell r="G2982">
            <v>2013</v>
          </cell>
          <cell r="H2982">
            <v>2013</v>
          </cell>
          <cell r="I2982"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82">
            <v>26.25</v>
          </cell>
          <cell r="M2982">
            <v>2</v>
          </cell>
        </row>
        <row r="2983">
          <cell r="A2983" t="str">
            <v>LUXCD42013</v>
          </cell>
          <cell r="B2983" t="str">
            <v>LUX</v>
          </cell>
          <cell r="C2983" t="str">
            <v>Luxembourg</v>
          </cell>
          <cell r="D2983" t="str">
            <v>Item 21</v>
          </cell>
          <cell r="E2983" t="str">
            <v>CD4</v>
          </cell>
          <cell r="F2983" t="str">
            <v>Other special costs to employers in case of collective dismissals</v>
          </cell>
          <cell r="G2983">
            <v>2013</v>
          </cell>
          <cell r="H2983">
            <v>2013</v>
          </cell>
          <cell r="I2983" t="str">
            <v>The social plan typically contains internal and external reclassification measures and the amount of additional compensation payable.</v>
          </cell>
          <cell r="J2983">
            <v>1.5</v>
          </cell>
          <cell r="M2983">
            <v>4.5</v>
          </cell>
        </row>
        <row r="2984">
          <cell r="A2984" t="str">
            <v>ISLREG12012</v>
          </cell>
          <cell r="B2984" t="str">
            <v>ISL</v>
          </cell>
          <cell r="C2984" t="str">
            <v>Iceland</v>
          </cell>
          <cell r="D2984" t="str">
            <v>Item 1</v>
          </cell>
          <cell r="E2984" t="str">
            <v>REG1</v>
          </cell>
          <cell r="F2984" t="str">
            <v>Notification procedures</v>
          </cell>
          <cell r="G2984">
            <v>2012</v>
          </cell>
          <cell r="H2984">
            <v>2012</v>
          </cell>
          <cell r="I2984" t="str">
            <v>A worker must be notified of dismissal in writing.</v>
          </cell>
          <cell r="J2984">
            <v>1</v>
          </cell>
          <cell r="M2984">
            <v>2</v>
          </cell>
        </row>
        <row r="2985">
          <cell r="A2985" t="str">
            <v>ISLREG22012</v>
          </cell>
          <cell r="B2985" t="str">
            <v>ISL</v>
          </cell>
          <cell r="C2985" t="str">
            <v>Iceland</v>
          </cell>
          <cell r="D2985" t="str">
            <v>Item 2</v>
          </cell>
          <cell r="E2985" t="str">
            <v>REG2</v>
          </cell>
          <cell r="F2985" t="str">
            <v>Delay before notice can start</v>
          </cell>
          <cell r="G2985">
            <v>2012</v>
          </cell>
          <cell r="H2985">
            <v>2012</v>
          </cell>
          <cell r="I2985" t="str">
            <v xml:space="preserve">After notification in writing, the notice period begins first day of the month following notification.
Calculation: 1 day for notice in writing,15 days on average for first day of following month. </v>
          </cell>
          <cell r="J2985">
            <v>16</v>
          </cell>
          <cell r="M2985">
            <v>2</v>
          </cell>
        </row>
        <row r="2986">
          <cell r="A2986" t="str">
            <v>ISLREG32012</v>
          </cell>
          <cell r="B2986" t="str">
            <v>ISL</v>
          </cell>
          <cell r="C2986" t="str">
            <v>Iceland</v>
          </cell>
          <cell r="D2986" t="str">
            <v>Item 3</v>
          </cell>
          <cell r="E2986" t="str">
            <v>REG3A, REG3B, REG3C</v>
          </cell>
          <cell r="F2986" t="str">
            <v>Notice / tenure</v>
          </cell>
          <cell r="G2986">
            <v>2012</v>
          </cell>
          <cell r="H2986">
            <v>2012</v>
          </cell>
          <cell r="I2986"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2986">
            <v>2</v>
          </cell>
          <cell r="K2986">
            <v>3</v>
          </cell>
          <cell r="L2986">
            <v>3</v>
          </cell>
          <cell r="M2986">
            <v>6</v>
          </cell>
          <cell r="N2986">
            <v>5</v>
          </cell>
          <cell r="O2986">
            <v>2</v>
          </cell>
        </row>
        <row r="2987">
          <cell r="A2987" t="str">
            <v>ISLREG42012</v>
          </cell>
          <cell r="B2987" t="str">
            <v>ISL</v>
          </cell>
          <cell r="C2987" t="str">
            <v>Iceland</v>
          </cell>
          <cell r="D2987" t="str">
            <v>Item 4</v>
          </cell>
          <cell r="E2987" t="str">
            <v>REG4A, REG4B, REG4C</v>
          </cell>
          <cell r="F2987" t="str">
            <v>Severance pay / tenure</v>
          </cell>
          <cell r="G2987">
            <v>2012</v>
          </cell>
          <cell r="H2987">
            <v>2012</v>
          </cell>
          <cell r="I2987" t="str">
            <v>There is no legal right to severance pay</v>
          </cell>
          <cell r="J2987">
            <v>0</v>
          </cell>
          <cell r="K2987">
            <v>0</v>
          </cell>
          <cell r="L2987">
            <v>0</v>
          </cell>
          <cell r="M2987">
            <v>0</v>
          </cell>
          <cell r="N2987">
            <v>0</v>
          </cell>
          <cell r="O2987">
            <v>0</v>
          </cell>
        </row>
        <row r="2988">
          <cell r="A2988" t="str">
            <v>ISLREG52012</v>
          </cell>
          <cell r="B2988" t="str">
            <v>ISL</v>
          </cell>
          <cell r="C2988" t="str">
            <v>Iceland</v>
          </cell>
          <cell r="D2988" t="str">
            <v>Item 5</v>
          </cell>
          <cell r="E2988" t="str">
            <v>REG5</v>
          </cell>
          <cell r="F2988" t="str">
            <v>Definition of justified or unfair dismissal</v>
          </cell>
          <cell r="G2988">
            <v>2012</v>
          </cell>
          <cell r="H2988">
            <v>2012</v>
          </cell>
          <cell r="I2988"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2988">
            <v>0</v>
          </cell>
          <cell r="M2988">
            <v>0</v>
          </cell>
        </row>
        <row r="2989">
          <cell r="A2989" t="str">
            <v>ISLREG62012</v>
          </cell>
          <cell r="B2989" t="str">
            <v>ISL</v>
          </cell>
          <cell r="C2989" t="str">
            <v>Iceland</v>
          </cell>
          <cell r="D2989" t="str">
            <v>Item 6</v>
          </cell>
          <cell r="E2989" t="str">
            <v>REG6</v>
          </cell>
          <cell r="F2989" t="str">
            <v>Trial period</v>
          </cell>
          <cell r="G2989">
            <v>2012</v>
          </cell>
          <cell r="H2989">
            <v>2012</v>
          </cell>
          <cell r="I2989" t="str">
            <v>3 months</v>
          </cell>
          <cell r="J2989">
            <v>3</v>
          </cell>
          <cell r="M2989">
            <v>4</v>
          </cell>
        </row>
        <row r="2990">
          <cell r="A2990" t="str">
            <v>ISLREG72012</v>
          </cell>
          <cell r="B2990" t="str">
            <v>ISL</v>
          </cell>
          <cell r="C2990" t="str">
            <v>Iceland</v>
          </cell>
          <cell r="D2990" t="str">
            <v>Item 7</v>
          </cell>
          <cell r="E2990" t="str">
            <v>REG7</v>
          </cell>
          <cell r="F2990" t="str">
            <v xml:space="preserve">Compensation following unfair dismissal </v>
          </cell>
          <cell r="G2990">
            <v>2012</v>
          </cell>
          <cell r="H2990">
            <v>2012</v>
          </cell>
          <cell r="I2990" t="str">
            <v>Information not readily available.</v>
          </cell>
          <cell r="J2990" t="str">
            <v>..</v>
          </cell>
          <cell r="M2990" t="e">
            <v>#N/A</v>
          </cell>
        </row>
        <row r="2991">
          <cell r="A2991" t="str">
            <v>ISLREG82012</v>
          </cell>
          <cell r="B2991" t="str">
            <v>ISL</v>
          </cell>
          <cell r="C2991" t="str">
            <v>Iceland</v>
          </cell>
          <cell r="D2991" t="str">
            <v>Item 8</v>
          </cell>
          <cell r="E2991" t="str">
            <v>REG8</v>
          </cell>
          <cell r="F2991" t="str">
            <v>Possibility of reinstatement following unfair dismissal</v>
          </cell>
          <cell r="G2991">
            <v>2012</v>
          </cell>
          <cell r="H2991">
            <v>2012</v>
          </cell>
          <cell r="I2991" t="str">
            <v>If the termination is found to be unfair, the court does not typically order reinstatement.</v>
          </cell>
          <cell r="J2991">
            <v>0</v>
          </cell>
          <cell r="M2991">
            <v>0</v>
          </cell>
        </row>
        <row r="2992">
          <cell r="A2992" t="str">
            <v>ISLREG92012</v>
          </cell>
          <cell r="B2992" t="str">
            <v>ISL</v>
          </cell>
          <cell r="C2992" t="str">
            <v>Iceland</v>
          </cell>
          <cell r="D2992" t="str">
            <v>Item 9</v>
          </cell>
          <cell r="E2992" t="str">
            <v>REG9</v>
          </cell>
          <cell r="F2992" t="str">
            <v>Maximum time for claim</v>
          </cell>
          <cell r="G2992">
            <v>2012</v>
          </cell>
          <cell r="H2992">
            <v>2012</v>
          </cell>
          <cell r="I2992" t="str">
            <v>Generally, dispute cases lapse if not claimed without four years.</v>
          </cell>
          <cell r="J2992">
            <v>48</v>
          </cell>
          <cell r="M2992">
            <v>6</v>
          </cell>
        </row>
        <row r="2993">
          <cell r="A2993" t="str">
            <v>ISLFTC12012</v>
          </cell>
          <cell r="B2993" t="str">
            <v>ISL</v>
          </cell>
          <cell r="C2993" t="str">
            <v>Iceland</v>
          </cell>
          <cell r="D2993" t="str">
            <v>Item 10</v>
          </cell>
          <cell r="E2993" t="str">
            <v>FTC1</v>
          </cell>
          <cell r="F2993" t="str">
            <v>Valid cases for use of fixed-term contracts, other than  “objective”  or “material” situation</v>
          </cell>
          <cell r="G2993">
            <v>2012</v>
          </cell>
          <cell r="H2993">
            <v>2012</v>
          </cell>
          <cell r="I2993" t="str">
            <v>No restrictions</v>
          </cell>
          <cell r="J2993">
            <v>3</v>
          </cell>
          <cell r="M2993">
            <v>0</v>
          </cell>
        </row>
        <row r="2994">
          <cell r="A2994" t="str">
            <v>ISLFTC22012</v>
          </cell>
          <cell r="B2994" t="str">
            <v>ISL</v>
          </cell>
          <cell r="C2994" t="str">
            <v>Iceland</v>
          </cell>
          <cell r="D2994" t="str">
            <v>Item 11</v>
          </cell>
          <cell r="E2994" t="str">
            <v>FTC2</v>
          </cell>
          <cell r="F2994" t="str">
            <v>Maximum number of successive fixed-term contracts</v>
          </cell>
          <cell r="G2994">
            <v>2012</v>
          </cell>
          <cell r="H2994">
            <v>2012</v>
          </cell>
          <cell r="I2994" t="str">
            <v>No limit.</v>
          </cell>
          <cell r="J2994">
            <v>100</v>
          </cell>
          <cell r="M2994">
            <v>0</v>
          </cell>
        </row>
        <row r="2995">
          <cell r="A2995" t="str">
            <v>ISLFTC32012</v>
          </cell>
          <cell r="B2995" t="str">
            <v>ISL</v>
          </cell>
          <cell r="C2995" t="str">
            <v>Iceland</v>
          </cell>
          <cell r="D2995" t="str">
            <v>Item 12</v>
          </cell>
          <cell r="E2995" t="str">
            <v>FTC3</v>
          </cell>
          <cell r="F2995" t="str">
            <v>Maximum cumulated duration of successive fixed-term contracts</v>
          </cell>
          <cell r="G2995">
            <v>2012</v>
          </cell>
          <cell r="H2995">
            <v>2012</v>
          </cell>
          <cell r="I2995" t="str">
            <v>Maximum length of fixed term contracts is 24 months including renewals. Fixed-term contracts for managerial personnel are not time-limited.</v>
          </cell>
          <cell r="J2995">
            <v>24</v>
          </cell>
          <cell r="M2995">
            <v>3</v>
          </cell>
        </row>
        <row r="2996">
          <cell r="A2996" t="str">
            <v>ISLTWA12012</v>
          </cell>
          <cell r="B2996" t="str">
            <v>ISL</v>
          </cell>
          <cell r="C2996" t="str">
            <v>Iceland</v>
          </cell>
          <cell r="D2996" t="str">
            <v>Item 13</v>
          </cell>
          <cell r="E2996" t="str">
            <v>TWA1</v>
          </cell>
          <cell r="F2996" t="str">
            <v>Types of work for which TWA employment is legal</v>
          </cell>
          <cell r="G2996">
            <v>2012</v>
          </cell>
          <cell r="H2996">
            <v>2012</v>
          </cell>
          <cell r="I2996" t="str">
            <v>Generally allowed. However, TWA’s are not permitted to hire out a worker to a user firm if the worker has worked directly for the user firm in the previous six months.</v>
          </cell>
          <cell r="J2996">
            <v>4</v>
          </cell>
          <cell r="M2996">
            <v>0</v>
          </cell>
        </row>
        <row r="2997">
          <cell r="A2997" t="str">
            <v>ISLTWA22012</v>
          </cell>
          <cell r="B2997" t="str">
            <v>ISL</v>
          </cell>
          <cell r="C2997" t="str">
            <v>Iceland</v>
          </cell>
          <cell r="D2997" t="str">
            <v>Item 14</v>
          </cell>
          <cell r="E2997" t="str">
            <v>TWA2A, TWA2B</v>
          </cell>
          <cell r="F2997" t="str">
            <v>Are there any restrictions on the number of renewals of a TWA contract?</v>
          </cell>
          <cell r="G2997">
            <v>2012</v>
          </cell>
          <cell r="H2997">
            <v>2012</v>
          </cell>
          <cell r="I2997" t="str">
            <v>No</v>
          </cell>
          <cell r="J2997" t="str">
            <v>No</v>
          </cell>
          <cell r="K2997" t="str">
            <v>No</v>
          </cell>
          <cell r="M2997">
            <v>2</v>
          </cell>
          <cell r="N2997">
            <v>2</v>
          </cell>
        </row>
        <row r="2998">
          <cell r="A2998" t="str">
            <v>ISLTWA32012</v>
          </cell>
          <cell r="B2998" t="str">
            <v>ISL</v>
          </cell>
          <cell r="C2998" t="str">
            <v>Iceland</v>
          </cell>
          <cell r="D2998" t="str">
            <v>Item 15</v>
          </cell>
          <cell r="E2998" t="str">
            <v>TWA3A, TWA3B</v>
          </cell>
          <cell r="F2998" t="str">
            <v>Maximum cumulated duration of temporary work contracts</v>
          </cell>
          <cell r="G2998">
            <v>2012</v>
          </cell>
          <cell r="H2998">
            <v>2012</v>
          </cell>
          <cell r="I2998" t="str">
            <v>No limit</v>
          </cell>
          <cell r="J2998">
            <v>100</v>
          </cell>
          <cell r="K2998">
            <v>100</v>
          </cell>
          <cell r="M2998">
            <v>0</v>
          </cell>
          <cell r="N2998">
            <v>0</v>
          </cell>
        </row>
        <row r="2999">
          <cell r="A2999" t="str">
            <v>ISLTWA42012</v>
          </cell>
          <cell r="B2999" t="str">
            <v>ISL</v>
          </cell>
          <cell r="C2999" t="str">
            <v>Iceland</v>
          </cell>
          <cell r="D2999" t="str">
            <v>Item 16</v>
          </cell>
          <cell r="E2999" t="str">
            <v>TWA4</v>
          </cell>
          <cell r="F2999" t="str">
            <v>Authorisation or reporting requirements</v>
          </cell>
          <cell r="G2999">
            <v>2012</v>
          </cell>
          <cell r="H2999">
            <v>2012</v>
          </cell>
          <cell r="I2999" t="str">
            <v>Temporary work agencies must notify and report regularly to the Directorate of Labour.</v>
          </cell>
          <cell r="J2999">
            <v>3</v>
          </cell>
          <cell r="M2999">
            <v>6</v>
          </cell>
        </row>
        <row r="3000">
          <cell r="A3000" t="str">
            <v>ISLTWA52012</v>
          </cell>
          <cell r="B3000" t="str">
            <v>ISL</v>
          </cell>
          <cell r="C3000" t="str">
            <v>Iceland</v>
          </cell>
          <cell r="D3000" t="str">
            <v>Item 17</v>
          </cell>
          <cell r="E3000" t="str">
            <v>TWA5</v>
          </cell>
          <cell r="F3000" t="str">
            <v>Equal treatment for TWA workers</v>
          </cell>
          <cell r="G3000">
            <v>2012</v>
          </cell>
          <cell r="H3000">
            <v>2012</v>
          </cell>
          <cell r="I3000" t="str">
            <v>TWA workers enjoy basic pay and working conditions as agreed in collective agreements.
Calculation: half point for wages and half point for working conditions</v>
          </cell>
          <cell r="J3000">
            <v>1</v>
          </cell>
          <cell r="M3000">
            <v>3</v>
          </cell>
        </row>
        <row r="3001">
          <cell r="A3001" t="str">
            <v>ISLCD12012</v>
          </cell>
          <cell r="B3001" t="str">
            <v>ISL</v>
          </cell>
          <cell r="C3001" t="str">
            <v>Iceland</v>
          </cell>
          <cell r="D3001" t="str">
            <v>Item 18</v>
          </cell>
          <cell r="E3001" t="str">
            <v>CD1</v>
          </cell>
          <cell r="F3001" t="str">
            <v>Definition of collective dismissal</v>
          </cell>
          <cell r="G3001">
            <v>2012</v>
          </cell>
          <cell r="H3001">
            <v>2012</v>
          </cell>
          <cell r="I3001"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01">
            <v>3</v>
          </cell>
          <cell r="M3001">
            <v>4.5</v>
          </cell>
        </row>
        <row r="3002">
          <cell r="A3002" t="str">
            <v>ISLCD22012</v>
          </cell>
          <cell r="B3002" t="str">
            <v>ISL</v>
          </cell>
          <cell r="C3002" t="str">
            <v>Iceland</v>
          </cell>
          <cell r="D3002" t="str">
            <v>Item 19</v>
          </cell>
          <cell r="E3002" t="str">
            <v>CD2</v>
          </cell>
          <cell r="F3002" t="str">
            <v>Additional notification requirements in case of collective dismissals</v>
          </cell>
          <cell r="G3002">
            <v>2012</v>
          </cell>
          <cell r="H3002">
            <v>2012</v>
          </cell>
          <cell r="I3002"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02">
            <v>2</v>
          </cell>
          <cell r="M3002">
            <v>6</v>
          </cell>
        </row>
        <row r="3003">
          <cell r="A3003" t="str">
            <v>ISLCD32012</v>
          </cell>
          <cell r="B3003" t="str">
            <v>ISL</v>
          </cell>
          <cell r="C3003" t="str">
            <v>Iceland</v>
          </cell>
          <cell r="D3003" t="str">
            <v>Item 20</v>
          </cell>
          <cell r="E3003" t="str">
            <v>CD3</v>
          </cell>
          <cell r="F3003" t="str">
            <v>Additional delays involved in case of collective dismissals</v>
          </cell>
          <cell r="G3003">
            <v>2012</v>
          </cell>
          <cell r="H3003">
            <v>2012</v>
          </cell>
          <cell r="I3003" t="str">
            <v>The time taken for consultation between the employer and the workers' representatives varies widely.</v>
          </cell>
          <cell r="J3003" t="str">
            <v>..</v>
          </cell>
          <cell r="M3003" t="e">
            <v>#N/A</v>
          </cell>
        </row>
        <row r="3004">
          <cell r="A3004" t="str">
            <v>ISLCD42012</v>
          </cell>
          <cell r="B3004" t="str">
            <v>ISL</v>
          </cell>
          <cell r="C3004" t="str">
            <v>Iceland</v>
          </cell>
          <cell r="D3004" t="str">
            <v>Item 21</v>
          </cell>
          <cell r="E3004" t="str">
            <v>CD4</v>
          </cell>
          <cell r="F3004" t="str">
            <v>Other special costs to employers in case of collective dismissals</v>
          </cell>
          <cell r="G3004">
            <v>2012</v>
          </cell>
          <cell r="H3004">
            <v>2012</v>
          </cell>
          <cell r="I3004" t="str">
            <v>No additional costs.</v>
          </cell>
          <cell r="J3004">
            <v>0</v>
          </cell>
          <cell r="M3004">
            <v>0</v>
          </cell>
        </row>
        <row r="3005">
          <cell r="A3005" t="str">
            <v>ISLREG12013</v>
          </cell>
          <cell r="B3005" t="str">
            <v>ISL</v>
          </cell>
          <cell r="C3005" t="str">
            <v>Iceland</v>
          </cell>
          <cell r="D3005" t="str">
            <v>Item 1</v>
          </cell>
          <cell r="E3005" t="str">
            <v>REG1</v>
          </cell>
          <cell r="F3005" t="str">
            <v>Notification procedures</v>
          </cell>
          <cell r="G3005">
            <v>2013</v>
          </cell>
          <cell r="H3005">
            <v>2013</v>
          </cell>
          <cell r="I3005" t="str">
            <v>A worker must be notified of dismissal in writing.</v>
          </cell>
          <cell r="J3005">
            <v>1</v>
          </cell>
          <cell r="M3005">
            <v>2</v>
          </cell>
        </row>
        <row r="3006">
          <cell r="A3006" t="str">
            <v>ISLREG22013</v>
          </cell>
          <cell r="B3006" t="str">
            <v>ISL</v>
          </cell>
          <cell r="C3006" t="str">
            <v>Iceland</v>
          </cell>
          <cell r="D3006" t="str">
            <v>Item 2</v>
          </cell>
          <cell r="E3006" t="str">
            <v>REG2</v>
          </cell>
          <cell r="F3006" t="str">
            <v>Delay before notice can start</v>
          </cell>
          <cell r="G3006">
            <v>2013</v>
          </cell>
          <cell r="H3006">
            <v>2013</v>
          </cell>
          <cell r="I3006" t="str">
            <v xml:space="preserve">After notification in writing, the notice period begins first day of the month following notification.
Calculation: 1 day for notice in writing,15 days on average for first day of following month. </v>
          </cell>
          <cell r="J3006">
            <v>16</v>
          </cell>
          <cell r="M3006">
            <v>2</v>
          </cell>
        </row>
        <row r="3007">
          <cell r="A3007" t="str">
            <v>ISLREG32013</v>
          </cell>
          <cell r="B3007" t="str">
            <v>ISL</v>
          </cell>
          <cell r="C3007" t="str">
            <v>Iceland</v>
          </cell>
          <cell r="D3007" t="str">
            <v>Item 3</v>
          </cell>
          <cell r="E3007" t="str">
            <v>REG3A, REG3B, REG3C</v>
          </cell>
          <cell r="F3007" t="str">
            <v>Notice / tenure</v>
          </cell>
          <cell r="G3007">
            <v>2013</v>
          </cell>
          <cell r="H3007">
            <v>2013</v>
          </cell>
          <cell r="I3007"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3007">
            <v>2</v>
          </cell>
          <cell r="K3007">
            <v>3</v>
          </cell>
          <cell r="L3007">
            <v>3</v>
          </cell>
          <cell r="M3007">
            <v>6</v>
          </cell>
          <cell r="N3007">
            <v>5</v>
          </cell>
          <cell r="O3007">
            <v>2</v>
          </cell>
        </row>
        <row r="3008">
          <cell r="A3008" t="str">
            <v>ISLREG42013</v>
          </cell>
          <cell r="B3008" t="str">
            <v>ISL</v>
          </cell>
          <cell r="C3008" t="str">
            <v>Iceland</v>
          </cell>
          <cell r="D3008" t="str">
            <v>Item 4</v>
          </cell>
          <cell r="E3008" t="str">
            <v>REG4A, REG4B, REG4C</v>
          </cell>
          <cell r="F3008" t="str">
            <v>Severance pay / tenure</v>
          </cell>
          <cell r="G3008">
            <v>2013</v>
          </cell>
          <cell r="H3008">
            <v>2013</v>
          </cell>
          <cell r="I3008" t="str">
            <v>There is no legal right to severance pay</v>
          </cell>
          <cell r="J3008">
            <v>0</v>
          </cell>
          <cell r="K3008">
            <v>0</v>
          </cell>
          <cell r="L3008">
            <v>0</v>
          </cell>
          <cell r="M3008">
            <v>0</v>
          </cell>
          <cell r="N3008">
            <v>0</v>
          </cell>
          <cell r="O3008">
            <v>0</v>
          </cell>
        </row>
        <row r="3009">
          <cell r="A3009" t="str">
            <v>ISLREG52013</v>
          </cell>
          <cell r="B3009" t="str">
            <v>ISL</v>
          </cell>
          <cell r="C3009" t="str">
            <v>Iceland</v>
          </cell>
          <cell r="D3009" t="str">
            <v>Item 5</v>
          </cell>
          <cell r="E3009" t="str">
            <v>REG5</v>
          </cell>
          <cell r="F3009" t="str">
            <v>Definition of justified or unfair dismissal</v>
          </cell>
          <cell r="G3009">
            <v>2013</v>
          </cell>
          <cell r="H3009">
            <v>2013</v>
          </cell>
          <cell r="I3009"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3009">
            <v>0</v>
          </cell>
          <cell r="M3009">
            <v>0</v>
          </cell>
        </row>
        <row r="3010">
          <cell r="A3010" t="str">
            <v>ISLREG62013</v>
          </cell>
          <cell r="B3010" t="str">
            <v>ISL</v>
          </cell>
          <cell r="C3010" t="str">
            <v>Iceland</v>
          </cell>
          <cell r="D3010" t="str">
            <v>Item 6</v>
          </cell>
          <cell r="E3010" t="str">
            <v>REG6</v>
          </cell>
          <cell r="F3010" t="str">
            <v>Trial period</v>
          </cell>
          <cell r="G3010">
            <v>2013</v>
          </cell>
          <cell r="H3010">
            <v>2013</v>
          </cell>
          <cell r="I3010" t="str">
            <v>3 months</v>
          </cell>
          <cell r="J3010">
            <v>3</v>
          </cell>
          <cell r="M3010">
            <v>4</v>
          </cell>
        </row>
        <row r="3011">
          <cell r="A3011" t="str">
            <v>ISLREG72013</v>
          </cell>
          <cell r="B3011" t="str">
            <v>ISL</v>
          </cell>
          <cell r="C3011" t="str">
            <v>Iceland</v>
          </cell>
          <cell r="D3011" t="str">
            <v>Item 7</v>
          </cell>
          <cell r="E3011" t="str">
            <v>REG7</v>
          </cell>
          <cell r="F3011" t="str">
            <v xml:space="preserve">Compensation following unfair dismissal </v>
          </cell>
          <cell r="G3011">
            <v>2013</v>
          </cell>
          <cell r="H3011">
            <v>2013</v>
          </cell>
          <cell r="I3011" t="str">
            <v>Information not readily available.</v>
          </cell>
          <cell r="J3011" t="str">
            <v>..</v>
          </cell>
          <cell r="M3011" t="e">
            <v>#N/A</v>
          </cell>
        </row>
        <row r="3012">
          <cell r="A3012" t="str">
            <v>ISLREG82013</v>
          </cell>
          <cell r="B3012" t="str">
            <v>ISL</v>
          </cell>
          <cell r="C3012" t="str">
            <v>Iceland</v>
          </cell>
          <cell r="D3012" t="str">
            <v>Item 8</v>
          </cell>
          <cell r="E3012" t="str">
            <v>REG8</v>
          </cell>
          <cell r="F3012" t="str">
            <v>Possibility of reinstatement following unfair dismissal</v>
          </cell>
          <cell r="G3012">
            <v>2013</v>
          </cell>
          <cell r="H3012">
            <v>2013</v>
          </cell>
          <cell r="I3012" t="str">
            <v>If the termination is found to be unfair, the court does not typically order reinstatement.</v>
          </cell>
          <cell r="J3012">
            <v>0</v>
          </cell>
          <cell r="M3012">
            <v>0</v>
          </cell>
        </row>
        <row r="3013">
          <cell r="A3013" t="str">
            <v>ISLREG92013</v>
          </cell>
          <cell r="B3013" t="str">
            <v>ISL</v>
          </cell>
          <cell r="C3013" t="str">
            <v>Iceland</v>
          </cell>
          <cell r="D3013" t="str">
            <v>Item 9</v>
          </cell>
          <cell r="E3013" t="str">
            <v>REG9</v>
          </cell>
          <cell r="F3013" t="str">
            <v>Maximum time for claim</v>
          </cell>
          <cell r="G3013">
            <v>2013</v>
          </cell>
          <cell r="H3013">
            <v>2013</v>
          </cell>
          <cell r="I3013" t="str">
            <v>Generally, dispute cases lapse if not claimed without four years.</v>
          </cell>
          <cell r="J3013">
            <v>48</v>
          </cell>
          <cell r="M3013">
            <v>6</v>
          </cell>
        </row>
        <row r="3014">
          <cell r="A3014" t="str">
            <v>ISLFTC12013</v>
          </cell>
          <cell r="B3014" t="str">
            <v>ISL</v>
          </cell>
          <cell r="C3014" t="str">
            <v>Iceland</v>
          </cell>
          <cell r="D3014" t="str">
            <v>Item 10</v>
          </cell>
          <cell r="E3014" t="str">
            <v>FTC1</v>
          </cell>
          <cell r="F3014" t="str">
            <v>Valid cases for use of fixed-term contracts, other than  “objective”  or “material” situation</v>
          </cell>
          <cell r="G3014">
            <v>2013</v>
          </cell>
          <cell r="H3014">
            <v>2013</v>
          </cell>
          <cell r="I3014" t="str">
            <v>No restrictions</v>
          </cell>
          <cell r="J3014">
            <v>3</v>
          </cell>
          <cell r="M3014">
            <v>0</v>
          </cell>
        </row>
        <row r="3015">
          <cell r="A3015" t="str">
            <v>ISLFTC22013</v>
          </cell>
          <cell r="B3015" t="str">
            <v>ISL</v>
          </cell>
          <cell r="C3015" t="str">
            <v>Iceland</v>
          </cell>
          <cell r="D3015" t="str">
            <v>Item 11</v>
          </cell>
          <cell r="E3015" t="str">
            <v>FTC2</v>
          </cell>
          <cell r="F3015" t="str">
            <v>Maximum number of successive fixed-term contracts</v>
          </cell>
          <cell r="G3015">
            <v>2013</v>
          </cell>
          <cell r="H3015">
            <v>2013</v>
          </cell>
          <cell r="I3015" t="str">
            <v>No limit.</v>
          </cell>
          <cell r="J3015">
            <v>100</v>
          </cell>
          <cell r="M3015">
            <v>0</v>
          </cell>
        </row>
        <row r="3016">
          <cell r="A3016" t="str">
            <v>ISLFTC32013</v>
          </cell>
          <cell r="B3016" t="str">
            <v>ISL</v>
          </cell>
          <cell r="C3016" t="str">
            <v>Iceland</v>
          </cell>
          <cell r="D3016" t="str">
            <v>Item 12</v>
          </cell>
          <cell r="E3016" t="str">
            <v>FTC3</v>
          </cell>
          <cell r="F3016" t="str">
            <v>Maximum cumulated duration of successive fixed-term contracts</v>
          </cell>
          <cell r="G3016">
            <v>2013</v>
          </cell>
          <cell r="H3016">
            <v>2013</v>
          </cell>
          <cell r="I3016" t="str">
            <v>Maximum length of fixed term contracts is 24 months including renewals. Fixed-term contracts for managerial personnel are not time-limited.</v>
          </cell>
          <cell r="J3016">
            <v>24</v>
          </cell>
          <cell r="M3016">
            <v>3</v>
          </cell>
        </row>
        <row r="3017">
          <cell r="A3017" t="str">
            <v>ISLTWA12013</v>
          </cell>
          <cell r="B3017" t="str">
            <v>ISL</v>
          </cell>
          <cell r="C3017" t="str">
            <v>Iceland</v>
          </cell>
          <cell r="D3017" t="str">
            <v>Item 13</v>
          </cell>
          <cell r="E3017" t="str">
            <v>TWA1</v>
          </cell>
          <cell r="F3017" t="str">
            <v>Types of work for which TWA employment is legal</v>
          </cell>
          <cell r="G3017">
            <v>2013</v>
          </cell>
          <cell r="H3017">
            <v>2013</v>
          </cell>
          <cell r="I3017" t="str">
            <v>Generally allowed. However, TWA’s are not permitted to hire out a worker to a user firm if the worker has worked directly for the user firm in the previous six months.</v>
          </cell>
          <cell r="J3017">
            <v>4</v>
          </cell>
          <cell r="M3017">
            <v>0</v>
          </cell>
        </row>
        <row r="3018">
          <cell r="A3018" t="str">
            <v>ISLTWA22013</v>
          </cell>
          <cell r="B3018" t="str">
            <v>ISL</v>
          </cell>
          <cell r="C3018" t="str">
            <v>Iceland</v>
          </cell>
          <cell r="D3018" t="str">
            <v>Item 14</v>
          </cell>
          <cell r="E3018" t="str">
            <v>TWA2A, TWA2B</v>
          </cell>
          <cell r="F3018" t="str">
            <v>Are there any restrictions on the number of renewals of a TWA contract?</v>
          </cell>
          <cell r="G3018">
            <v>2013</v>
          </cell>
          <cell r="H3018">
            <v>2013</v>
          </cell>
          <cell r="I3018" t="str">
            <v>No</v>
          </cell>
          <cell r="J3018" t="str">
            <v>No</v>
          </cell>
          <cell r="K3018" t="str">
            <v>No</v>
          </cell>
          <cell r="M3018">
            <v>2</v>
          </cell>
          <cell r="N3018">
            <v>2</v>
          </cell>
        </row>
        <row r="3019">
          <cell r="A3019" t="str">
            <v>ISLTWA32013</v>
          </cell>
          <cell r="B3019" t="str">
            <v>ISL</v>
          </cell>
          <cell r="C3019" t="str">
            <v>Iceland</v>
          </cell>
          <cell r="D3019" t="str">
            <v>Item 15</v>
          </cell>
          <cell r="E3019" t="str">
            <v>TWA3A, TWA3B</v>
          </cell>
          <cell r="F3019" t="str">
            <v>Maximum cumulated duration of temporary work contracts</v>
          </cell>
          <cell r="G3019">
            <v>2013</v>
          </cell>
          <cell r="H3019">
            <v>2013</v>
          </cell>
          <cell r="I3019" t="str">
            <v>No limit</v>
          </cell>
          <cell r="J3019">
            <v>100</v>
          </cell>
          <cell r="K3019">
            <v>100</v>
          </cell>
          <cell r="M3019">
            <v>0</v>
          </cell>
          <cell r="N3019">
            <v>0</v>
          </cell>
        </row>
        <row r="3020">
          <cell r="A3020" t="str">
            <v>ISLTWA42013</v>
          </cell>
          <cell r="B3020" t="str">
            <v>ISL</v>
          </cell>
          <cell r="C3020" t="str">
            <v>Iceland</v>
          </cell>
          <cell r="D3020" t="str">
            <v>Item 16</v>
          </cell>
          <cell r="E3020" t="str">
            <v>TWA4</v>
          </cell>
          <cell r="F3020" t="str">
            <v>Authorisation or reporting requirements</v>
          </cell>
          <cell r="G3020">
            <v>2013</v>
          </cell>
          <cell r="H3020">
            <v>2013</v>
          </cell>
          <cell r="I3020" t="str">
            <v>Temporary work agencies must notify and report regularly to the Directorate of Labour.</v>
          </cell>
          <cell r="J3020">
            <v>3</v>
          </cell>
          <cell r="M3020">
            <v>6</v>
          </cell>
        </row>
        <row r="3021">
          <cell r="A3021" t="str">
            <v>ISLTWA52013</v>
          </cell>
          <cell r="B3021" t="str">
            <v>ISL</v>
          </cell>
          <cell r="C3021" t="str">
            <v>Iceland</v>
          </cell>
          <cell r="D3021" t="str">
            <v>Item 17</v>
          </cell>
          <cell r="E3021" t="str">
            <v>TWA5</v>
          </cell>
          <cell r="F3021" t="str">
            <v>Equal treatment for TWA workers</v>
          </cell>
          <cell r="G3021">
            <v>2013</v>
          </cell>
          <cell r="H3021">
            <v>2013</v>
          </cell>
          <cell r="I3021" t="str">
            <v>TWA workers enjoy basic pay and working conditions as agreed in collective agreements.
Calculation: half point for wages and half point for working conditions</v>
          </cell>
          <cell r="J3021">
            <v>1</v>
          </cell>
          <cell r="M3021">
            <v>3</v>
          </cell>
        </row>
        <row r="3022">
          <cell r="A3022" t="str">
            <v>ISLCD12013</v>
          </cell>
          <cell r="B3022" t="str">
            <v>ISL</v>
          </cell>
          <cell r="C3022" t="str">
            <v>Iceland</v>
          </cell>
          <cell r="D3022" t="str">
            <v>Item 18</v>
          </cell>
          <cell r="E3022" t="str">
            <v>CD1</v>
          </cell>
          <cell r="F3022" t="str">
            <v>Definition of collective dismissal</v>
          </cell>
          <cell r="G3022">
            <v>2013</v>
          </cell>
          <cell r="H3022">
            <v>2013</v>
          </cell>
          <cell r="I3022"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22">
            <v>3</v>
          </cell>
          <cell r="M3022">
            <v>4.5</v>
          </cell>
        </row>
        <row r="3023">
          <cell r="A3023" t="str">
            <v>ISLCD22013</v>
          </cell>
          <cell r="B3023" t="str">
            <v>ISL</v>
          </cell>
          <cell r="C3023" t="str">
            <v>Iceland</v>
          </cell>
          <cell r="D3023" t="str">
            <v>Item 19</v>
          </cell>
          <cell r="E3023" t="str">
            <v>CD2</v>
          </cell>
          <cell r="F3023" t="str">
            <v>Additional notification requirements in case of collective dismissals</v>
          </cell>
          <cell r="G3023">
            <v>2013</v>
          </cell>
          <cell r="H3023">
            <v>2013</v>
          </cell>
          <cell r="I3023"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23">
            <v>2</v>
          </cell>
          <cell r="M3023">
            <v>6</v>
          </cell>
        </row>
        <row r="3024">
          <cell r="A3024" t="str">
            <v>ISLCD32013</v>
          </cell>
          <cell r="B3024" t="str">
            <v>ISL</v>
          </cell>
          <cell r="C3024" t="str">
            <v>Iceland</v>
          </cell>
          <cell r="D3024" t="str">
            <v>Item 20</v>
          </cell>
          <cell r="E3024" t="str">
            <v>CD3</v>
          </cell>
          <cell r="F3024" t="str">
            <v>Additional delays involved in case of collective dismissals</v>
          </cell>
          <cell r="G3024">
            <v>2013</v>
          </cell>
          <cell r="H3024">
            <v>2013</v>
          </cell>
          <cell r="I3024" t="str">
            <v>The time taken for consultation between the employer and the workers' representatives varies widely.</v>
          </cell>
          <cell r="J3024" t="str">
            <v>..</v>
          </cell>
          <cell r="M3024" t="e">
            <v>#N/A</v>
          </cell>
        </row>
        <row r="3025">
          <cell r="A3025" t="str">
            <v>ISLCD42013</v>
          </cell>
          <cell r="B3025" t="str">
            <v>ISL</v>
          </cell>
          <cell r="C3025" t="str">
            <v>Iceland</v>
          </cell>
          <cell r="D3025" t="str">
            <v>Item 21</v>
          </cell>
          <cell r="E3025" t="str">
            <v>CD4</v>
          </cell>
          <cell r="F3025" t="str">
            <v>Other special costs to employers in case of collective dismissals</v>
          </cell>
          <cell r="G3025">
            <v>2013</v>
          </cell>
          <cell r="H3025">
            <v>2013</v>
          </cell>
          <cell r="I3025" t="str">
            <v>No additional costs.</v>
          </cell>
          <cell r="J3025">
            <v>0</v>
          </cell>
          <cell r="M3025">
            <v>0</v>
          </cell>
        </row>
        <row r="3026">
          <cell r="A3026" t="str">
            <v>LVAREG12012</v>
          </cell>
          <cell r="B3026" t="str">
            <v>LVA</v>
          </cell>
          <cell r="C3026" t="str">
            <v>Latvia</v>
          </cell>
          <cell r="D3026" t="str">
            <v>Item 1</v>
          </cell>
          <cell r="E3026" t="str">
            <v>REG1</v>
          </cell>
          <cell r="F3026" t="str">
            <v>Notification procedures</v>
          </cell>
          <cell r="G3026">
            <v>2012</v>
          </cell>
          <cell r="H3026">
            <v>2012</v>
          </cell>
          <cell r="I3026"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26">
            <v>2.5</v>
          </cell>
          <cell r="M3026">
            <v>5</v>
          </cell>
        </row>
        <row r="3027">
          <cell r="A3027" t="str">
            <v>LVAREG22012</v>
          </cell>
          <cell r="B3027" t="str">
            <v>LVA</v>
          </cell>
          <cell r="C3027" t="str">
            <v>Latvia</v>
          </cell>
          <cell r="D3027" t="str">
            <v>Item 2</v>
          </cell>
          <cell r="E3027" t="str">
            <v>REG2</v>
          </cell>
          <cell r="F3027" t="str">
            <v>Delay before notice can start</v>
          </cell>
          <cell r="G3027">
            <v>2012</v>
          </cell>
          <cell r="H3027">
            <v>2012</v>
          </cell>
          <cell r="I3027"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27">
            <v>12</v>
          </cell>
          <cell r="M3027">
            <v>2</v>
          </cell>
        </row>
        <row r="3028">
          <cell r="A3028" t="str">
            <v>LVAREG32012</v>
          </cell>
          <cell r="B3028" t="str">
            <v>LVA</v>
          </cell>
          <cell r="C3028" t="str">
            <v>Latvia</v>
          </cell>
          <cell r="D3028" t="str">
            <v>Item 3</v>
          </cell>
          <cell r="E3028" t="str">
            <v>REG3A, REG3B, REG3C</v>
          </cell>
          <cell r="F3028" t="str">
            <v>Notice / tenure</v>
          </cell>
          <cell r="G3028">
            <v>2012</v>
          </cell>
          <cell r="H3028">
            <v>2012</v>
          </cell>
          <cell r="I3028" t="str">
            <v>According to Section 103 Of Labour Law: 1 month except in cases of employee’s misconduct</v>
          </cell>
          <cell r="J3028">
            <v>1</v>
          </cell>
          <cell r="K3028">
            <v>1</v>
          </cell>
          <cell r="L3028">
            <v>1</v>
          </cell>
          <cell r="M3028">
            <v>3</v>
          </cell>
          <cell r="N3028">
            <v>2</v>
          </cell>
          <cell r="O3028">
            <v>1</v>
          </cell>
        </row>
        <row r="3029">
          <cell r="A3029" t="str">
            <v>LVAREG42012</v>
          </cell>
          <cell r="B3029" t="str">
            <v>LVA</v>
          </cell>
          <cell r="C3029" t="str">
            <v>Latvia</v>
          </cell>
          <cell r="D3029" t="str">
            <v>Item 4</v>
          </cell>
          <cell r="E3029" t="str">
            <v>REG4A, REG4B, REG4C</v>
          </cell>
          <cell r="F3029" t="str">
            <v>Severance pay / tenure</v>
          </cell>
          <cell r="G3029">
            <v>2012</v>
          </cell>
          <cell r="H3029">
            <v>2012</v>
          </cell>
          <cell r="I3029"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29">
            <v>1</v>
          </cell>
          <cell r="K3029">
            <v>1</v>
          </cell>
          <cell r="L3029">
            <v>3</v>
          </cell>
          <cell r="M3029">
            <v>2</v>
          </cell>
          <cell r="N3029">
            <v>2</v>
          </cell>
          <cell r="O3029">
            <v>1</v>
          </cell>
        </row>
        <row r="3030">
          <cell r="A3030" t="str">
            <v>LVAREG52012</v>
          </cell>
          <cell r="B3030" t="str">
            <v>LVA</v>
          </cell>
          <cell r="C3030" t="str">
            <v>Latvia</v>
          </cell>
          <cell r="D3030" t="str">
            <v>Item 5</v>
          </cell>
          <cell r="E3030" t="str">
            <v>REG5</v>
          </cell>
          <cell r="F3030" t="str">
            <v>Definition of justified or unfair dismissal</v>
          </cell>
          <cell r="G3030">
            <v>2012</v>
          </cell>
          <cell r="H3030">
            <v>2012</v>
          </cell>
          <cell r="I3030"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30">
            <v>0</v>
          </cell>
          <cell r="M3030">
            <v>0</v>
          </cell>
        </row>
        <row r="3031">
          <cell r="A3031" t="str">
            <v>LVAREG62012</v>
          </cell>
          <cell r="B3031" t="str">
            <v>LVA</v>
          </cell>
          <cell r="C3031" t="str">
            <v>Latvia</v>
          </cell>
          <cell r="D3031" t="str">
            <v>Item 6</v>
          </cell>
          <cell r="E3031" t="str">
            <v>REG6</v>
          </cell>
          <cell r="F3031" t="str">
            <v>Trial period</v>
          </cell>
          <cell r="G3031">
            <v>2012</v>
          </cell>
          <cell r="H3031">
            <v>2012</v>
          </cell>
          <cell r="I3031"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31">
            <v>3</v>
          </cell>
          <cell r="M3031">
            <v>4</v>
          </cell>
        </row>
        <row r="3032">
          <cell r="A3032" t="str">
            <v>LVAREG72012</v>
          </cell>
          <cell r="B3032" t="str">
            <v>LVA</v>
          </cell>
          <cell r="C3032" t="str">
            <v>Latvia</v>
          </cell>
          <cell r="D3032" t="str">
            <v>Item 7</v>
          </cell>
          <cell r="E3032" t="str">
            <v>REG7</v>
          </cell>
          <cell r="F3032" t="str">
            <v xml:space="preserve">Compensation following unfair dismissal </v>
          </cell>
          <cell r="G3032">
            <v>2012</v>
          </cell>
          <cell r="H3032">
            <v>2012</v>
          </cell>
          <cell r="I3032"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32">
            <v>6</v>
          </cell>
          <cell r="M3032">
            <v>1</v>
          </cell>
        </row>
        <row r="3033">
          <cell r="A3033" t="str">
            <v>LVAREG82012</v>
          </cell>
          <cell r="B3033" t="str">
            <v>LVA</v>
          </cell>
          <cell r="C3033" t="str">
            <v>Latvia</v>
          </cell>
          <cell r="D3033" t="str">
            <v>Item 8</v>
          </cell>
          <cell r="E3033" t="str">
            <v>REG8</v>
          </cell>
          <cell r="F3033" t="str">
            <v>Possibility of reinstatement following unfair dismissal</v>
          </cell>
          <cell r="G3033">
            <v>2012</v>
          </cell>
          <cell r="H3033">
            <v>2012</v>
          </cell>
          <cell r="I3033"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33">
            <v>3</v>
          </cell>
          <cell r="M3033">
            <v>6</v>
          </cell>
        </row>
        <row r="3034">
          <cell r="A3034" t="str">
            <v>LVAREG92012</v>
          </cell>
          <cell r="B3034" t="str">
            <v>LVA</v>
          </cell>
          <cell r="C3034" t="str">
            <v>Latvia</v>
          </cell>
          <cell r="D3034" t="str">
            <v>Item 9</v>
          </cell>
          <cell r="E3034" t="str">
            <v>REG9</v>
          </cell>
          <cell r="F3034" t="str">
            <v>Maximum time for claim</v>
          </cell>
          <cell r="G3034">
            <v>2012</v>
          </cell>
          <cell r="H3034">
            <v>2012</v>
          </cell>
          <cell r="I3034"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34">
            <v>1</v>
          </cell>
          <cell r="M3034">
            <v>1</v>
          </cell>
        </row>
        <row r="3035">
          <cell r="A3035" t="str">
            <v>LVAFTC12012</v>
          </cell>
          <cell r="B3035" t="str">
            <v>LVA</v>
          </cell>
          <cell r="C3035" t="str">
            <v>Latvia</v>
          </cell>
          <cell r="D3035" t="str">
            <v>Item 10</v>
          </cell>
          <cell r="E3035" t="str">
            <v>FTC1</v>
          </cell>
          <cell r="F3035" t="str">
            <v>Valid cases for use of fixed-term contracts, other than  “objective”  or “material” situation</v>
          </cell>
          <cell r="G3035">
            <v>2012</v>
          </cell>
          <cell r="H3035">
            <v>2012</v>
          </cell>
          <cell r="I3035"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35">
            <v>2</v>
          </cell>
          <cell r="M3035">
            <v>2</v>
          </cell>
        </row>
        <row r="3036">
          <cell r="A3036" t="str">
            <v>LVAFTC22012</v>
          </cell>
          <cell r="B3036" t="str">
            <v>LVA</v>
          </cell>
          <cell r="C3036" t="str">
            <v>Latvia</v>
          </cell>
          <cell r="D3036" t="str">
            <v>Item 11</v>
          </cell>
          <cell r="E3036" t="str">
            <v>FTC2</v>
          </cell>
          <cell r="F3036" t="str">
            <v>Maximum number of successive fixed-term contracts</v>
          </cell>
          <cell r="G3036">
            <v>2012</v>
          </cell>
          <cell r="H3036">
            <v>2012</v>
          </cell>
          <cell r="I3036" t="str">
            <v>No limit in legislation</v>
          </cell>
          <cell r="J3036">
            <v>100</v>
          </cell>
          <cell r="M3036">
            <v>0</v>
          </cell>
        </row>
        <row r="3037">
          <cell r="A3037" t="str">
            <v>LVAFTC32012</v>
          </cell>
          <cell r="B3037" t="str">
            <v>LVA</v>
          </cell>
          <cell r="C3037" t="str">
            <v>Latvia</v>
          </cell>
          <cell r="D3037" t="str">
            <v>Item 12</v>
          </cell>
          <cell r="E3037" t="str">
            <v>FTC3</v>
          </cell>
          <cell r="F3037" t="str">
            <v>Maximum cumulated duration of successive fixed-term contracts</v>
          </cell>
          <cell r="G3037">
            <v>2012</v>
          </cell>
          <cell r="H3037">
            <v>2012</v>
          </cell>
          <cell r="I3037"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37">
            <v>36</v>
          </cell>
          <cell r="M3037">
            <v>1</v>
          </cell>
        </row>
        <row r="3038">
          <cell r="A3038" t="str">
            <v>LVATWA12012</v>
          </cell>
          <cell r="B3038" t="str">
            <v>LVA</v>
          </cell>
          <cell r="C3038" t="str">
            <v>Latvia</v>
          </cell>
          <cell r="D3038" t="str">
            <v>Item 13</v>
          </cell>
          <cell r="E3038" t="str">
            <v>TWA1</v>
          </cell>
          <cell r="F3038" t="str">
            <v>Types of work for which TWA employment is legal</v>
          </cell>
          <cell r="G3038">
            <v>2012</v>
          </cell>
          <cell r="H3038">
            <v>2012</v>
          </cell>
          <cell r="I3038" t="str">
            <v>Generally there is no restrictions.</v>
          </cell>
          <cell r="J3038">
            <v>4</v>
          </cell>
          <cell r="M3038">
            <v>0</v>
          </cell>
        </row>
        <row r="3039">
          <cell r="A3039" t="str">
            <v>LVATWA22012</v>
          </cell>
          <cell r="B3039" t="str">
            <v>LVA</v>
          </cell>
          <cell r="C3039" t="str">
            <v>Latvia</v>
          </cell>
          <cell r="D3039" t="str">
            <v>Item 14</v>
          </cell>
          <cell r="E3039" t="str">
            <v>TWA2A, TWA2B</v>
          </cell>
          <cell r="F3039" t="str">
            <v>Are there any restrictions on the number of renewals of a TWA contract?</v>
          </cell>
          <cell r="G3039">
            <v>2012</v>
          </cell>
          <cell r="H3039">
            <v>2012</v>
          </cell>
          <cell r="I3039" t="str">
            <v xml:space="preserve">There is no restrictions in general, neither for assignments nor for contracts
If fixed term contract is concluded  -   rules of fixed term contracts are  applicable.
</v>
          </cell>
          <cell r="J3039" t="str">
            <v>No</v>
          </cell>
          <cell r="K3039" t="str">
            <v>Yes</v>
          </cell>
          <cell r="M3039">
            <v>2</v>
          </cell>
          <cell r="N3039">
            <v>4</v>
          </cell>
        </row>
        <row r="3040">
          <cell r="A3040" t="str">
            <v>LVATWA32012</v>
          </cell>
          <cell r="B3040" t="str">
            <v>LVA</v>
          </cell>
          <cell r="C3040" t="str">
            <v>Latvia</v>
          </cell>
          <cell r="D3040" t="str">
            <v>Item 15</v>
          </cell>
          <cell r="E3040" t="str">
            <v>TWA3A, TWA3B</v>
          </cell>
          <cell r="F3040" t="str">
            <v>Maximum cumulated duration of temporary work contracts</v>
          </cell>
          <cell r="G3040">
            <v>2012</v>
          </cell>
          <cell r="H3040">
            <v>2012</v>
          </cell>
          <cell r="I3040" t="str">
            <v>No restrictions concerning assignments.
If fixed term contract is concluded  -  rules of fixed term contracts are  applicable.</v>
          </cell>
          <cell r="J3040">
            <v>100</v>
          </cell>
          <cell r="K3040">
            <v>100</v>
          </cell>
          <cell r="M3040">
            <v>0</v>
          </cell>
          <cell r="N3040">
            <v>0</v>
          </cell>
        </row>
        <row r="3041">
          <cell r="A3041" t="str">
            <v>LVATWA42012</v>
          </cell>
          <cell r="B3041" t="str">
            <v>LVA</v>
          </cell>
          <cell r="C3041" t="str">
            <v>Latvia</v>
          </cell>
          <cell r="D3041" t="str">
            <v>Item 16</v>
          </cell>
          <cell r="E3041" t="str">
            <v>TWA4</v>
          </cell>
          <cell r="F3041" t="str">
            <v>Authorisation or reporting requirements</v>
          </cell>
          <cell r="G3041">
            <v>2012</v>
          </cell>
          <cell r="H3041">
            <v>2012</v>
          </cell>
          <cell r="I3041"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41">
            <v>3</v>
          </cell>
          <cell r="M3041">
            <v>6</v>
          </cell>
        </row>
        <row r="3042">
          <cell r="A3042" t="str">
            <v>LVATWA52012</v>
          </cell>
          <cell r="B3042" t="str">
            <v>LVA</v>
          </cell>
          <cell r="C3042" t="str">
            <v>Latvia</v>
          </cell>
          <cell r="D3042" t="str">
            <v>Item 17</v>
          </cell>
          <cell r="E3042" t="str">
            <v>TWA5</v>
          </cell>
          <cell r="F3042" t="str">
            <v>Equal treatment for TWA workers</v>
          </cell>
          <cell r="G3042">
            <v>2012</v>
          </cell>
          <cell r="H3042">
            <v>2012</v>
          </cell>
          <cell r="I3042"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42">
            <v>2</v>
          </cell>
          <cell r="M3042">
            <v>6</v>
          </cell>
        </row>
        <row r="3043">
          <cell r="A3043" t="str">
            <v>LVACD12012</v>
          </cell>
          <cell r="B3043" t="str">
            <v>LVA</v>
          </cell>
          <cell r="C3043" t="str">
            <v>Latvia</v>
          </cell>
          <cell r="D3043" t="str">
            <v>Item 18</v>
          </cell>
          <cell r="E3043" t="str">
            <v>CD1</v>
          </cell>
          <cell r="F3043" t="str">
            <v>Definition of collective dismissal</v>
          </cell>
          <cell r="G3043">
            <v>2012</v>
          </cell>
          <cell r="H3043">
            <v>2012</v>
          </cell>
          <cell r="I3043"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43">
            <v>4</v>
          </cell>
          <cell r="M3043">
            <v>6</v>
          </cell>
        </row>
        <row r="3044">
          <cell r="A3044" t="str">
            <v>LVACD22012</v>
          </cell>
          <cell r="B3044" t="str">
            <v>LVA</v>
          </cell>
          <cell r="C3044" t="str">
            <v>Latvia</v>
          </cell>
          <cell r="D3044" t="str">
            <v>Item 19</v>
          </cell>
          <cell r="E3044" t="str">
            <v>CD2</v>
          </cell>
          <cell r="F3044" t="str">
            <v>Additional notification requirements in case of collective dismissals</v>
          </cell>
          <cell r="G3044">
            <v>2012</v>
          </cell>
          <cell r="H3044">
            <v>2012</v>
          </cell>
          <cell r="I3044"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44">
            <v>2</v>
          </cell>
          <cell r="M3044">
            <v>6</v>
          </cell>
        </row>
        <row r="3045">
          <cell r="A3045" t="str">
            <v>LVACD32012</v>
          </cell>
          <cell r="B3045" t="str">
            <v>LVA</v>
          </cell>
          <cell r="C3045" t="str">
            <v>Latvia</v>
          </cell>
          <cell r="D3045" t="str">
            <v>Item 20</v>
          </cell>
          <cell r="E3045" t="str">
            <v>CD3</v>
          </cell>
          <cell r="F3045" t="str">
            <v>Additional delays involved in case of collective dismissals</v>
          </cell>
          <cell r="G3045">
            <v>2012</v>
          </cell>
          <cell r="H3045">
            <v>2012</v>
          </cell>
          <cell r="I3045"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45">
            <v>45.5</v>
          </cell>
          <cell r="M3045">
            <v>3</v>
          </cell>
        </row>
        <row r="3046">
          <cell r="A3046" t="str">
            <v>LVACD42012</v>
          </cell>
          <cell r="B3046" t="str">
            <v>LVA</v>
          </cell>
          <cell r="C3046" t="str">
            <v>Latvia</v>
          </cell>
          <cell r="D3046" t="str">
            <v>Item 21</v>
          </cell>
          <cell r="E3046" t="str">
            <v>CD4</v>
          </cell>
          <cell r="F3046" t="str">
            <v>Other special costs to employers in case of collective dismissals</v>
          </cell>
          <cell r="G3046">
            <v>2012</v>
          </cell>
          <cell r="H3046">
            <v>2012</v>
          </cell>
          <cell r="I3046"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46">
            <v>0</v>
          </cell>
          <cell r="M3046">
            <v>0</v>
          </cell>
        </row>
        <row r="3047">
          <cell r="A3047" t="str">
            <v>LVAREG12013</v>
          </cell>
          <cell r="B3047" t="str">
            <v>LVA</v>
          </cell>
          <cell r="C3047" t="str">
            <v>Latvia</v>
          </cell>
          <cell r="D3047" t="str">
            <v>Item 1</v>
          </cell>
          <cell r="E3047" t="str">
            <v>REG1</v>
          </cell>
          <cell r="F3047" t="str">
            <v>Notification procedures</v>
          </cell>
          <cell r="G3047">
            <v>2013</v>
          </cell>
          <cell r="H3047">
            <v>2013</v>
          </cell>
          <cell r="I3047"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47">
            <v>2.5</v>
          </cell>
          <cell r="M3047">
            <v>5</v>
          </cell>
        </row>
        <row r="3048">
          <cell r="A3048" t="str">
            <v>LVAREG22013</v>
          </cell>
          <cell r="B3048" t="str">
            <v>LVA</v>
          </cell>
          <cell r="C3048" t="str">
            <v>Latvia</v>
          </cell>
          <cell r="D3048" t="str">
            <v>Item 2</v>
          </cell>
          <cell r="E3048" t="str">
            <v>REG2</v>
          </cell>
          <cell r="F3048" t="str">
            <v>Delay before notice can start</v>
          </cell>
          <cell r="G3048">
            <v>2013</v>
          </cell>
          <cell r="H3048">
            <v>2013</v>
          </cell>
          <cell r="I3048"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48">
            <v>12</v>
          </cell>
          <cell r="M3048">
            <v>2</v>
          </cell>
        </row>
        <row r="3049">
          <cell r="A3049" t="str">
            <v>LVAREG32013</v>
          </cell>
          <cell r="B3049" t="str">
            <v>LVA</v>
          </cell>
          <cell r="C3049" t="str">
            <v>Latvia</v>
          </cell>
          <cell r="D3049" t="str">
            <v>Item 3</v>
          </cell>
          <cell r="E3049" t="str">
            <v>REG3A, REG3B, REG3C</v>
          </cell>
          <cell r="F3049" t="str">
            <v>Notice / tenure</v>
          </cell>
          <cell r="G3049">
            <v>2013</v>
          </cell>
          <cell r="H3049">
            <v>2013</v>
          </cell>
          <cell r="I3049" t="str">
            <v>According to Section 103 Of Labour Law: 1 month except in cases of employee’s misconduct</v>
          </cell>
          <cell r="J3049">
            <v>1</v>
          </cell>
          <cell r="K3049">
            <v>1</v>
          </cell>
          <cell r="L3049">
            <v>1</v>
          </cell>
          <cell r="M3049">
            <v>3</v>
          </cell>
          <cell r="N3049">
            <v>2</v>
          </cell>
          <cell r="O3049">
            <v>1</v>
          </cell>
        </row>
        <row r="3050">
          <cell r="A3050" t="str">
            <v>LVAREG42013</v>
          </cell>
          <cell r="B3050" t="str">
            <v>LVA</v>
          </cell>
          <cell r="C3050" t="str">
            <v>Latvia</v>
          </cell>
          <cell r="D3050" t="str">
            <v>Item 4</v>
          </cell>
          <cell r="E3050" t="str">
            <v>REG4A, REG4B, REG4C</v>
          </cell>
          <cell r="F3050" t="str">
            <v>Severance pay / tenure</v>
          </cell>
          <cell r="G3050">
            <v>2013</v>
          </cell>
          <cell r="H3050">
            <v>2013</v>
          </cell>
          <cell r="I3050"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50">
            <v>1</v>
          </cell>
          <cell r="K3050">
            <v>1</v>
          </cell>
          <cell r="L3050">
            <v>3</v>
          </cell>
          <cell r="M3050">
            <v>2</v>
          </cell>
          <cell r="N3050">
            <v>2</v>
          </cell>
          <cell r="O3050">
            <v>1</v>
          </cell>
        </row>
        <row r="3051">
          <cell r="A3051" t="str">
            <v>LVAREG52013</v>
          </cell>
          <cell r="B3051" t="str">
            <v>LVA</v>
          </cell>
          <cell r="C3051" t="str">
            <v>Latvia</v>
          </cell>
          <cell r="D3051" t="str">
            <v>Item 5</v>
          </cell>
          <cell r="E3051" t="str">
            <v>REG5</v>
          </cell>
          <cell r="F3051" t="str">
            <v>Definition of justified or unfair dismissal</v>
          </cell>
          <cell r="G3051">
            <v>2013</v>
          </cell>
          <cell r="H3051">
            <v>2013</v>
          </cell>
          <cell r="I3051"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51">
            <v>0</v>
          </cell>
          <cell r="M3051">
            <v>0</v>
          </cell>
        </row>
        <row r="3052">
          <cell r="A3052" t="str">
            <v>LVAREG62013</v>
          </cell>
          <cell r="B3052" t="str">
            <v>LVA</v>
          </cell>
          <cell r="C3052" t="str">
            <v>Latvia</v>
          </cell>
          <cell r="D3052" t="str">
            <v>Item 6</v>
          </cell>
          <cell r="E3052" t="str">
            <v>REG6</v>
          </cell>
          <cell r="F3052" t="str">
            <v>Trial period</v>
          </cell>
          <cell r="G3052">
            <v>2013</v>
          </cell>
          <cell r="H3052">
            <v>2013</v>
          </cell>
          <cell r="I3052"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52">
            <v>3</v>
          </cell>
          <cell r="M3052">
            <v>4</v>
          </cell>
        </row>
        <row r="3053">
          <cell r="A3053" t="str">
            <v>LVAREG72013</v>
          </cell>
          <cell r="B3053" t="str">
            <v>LVA</v>
          </cell>
          <cell r="C3053" t="str">
            <v>Latvia</v>
          </cell>
          <cell r="D3053" t="str">
            <v>Item 7</v>
          </cell>
          <cell r="E3053" t="str">
            <v>REG7</v>
          </cell>
          <cell r="F3053" t="str">
            <v xml:space="preserve">Compensation following unfair dismissal </v>
          </cell>
          <cell r="G3053">
            <v>2013</v>
          </cell>
          <cell r="H3053">
            <v>2013</v>
          </cell>
          <cell r="I3053"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53">
            <v>6</v>
          </cell>
          <cell r="M3053">
            <v>1</v>
          </cell>
        </row>
        <row r="3054">
          <cell r="A3054" t="str">
            <v>LVAREG82013</v>
          </cell>
          <cell r="B3054" t="str">
            <v>LVA</v>
          </cell>
          <cell r="C3054" t="str">
            <v>Latvia</v>
          </cell>
          <cell r="D3054" t="str">
            <v>Item 8</v>
          </cell>
          <cell r="E3054" t="str">
            <v>REG8</v>
          </cell>
          <cell r="F3054" t="str">
            <v>Possibility of reinstatement following unfair dismissal</v>
          </cell>
          <cell r="G3054">
            <v>2013</v>
          </cell>
          <cell r="H3054">
            <v>2013</v>
          </cell>
          <cell r="I3054"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54">
            <v>3</v>
          </cell>
          <cell r="M3054">
            <v>6</v>
          </cell>
        </row>
        <row r="3055">
          <cell r="A3055" t="str">
            <v>LVAREG92013</v>
          </cell>
          <cell r="B3055" t="str">
            <v>LVA</v>
          </cell>
          <cell r="C3055" t="str">
            <v>Latvia</v>
          </cell>
          <cell r="D3055" t="str">
            <v>Item 9</v>
          </cell>
          <cell r="E3055" t="str">
            <v>REG9</v>
          </cell>
          <cell r="F3055" t="str">
            <v>Maximum time for claim</v>
          </cell>
          <cell r="G3055">
            <v>2013</v>
          </cell>
          <cell r="H3055">
            <v>2013</v>
          </cell>
          <cell r="I3055"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55">
            <v>1</v>
          </cell>
          <cell r="M3055">
            <v>1</v>
          </cell>
        </row>
        <row r="3056">
          <cell r="A3056" t="str">
            <v>LVAFTC12013</v>
          </cell>
          <cell r="B3056" t="str">
            <v>LVA</v>
          </cell>
          <cell r="C3056" t="str">
            <v>Latvia</v>
          </cell>
          <cell r="D3056" t="str">
            <v>Item 10</v>
          </cell>
          <cell r="E3056" t="str">
            <v>FTC1</v>
          </cell>
          <cell r="F3056" t="str">
            <v>Valid cases for use of fixed-term contracts, other than  “objective”  or “material” situation</v>
          </cell>
          <cell r="G3056">
            <v>2013</v>
          </cell>
          <cell r="H3056">
            <v>2013</v>
          </cell>
          <cell r="I3056"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56">
            <v>2</v>
          </cell>
          <cell r="M3056">
            <v>2</v>
          </cell>
        </row>
        <row r="3057">
          <cell r="A3057" t="str">
            <v>LVAFTC22013</v>
          </cell>
          <cell r="B3057" t="str">
            <v>LVA</v>
          </cell>
          <cell r="C3057" t="str">
            <v>Latvia</v>
          </cell>
          <cell r="D3057" t="str">
            <v>Item 11</v>
          </cell>
          <cell r="E3057" t="str">
            <v>FTC2</v>
          </cell>
          <cell r="F3057" t="str">
            <v>Maximum number of successive fixed-term contracts</v>
          </cell>
          <cell r="G3057">
            <v>2013</v>
          </cell>
          <cell r="H3057">
            <v>2013</v>
          </cell>
          <cell r="I3057" t="str">
            <v>No limit in legislation</v>
          </cell>
          <cell r="J3057">
            <v>100</v>
          </cell>
          <cell r="M3057">
            <v>0</v>
          </cell>
        </row>
        <row r="3058">
          <cell r="A3058" t="str">
            <v>LVAFTC32013</v>
          </cell>
          <cell r="B3058" t="str">
            <v>LVA</v>
          </cell>
          <cell r="C3058" t="str">
            <v>Latvia</v>
          </cell>
          <cell r="D3058" t="str">
            <v>Item 12</v>
          </cell>
          <cell r="E3058" t="str">
            <v>FTC3</v>
          </cell>
          <cell r="F3058" t="str">
            <v>Maximum cumulated duration of successive fixed-term contracts</v>
          </cell>
          <cell r="G3058">
            <v>2013</v>
          </cell>
          <cell r="H3058">
            <v>2013</v>
          </cell>
          <cell r="I3058"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58">
            <v>36</v>
          </cell>
          <cell r="M3058">
            <v>1</v>
          </cell>
        </row>
        <row r="3059">
          <cell r="A3059" t="str">
            <v>LVATWA12013</v>
          </cell>
          <cell r="B3059" t="str">
            <v>LVA</v>
          </cell>
          <cell r="C3059" t="str">
            <v>Latvia</v>
          </cell>
          <cell r="D3059" t="str">
            <v>Item 13</v>
          </cell>
          <cell r="E3059" t="str">
            <v>TWA1</v>
          </cell>
          <cell r="F3059" t="str">
            <v>Types of work for which TWA employment is legal</v>
          </cell>
          <cell r="G3059">
            <v>2013</v>
          </cell>
          <cell r="H3059">
            <v>2013</v>
          </cell>
          <cell r="I3059" t="str">
            <v>Generally there is no restrictions.</v>
          </cell>
          <cell r="J3059">
            <v>4</v>
          </cell>
          <cell r="M3059">
            <v>0</v>
          </cell>
        </row>
        <row r="3060">
          <cell r="A3060" t="str">
            <v>LVATWA22013</v>
          </cell>
          <cell r="B3060" t="str">
            <v>LVA</v>
          </cell>
          <cell r="C3060" t="str">
            <v>Latvia</v>
          </cell>
          <cell r="D3060" t="str">
            <v>Item 14</v>
          </cell>
          <cell r="E3060" t="str">
            <v>TWA2A, TWA2B</v>
          </cell>
          <cell r="F3060" t="str">
            <v>Are there any restrictions on the number of renewals of a TWA contract?</v>
          </cell>
          <cell r="G3060">
            <v>2013</v>
          </cell>
          <cell r="H3060">
            <v>2013</v>
          </cell>
          <cell r="I3060" t="str">
            <v xml:space="preserve">There is no restrictions in general, neither for assignments nor for contracts
If fixed term contract is concluded  -   rules of fixed term contracts are  applicable.
</v>
          </cell>
          <cell r="J3060" t="str">
            <v>No</v>
          </cell>
          <cell r="K3060" t="str">
            <v>Yes</v>
          </cell>
          <cell r="M3060">
            <v>2</v>
          </cell>
          <cell r="N3060">
            <v>4</v>
          </cell>
        </row>
        <row r="3061">
          <cell r="A3061" t="str">
            <v>LVATWA32013</v>
          </cell>
          <cell r="B3061" t="str">
            <v>LVA</v>
          </cell>
          <cell r="C3061" t="str">
            <v>Latvia</v>
          </cell>
          <cell r="D3061" t="str">
            <v>Item 15</v>
          </cell>
          <cell r="E3061" t="str">
            <v>TWA3A, TWA3B</v>
          </cell>
          <cell r="F3061" t="str">
            <v>Maximum cumulated duration of temporary work contracts</v>
          </cell>
          <cell r="G3061">
            <v>2013</v>
          </cell>
          <cell r="H3061">
            <v>2013</v>
          </cell>
          <cell r="I3061" t="str">
            <v>No restrictions concerning assignments.
If fixed term contract is concluded  -  rules of fixed term contracts are  applicable.</v>
          </cell>
          <cell r="J3061">
            <v>100</v>
          </cell>
          <cell r="K3061">
            <v>100</v>
          </cell>
          <cell r="M3061">
            <v>0</v>
          </cell>
          <cell r="N3061">
            <v>0</v>
          </cell>
        </row>
        <row r="3062">
          <cell r="A3062" t="str">
            <v>LVATWA42013</v>
          </cell>
          <cell r="B3062" t="str">
            <v>LVA</v>
          </cell>
          <cell r="C3062" t="str">
            <v>Latvia</v>
          </cell>
          <cell r="D3062" t="str">
            <v>Item 16</v>
          </cell>
          <cell r="E3062" t="str">
            <v>TWA4</v>
          </cell>
          <cell r="F3062" t="str">
            <v>Authorisation or reporting requirements</v>
          </cell>
          <cell r="G3062">
            <v>2013</v>
          </cell>
          <cell r="H3062">
            <v>2013</v>
          </cell>
          <cell r="I3062"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62">
            <v>3</v>
          </cell>
          <cell r="M3062">
            <v>6</v>
          </cell>
        </row>
        <row r="3063">
          <cell r="A3063" t="str">
            <v>LVATWA52013</v>
          </cell>
          <cell r="B3063" t="str">
            <v>LVA</v>
          </cell>
          <cell r="C3063" t="str">
            <v>Latvia</v>
          </cell>
          <cell r="D3063" t="str">
            <v>Item 17</v>
          </cell>
          <cell r="E3063" t="str">
            <v>TWA5</v>
          </cell>
          <cell r="F3063" t="str">
            <v>Equal treatment for TWA workers</v>
          </cell>
          <cell r="G3063">
            <v>2013</v>
          </cell>
          <cell r="H3063">
            <v>2013</v>
          </cell>
          <cell r="I3063"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63">
            <v>2</v>
          </cell>
          <cell r="M3063">
            <v>6</v>
          </cell>
        </row>
        <row r="3064">
          <cell r="A3064" t="str">
            <v>LVACD12013</v>
          </cell>
          <cell r="B3064" t="str">
            <v>LVA</v>
          </cell>
          <cell r="C3064" t="str">
            <v>Latvia</v>
          </cell>
          <cell r="D3064" t="str">
            <v>Item 18</v>
          </cell>
          <cell r="E3064" t="str">
            <v>CD1</v>
          </cell>
          <cell r="F3064" t="str">
            <v>Definition of collective dismissal</v>
          </cell>
          <cell r="G3064">
            <v>2013</v>
          </cell>
          <cell r="H3064">
            <v>2013</v>
          </cell>
          <cell r="I3064"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64">
            <v>4</v>
          </cell>
          <cell r="M3064">
            <v>6</v>
          </cell>
        </row>
        <row r="3065">
          <cell r="A3065" t="str">
            <v>LVACD22013</v>
          </cell>
          <cell r="B3065" t="str">
            <v>LVA</v>
          </cell>
          <cell r="C3065" t="str">
            <v>Latvia</v>
          </cell>
          <cell r="D3065" t="str">
            <v>Item 19</v>
          </cell>
          <cell r="E3065" t="str">
            <v>CD2</v>
          </cell>
          <cell r="F3065" t="str">
            <v>Additional notification requirements in case of collective dismissals</v>
          </cell>
          <cell r="G3065">
            <v>2013</v>
          </cell>
          <cell r="H3065">
            <v>2013</v>
          </cell>
          <cell r="I3065"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65">
            <v>2</v>
          </cell>
          <cell r="M3065">
            <v>6</v>
          </cell>
        </row>
        <row r="3066">
          <cell r="A3066" t="str">
            <v>LVACD32013</v>
          </cell>
          <cell r="B3066" t="str">
            <v>LVA</v>
          </cell>
          <cell r="C3066" t="str">
            <v>Latvia</v>
          </cell>
          <cell r="D3066" t="str">
            <v>Item 20</v>
          </cell>
          <cell r="E3066" t="str">
            <v>CD3</v>
          </cell>
          <cell r="F3066" t="str">
            <v>Additional delays involved in case of collective dismissals</v>
          </cell>
          <cell r="G3066">
            <v>2013</v>
          </cell>
          <cell r="H3066">
            <v>2013</v>
          </cell>
          <cell r="I3066"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66">
            <v>45.5</v>
          </cell>
          <cell r="M3066">
            <v>3</v>
          </cell>
        </row>
        <row r="3067">
          <cell r="A3067" t="str">
            <v>LVACD42013</v>
          </cell>
          <cell r="B3067" t="str">
            <v>LVA</v>
          </cell>
          <cell r="C3067" t="str">
            <v>Latvia</v>
          </cell>
          <cell r="D3067" t="str">
            <v>Item 21</v>
          </cell>
          <cell r="E3067" t="str">
            <v>CD4</v>
          </cell>
          <cell r="F3067" t="str">
            <v>Other special costs to employers in case of collective dismissals</v>
          </cell>
          <cell r="G3067">
            <v>2013</v>
          </cell>
          <cell r="H3067">
            <v>2013</v>
          </cell>
          <cell r="I3067"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67">
            <v>0</v>
          </cell>
          <cell r="M3067">
            <v>0</v>
          </cell>
        </row>
        <row r="3068">
          <cell r="A3068" t="str">
            <v>USAREG12012</v>
          </cell>
          <cell r="B3068" t="str">
            <v>USA</v>
          </cell>
          <cell r="C3068" t="str">
            <v>United States</v>
          </cell>
          <cell r="D3068" t="str">
            <v>Item 1</v>
          </cell>
          <cell r="E3068" t="str">
            <v>REG1</v>
          </cell>
          <cell r="F3068" t="str">
            <v>Notification procedures</v>
          </cell>
          <cell r="G3068">
            <v>2012</v>
          </cell>
          <cell r="H3068">
            <v>2012</v>
          </cell>
          <cell r="I3068"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68">
            <v>0.27</v>
          </cell>
          <cell r="M3068">
            <v>0.54</v>
          </cell>
        </row>
        <row r="3069">
          <cell r="A3069" t="str">
            <v>USAREG22012</v>
          </cell>
          <cell r="B3069" t="str">
            <v>USA</v>
          </cell>
          <cell r="C3069" t="str">
            <v>United States</v>
          </cell>
          <cell r="D3069" t="str">
            <v>Item 2</v>
          </cell>
          <cell r="E3069" t="str">
            <v>REG2</v>
          </cell>
          <cell r="F3069" t="str">
            <v>Delay before notice can start</v>
          </cell>
          <cell r="G3069">
            <v>2012</v>
          </cell>
          <cell r="H3069">
            <v>2012</v>
          </cell>
          <cell r="I3069" t="str">
            <v>There are no notice requirements prior to dismissal, with certain exceptions, as discussed above.  
Coded as 1 day for oral notification or where written notice can be given to the employee.</v>
          </cell>
          <cell r="J3069">
            <v>1</v>
          </cell>
          <cell r="M3069">
            <v>0</v>
          </cell>
        </row>
        <row r="3070">
          <cell r="A3070" t="str">
            <v>USAREG32012</v>
          </cell>
          <cell r="B3070" t="str">
            <v>USA</v>
          </cell>
          <cell r="C3070" t="str">
            <v>United States</v>
          </cell>
          <cell r="D3070" t="str">
            <v>Item 3</v>
          </cell>
          <cell r="E3070" t="str">
            <v>REG3A, REG3B, REG3C</v>
          </cell>
          <cell r="F3070" t="str">
            <v>Notice / tenure</v>
          </cell>
          <cell r="G3070">
            <v>2012</v>
          </cell>
          <cell r="H3070">
            <v>2012</v>
          </cell>
          <cell r="I3070" t="str">
            <v>All workers: No legal regulations (but can be regulated in collective agreements or company policy manuals).</v>
          </cell>
          <cell r="J3070">
            <v>0</v>
          </cell>
          <cell r="K3070">
            <v>0</v>
          </cell>
          <cell r="L3070">
            <v>0</v>
          </cell>
          <cell r="M3070">
            <v>0</v>
          </cell>
          <cell r="N3070">
            <v>0</v>
          </cell>
          <cell r="O3070">
            <v>0</v>
          </cell>
        </row>
        <row r="3071">
          <cell r="A3071" t="str">
            <v>USAREG42012</v>
          </cell>
          <cell r="B3071" t="str">
            <v>USA</v>
          </cell>
          <cell r="C3071" t="str">
            <v>United States</v>
          </cell>
          <cell r="D3071" t="str">
            <v>Item 4</v>
          </cell>
          <cell r="E3071" t="str">
            <v>REG4A, REG4B, REG4C</v>
          </cell>
          <cell r="F3071" t="str">
            <v>Severance pay / tenure</v>
          </cell>
          <cell r="G3071">
            <v>2012</v>
          </cell>
          <cell r="H3071">
            <v>2012</v>
          </cell>
          <cell r="I3071" t="str">
            <v>No legal regulations (but can be regulated in collective agreements or company policy manuals.</v>
          </cell>
          <cell r="J3071">
            <v>0</v>
          </cell>
          <cell r="K3071">
            <v>0</v>
          </cell>
          <cell r="L3071">
            <v>0</v>
          </cell>
          <cell r="M3071">
            <v>0</v>
          </cell>
          <cell r="N3071">
            <v>0</v>
          </cell>
          <cell r="O3071">
            <v>0</v>
          </cell>
        </row>
        <row r="3072">
          <cell r="A3072" t="str">
            <v>USAREG52012</v>
          </cell>
          <cell r="B3072" t="str">
            <v>USA</v>
          </cell>
          <cell r="C3072" t="str">
            <v>United States</v>
          </cell>
          <cell r="D3072" t="str">
            <v>Item 5</v>
          </cell>
          <cell r="E3072" t="str">
            <v>REG5</v>
          </cell>
          <cell r="F3072" t="str">
            <v>Definition of justified or unfair dismissal</v>
          </cell>
          <cell r="G3072">
            <v>2012</v>
          </cell>
          <cell r="H3072">
            <v>2012</v>
          </cell>
          <cell r="I3072"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72">
            <v>0</v>
          </cell>
          <cell r="M3072">
            <v>0</v>
          </cell>
        </row>
        <row r="3073">
          <cell r="A3073" t="str">
            <v>USAREG62012</v>
          </cell>
          <cell r="B3073" t="str">
            <v>USA</v>
          </cell>
          <cell r="C3073" t="str">
            <v>United States</v>
          </cell>
          <cell r="D3073" t="str">
            <v>Item 6</v>
          </cell>
          <cell r="E3073" t="str">
            <v>REG6</v>
          </cell>
          <cell r="F3073" t="str">
            <v>Trial period</v>
          </cell>
          <cell r="G3073">
            <v>2012</v>
          </cell>
          <cell r="H3073">
            <v>2012</v>
          </cell>
          <cell r="I3073" t="str">
            <v xml:space="preserve">Wide range. Typically, the range in collective bargaining agreements is between 60-90 days.  </v>
          </cell>
          <cell r="J3073" t="str">
            <v>..</v>
          </cell>
          <cell r="M3073" t="e">
            <v>#N/A</v>
          </cell>
        </row>
        <row r="3074">
          <cell r="A3074" t="str">
            <v>USAREG72012</v>
          </cell>
          <cell r="B3074" t="str">
            <v>USA</v>
          </cell>
          <cell r="C3074" t="str">
            <v>United States</v>
          </cell>
          <cell r="D3074" t="str">
            <v>Item 7</v>
          </cell>
          <cell r="E3074" t="str">
            <v>REG7</v>
          </cell>
          <cell r="F3074" t="str">
            <v xml:space="preserve">Compensation following unfair dismissal </v>
          </cell>
          <cell r="G3074">
            <v>2012</v>
          </cell>
          <cell r="H3074">
            <v>2012</v>
          </cell>
          <cell r="I3074"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74" t="str">
            <v>..</v>
          </cell>
          <cell r="M3074" t="e">
            <v>#N/A</v>
          </cell>
        </row>
        <row r="3075">
          <cell r="A3075" t="str">
            <v>USAREG82012</v>
          </cell>
          <cell r="B3075" t="str">
            <v>USA</v>
          </cell>
          <cell r="C3075" t="str">
            <v>United States</v>
          </cell>
          <cell r="D3075" t="str">
            <v>Item 8</v>
          </cell>
          <cell r="E3075" t="str">
            <v>REG8</v>
          </cell>
          <cell r="F3075" t="str">
            <v>Possibility of reinstatement following unfair dismissal</v>
          </cell>
          <cell r="G3075">
            <v>2012</v>
          </cell>
          <cell r="H3075">
            <v>2012</v>
          </cell>
          <cell r="I3075"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75">
            <v>0.5</v>
          </cell>
          <cell r="M3075">
            <v>1</v>
          </cell>
        </row>
        <row r="3076">
          <cell r="A3076" t="str">
            <v>USAREG92012</v>
          </cell>
          <cell r="B3076" t="str">
            <v>USA</v>
          </cell>
          <cell r="C3076" t="str">
            <v>United States</v>
          </cell>
          <cell r="D3076" t="str">
            <v>Item 9</v>
          </cell>
          <cell r="E3076" t="str">
            <v>REG9</v>
          </cell>
          <cell r="F3076" t="str">
            <v>Maximum time for claim</v>
          </cell>
          <cell r="G3076">
            <v>2012</v>
          </cell>
          <cell r="H3076">
            <v>2012</v>
          </cell>
          <cell r="I3076"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76">
            <v>8</v>
          </cell>
          <cell r="M3076">
            <v>4</v>
          </cell>
        </row>
        <row r="3077">
          <cell r="A3077" t="str">
            <v>USAFTC12012</v>
          </cell>
          <cell r="B3077" t="str">
            <v>USA</v>
          </cell>
          <cell r="C3077" t="str">
            <v>United States</v>
          </cell>
          <cell r="D3077" t="str">
            <v>Item 10</v>
          </cell>
          <cell r="E3077" t="str">
            <v>FTC1</v>
          </cell>
          <cell r="F3077" t="str">
            <v>Valid cases for use of fixed-term contracts, other than  “objective”  or “material” situation</v>
          </cell>
          <cell r="G3077">
            <v>2012</v>
          </cell>
          <cell r="H3077">
            <v>2012</v>
          </cell>
          <cell r="I3077" t="str">
            <v>No restrictions.</v>
          </cell>
          <cell r="J3077">
            <v>3</v>
          </cell>
          <cell r="M3077">
            <v>0</v>
          </cell>
        </row>
        <row r="3078">
          <cell r="A3078" t="str">
            <v>USAFTC22012</v>
          </cell>
          <cell r="B3078" t="str">
            <v>USA</v>
          </cell>
          <cell r="C3078" t="str">
            <v>United States</v>
          </cell>
          <cell r="D3078" t="str">
            <v>Item 11</v>
          </cell>
          <cell r="E3078" t="str">
            <v>FTC2</v>
          </cell>
          <cell r="F3078" t="str">
            <v>Maximum number of successive fixed-term contracts</v>
          </cell>
          <cell r="G3078">
            <v>2012</v>
          </cell>
          <cell r="H3078">
            <v>2012</v>
          </cell>
          <cell r="I3078" t="str">
            <v>No limit</v>
          </cell>
          <cell r="J3078">
            <v>100</v>
          </cell>
          <cell r="M3078">
            <v>0</v>
          </cell>
        </row>
        <row r="3079">
          <cell r="A3079" t="str">
            <v>USAFTC32012</v>
          </cell>
          <cell r="B3079" t="str">
            <v>USA</v>
          </cell>
          <cell r="C3079" t="str">
            <v>United States</v>
          </cell>
          <cell r="D3079" t="str">
            <v>Item 12</v>
          </cell>
          <cell r="E3079" t="str">
            <v>FTC3</v>
          </cell>
          <cell r="F3079" t="str">
            <v>Maximum cumulated duration of successive fixed-term contracts</v>
          </cell>
          <cell r="G3079">
            <v>2012</v>
          </cell>
          <cell r="H3079">
            <v>2012</v>
          </cell>
          <cell r="I3079" t="str">
            <v>No limit</v>
          </cell>
          <cell r="J3079">
            <v>200</v>
          </cell>
          <cell r="M3079">
            <v>0</v>
          </cell>
        </row>
        <row r="3080">
          <cell r="A3080" t="str">
            <v>USATWA12012</v>
          </cell>
          <cell r="B3080" t="str">
            <v>USA</v>
          </cell>
          <cell r="C3080" t="str">
            <v>United States</v>
          </cell>
          <cell r="D3080" t="str">
            <v>Item 13</v>
          </cell>
          <cell r="E3080" t="str">
            <v>TWA1</v>
          </cell>
          <cell r="F3080" t="str">
            <v>Types of work for which TWA employment is legal</v>
          </cell>
          <cell r="G3080">
            <v>2012</v>
          </cell>
          <cell r="H3080">
            <v>2012</v>
          </cell>
          <cell r="I3080" t="str">
            <v>General</v>
          </cell>
          <cell r="J3080">
            <v>4</v>
          </cell>
          <cell r="M3080">
            <v>0</v>
          </cell>
        </row>
        <row r="3081">
          <cell r="A3081" t="str">
            <v>USATWA22012</v>
          </cell>
          <cell r="B3081" t="str">
            <v>USA</v>
          </cell>
          <cell r="C3081" t="str">
            <v>United States</v>
          </cell>
          <cell r="D3081" t="str">
            <v>Item 14</v>
          </cell>
          <cell r="E3081" t="str">
            <v>TWA2A, TWA2B</v>
          </cell>
          <cell r="F3081" t="str">
            <v>Are there any restrictions on the number of renewals of a TWA contract?</v>
          </cell>
          <cell r="G3081">
            <v>2012</v>
          </cell>
          <cell r="H3081">
            <v>2012</v>
          </cell>
          <cell r="I3081" t="str">
            <v>No</v>
          </cell>
          <cell r="J3081" t="str">
            <v>No</v>
          </cell>
          <cell r="K3081" t="str">
            <v>No</v>
          </cell>
          <cell r="M3081">
            <v>2</v>
          </cell>
          <cell r="N3081">
            <v>2</v>
          </cell>
        </row>
        <row r="3082">
          <cell r="A3082" t="str">
            <v>USATWA32012</v>
          </cell>
          <cell r="B3082" t="str">
            <v>USA</v>
          </cell>
          <cell r="C3082" t="str">
            <v>United States</v>
          </cell>
          <cell r="D3082" t="str">
            <v>Item 15</v>
          </cell>
          <cell r="E3082" t="str">
            <v>TWA3A, TWA3B</v>
          </cell>
          <cell r="F3082" t="str">
            <v>Maximum cumulated duration of temporary work contracts</v>
          </cell>
          <cell r="G3082">
            <v>2012</v>
          </cell>
          <cell r="H3082">
            <v>2012</v>
          </cell>
          <cell r="I3082" t="str">
            <v>No limit</v>
          </cell>
          <cell r="J3082">
            <v>100</v>
          </cell>
          <cell r="K3082">
            <v>100</v>
          </cell>
          <cell r="M3082">
            <v>0</v>
          </cell>
          <cell r="N3082">
            <v>0</v>
          </cell>
        </row>
        <row r="3083">
          <cell r="A3083" t="str">
            <v>USATWA42012</v>
          </cell>
          <cell r="B3083" t="str">
            <v>USA</v>
          </cell>
          <cell r="C3083" t="str">
            <v>United States</v>
          </cell>
          <cell r="D3083" t="str">
            <v>Item 16</v>
          </cell>
          <cell r="E3083" t="str">
            <v>TWA4</v>
          </cell>
          <cell r="F3083" t="str">
            <v>Authorisation and reporting obligations</v>
          </cell>
          <cell r="G3083">
            <v>2012</v>
          </cell>
          <cell r="H3083">
            <v>2012</v>
          </cell>
          <cell r="I3083"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083">
            <v>1</v>
          </cell>
          <cell r="M3083">
            <v>2</v>
          </cell>
        </row>
        <row r="3084">
          <cell r="A3084" t="str">
            <v>USATWA52012</v>
          </cell>
          <cell r="B3084" t="str">
            <v>USA</v>
          </cell>
          <cell r="C3084" t="str">
            <v>United States</v>
          </cell>
          <cell r="D3084" t="str">
            <v>Item 17</v>
          </cell>
          <cell r="E3084" t="str">
            <v>TWA5</v>
          </cell>
          <cell r="F3084" t="str">
            <v>Equal treatment for TWA workers</v>
          </cell>
          <cell r="G3084">
            <v>2012</v>
          </cell>
          <cell r="H3084">
            <v>2012</v>
          </cell>
          <cell r="I3084"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084">
            <v>0</v>
          </cell>
          <cell r="M3084">
            <v>0</v>
          </cell>
        </row>
        <row r="3085">
          <cell r="A3085" t="str">
            <v>USACD12012</v>
          </cell>
          <cell r="B3085" t="str">
            <v>USA</v>
          </cell>
          <cell r="C3085" t="str">
            <v>United States</v>
          </cell>
          <cell r="D3085" t="str">
            <v>Item 18</v>
          </cell>
          <cell r="E3085" t="str">
            <v>CD1</v>
          </cell>
          <cell r="F3085" t="str">
            <v>Definition of collective dismissal</v>
          </cell>
          <cell r="G3085">
            <v>2012</v>
          </cell>
          <cell r="H3085">
            <v>2012</v>
          </cell>
          <cell r="I3085"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085">
            <v>1</v>
          </cell>
          <cell r="M3085">
            <v>1.5</v>
          </cell>
        </row>
        <row r="3086">
          <cell r="A3086" t="str">
            <v>USACD22012</v>
          </cell>
          <cell r="B3086" t="str">
            <v>USA</v>
          </cell>
          <cell r="C3086" t="str">
            <v>United States</v>
          </cell>
          <cell r="D3086" t="str">
            <v>Item 19</v>
          </cell>
          <cell r="E3086" t="str">
            <v>CD2</v>
          </cell>
          <cell r="F3086" t="str">
            <v>Additional notification requirements in case of collective dismissals</v>
          </cell>
          <cell r="G3086">
            <v>2012</v>
          </cell>
          <cell r="H3086">
            <v>2012</v>
          </cell>
          <cell r="I3086" t="str">
            <v>Notification of employee representatives: Duty to inform affected workers or labour unions (where they exist). Notification of public authorities: Duty to notify state and local authorities.</v>
          </cell>
          <cell r="J3086">
            <v>2</v>
          </cell>
          <cell r="M3086">
            <v>6</v>
          </cell>
        </row>
        <row r="3087">
          <cell r="A3087" t="str">
            <v>USACD32012</v>
          </cell>
          <cell r="B3087" t="str">
            <v>USA</v>
          </cell>
          <cell r="C3087" t="str">
            <v>United States</v>
          </cell>
          <cell r="D3087" t="str">
            <v>Item 20</v>
          </cell>
          <cell r="E3087" t="str">
            <v>CD3</v>
          </cell>
          <cell r="F3087" t="str">
            <v>Additional delays involved in case of collective dismissals</v>
          </cell>
          <cell r="G3087">
            <v>2012</v>
          </cell>
          <cell r="H3087">
            <v>2012</v>
          </cell>
          <cell r="I3087" t="str">
            <v>Special 60-day notice period. Exceptions to the notice period include layoffs due to risk of bankruptcy, unforeseen circumstances, or ending of a temporary business activity.</v>
          </cell>
          <cell r="J3087">
            <v>59</v>
          </cell>
          <cell r="M3087">
            <v>4</v>
          </cell>
        </row>
        <row r="3088">
          <cell r="A3088" t="str">
            <v>USACD42012</v>
          </cell>
          <cell r="B3088" t="str">
            <v>USA</v>
          </cell>
          <cell r="C3088" t="str">
            <v>United States</v>
          </cell>
          <cell r="D3088" t="str">
            <v>Item 21</v>
          </cell>
          <cell r="E3088" t="str">
            <v>CD4</v>
          </cell>
          <cell r="F3088" t="str">
            <v>Other special costs to employers in case of collective dismissals</v>
          </cell>
          <cell r="G3088">
            <v>2012</v>
          </cell>
          <cell r="H3088">
            <v>2012</v>
          </cell>
          <cell r="I3088" t="str">
            <v>Type of negotiation required: No legal requirements. Selection criteria: As laid down in collective agreements or company manuals; usually seniority-based. Severance pay: No special regulations for collective dismissal.</v>
          </cell>
          <cell r="J3088">
            <v>0</v>
          </cell>
          <cell r="M3088">
            <v>0</v>
          </cell>
        </row>
        <row r="3089">
          <cell r="A3089" t="str">
            <v>USAREG12013</v>
          </cell>
          <cell r="B3089" t="str">
            <v>USA</v>
          </cell>
          <cell r="C3089" t="str">
            <v>United States</v>
          </cell>
          <cell r="D3089" t="str">
            <v>Item 1</v>
          </cell>
          <cell r="E3089" t="str">
            <v>REG1</v>
          </cell>
          <cell r="F3089" t="str">
            <v>Notification procedures</v>
          </cell>
          <cell r="G3089">
            <v>2013</v>
          </cell>
          <cell r="H3089">
            <v>2013</v>
          </cell>
          <cell r="I3089"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89">
            <v>0.27</v>
          </cell>
          <cell r="M3089">
            <v>0.54</v>
          </cell>
        </row>
        <row r="3090">
          <cell r="A3090" t="str">
            <v>USAREG22013</v>
          </cell>
          <cell r="B3090" t="str">
            <v>USA</v>
          </cell>
          <cell r="C3090" t="str">
            <v>United States</v>
          </cell>
          <cell r="D3090" t="str">
            <v>Item 2</v>
          </cell>
          <cell r="E3090" t="str">
            <v>REG2</v>
          </cell>
          <cell r="F3090" t="str">
            <v>Delay before notice can start</v>
          </cell>
          <cell r="G3090">
            <v>2013</v>
          </cell>
          <cell r="H3090">
            <v>2013</v>
          </cell>
          <cell r="I3090" t="str">
            <v>There are no notice requirements prior to dismissal, with certain exceptions, as discussed above.  
Coded as 1 day for oral notification or where written notice can be given to the employee.</v>
          </cell>
          <cell r="J3090">
            <v>1</v>
          </cell>
          <cell r="M3090">
            <v>0</v>
          </cell>
        </row>
        <row r="3091">
          <cell r="A3091" t="str">
            <v>USAREG32013</v>
          </cell>
          <cell r="B3091" t="str">
            <v>USA</v>
          </cell>
          <cell r="C3091" t="str">
            <v>United States</v>
          </cell>
          <cell r="D3091" t="str">
            <v>Item 3</v>
          </cell>
          <cell r="E3091" t="str">
            <v>REG3A, REG3B, REG3C</v>
          </cell>
          <cell r="F3091" t="str">
            <v>Notice / tenure</v>
          </cell>
          <cell r="G3091">
            <v>2013</v>
          </cell>
          <cell r="H3091">
            <v>2013</v>
          </cell>
          <cell r="I3091" t="str">
            <v>All workers: No legal regulations (but can be regulated in collective agreements or company policy manuals).</v>
          </cell>
          <cell r="J3091">
            <v>0</v>
          </cell>
          <cell r="K3091">
            <v>0</v>
          </cell>
          <cell r="L3091">
            <v>0</v>
          </cell>
          <cell r="M3091">
            <v>0</v>
          </cell>
          <cell r="N3091">
            <v>0</v>
          </cell>
          <cell r="O3091">
            <v>0</v>
          </cell>
        </row>
        <row r="3092">
          <cell r="A3092" t="str">
            <v>USAREG42013</v>
          </cell>
          <cell r="B3092" t="str">
            <v>USA</v>
          </cell>
          <cell r="C3092" t="str">
            <v>United States</v>
          </cell>
          <cell r="D3092" t="str">
            <v>Item 4</v>
          </cell>
          <cell r="E3092" t="str">
            <v>REG4A, REG4B, REG4C</v>
          </cell>
          <cell r="F3092" t="str">
            <v>Severance pay / tenure</v>
          </cell>
          <cell r="G3092">
            <v>2013</v>
          </cell>
          <cell r="H3092">
            <v>2013</v>
          </cell>
          <cell r="I3092" t="str">
            <v>No legal regulations (but can be regulated in collective agreements or company policy manuals.</v>
          </cell>
          <cell r="J3092">
            <v>0</v>
          </cell>
          <cell r="K3092">
            <v>0</v>
          </cell>
          <cell r="L3092">
            <v>0</v>
          </cell>
          <cell r="M3092">
            <v>0</v>
          </cell>
          <cell r="N3092">
            <v>0</v>
          </cell>
          <cell r="O3092">
            <v>0</v>
          </cell>
        </row>
        <row r="3093">
          <cell r="A3093" t="str">
            <v>USAREG52013</v>
          </cell>
          <cell r="B3093" t="str">
            <v>USA</v>
          </cell>
          <cell r="C3093" t="str">
            <v>United States</v>
          </cell>
          <cell r="D3093" t="str">
            <v>Item 5</v>
          </cell>
          <cell r="E3093" t="str">
            <v>REG5</v>
          </cell>
          <cell r="F3093" t="str">
            <v>Definition of justified or unfair dismissal</v>
          </cell>
          <cell r="G3093">
            <v>2013</v>
          </cell>
          <cell r="H3093">
            <v>2013</v>
          </cell>
          <cell r="I3093"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93">
            <v>0</v>
          </cell>
          <cell r="M3093">
            <v>0</v>
          </cell>
        </row>
        <row r="3094">
          <cell r="A3094" t="str">
            <v>USAREG62013</v>
          </cell>
          <cell r="B3094" t="str">
            <v>USA</v>
          </cell>
          <cell r="C3094" t="str">
            <v>United States</v>
          </cell>
          <cell r="D3094" t="str">
            <v>Item 6</v>
          </cell>
          <cell r="E3094" t="str">
            <v>REG6</v>
          </cell>
          <cell r="F3094" t="str">
            <v>Trial period</v>
          </cell>
          <cell r="G3094">
            <v>2013</v>
          </cell>
          <cell r="H3094">
            <v>2013</v>
          </cell>
          <cell r="I3094" t="str">
            <v xml:space="preserve">Wide range. Typically, the range in collective bargaining agreements is between 60-90 days.  </v>
          </cell>
          <cell r="J3094" t="str">
            <v>..</v>
          </cell>
          <cell r="M3094" t="e">
            <v>#N/A</v>
          </cell>
        </row>
        <row r="3095">
          <cell r="A3095" t="str">
            <v>USAREG72013</v>
          </cell>
          <cell r="B3095" t="str">
            <v>USA</v>
          </cell>
          <cell r="C3095" t="str">
            <v>United States</v>
          </cell>
          <cell r="D3095" t="str">
            <v>Item 7</v>
          </cell>
          <cell r="E3095" t="str">
            <v>REG7</v>
          </cell>
          <cell r="F3095" t="str">
            <v xml:space="preserve">Compensation following unfair dismissal </v>
          </cell>
          <cell r="G3095">
            <v>2013</v>
          </cell>
          <cell r="H3095">
            <v>2013</v>
          </cell>
          <cell r="I3095"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95" t="str">
            <v>..</v>
          </cell>
          <cell r="M3095" t="e">
            <v>#N/A</v>
          </cell>
        </row>
        <row r="3096">
          <cell r="A3096" t="str">
            <v>USAREG82013</v>
          </cell>
          <cell r="B3096" t="str">
            <v>USA</v>
          </cell>
          <cell r="C3096" t="str">
            <v>United States</v>
          </cell>
          <cell r="D3096" t="str">
            <v>Item 8</v>
          </cell>
          <cell r="E3096" t="str">
            <v>REG8</v>
          </cell>
          <cell r="F3096" t="str">
            <v>Possibility of reinstatement following unfair dismissal</v>
          </cell>
          <cell r="G3096">
            <v>2013</v>
          </cell>
          <cell r="H3096">
            <v>2013</v>
          </cell>
          <cell r="I3096"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96">
            <v>0.5</v>
          </cell>
          <cell r="M3096">
            <v>1</v>
          </cell>
        </row>
        <row r="3097">
          <cell r="A3097" t="str">
            <v>USAREG92013</v>
          </cell>
          <cell r="B3097" t="str">
            <v>USA</v>
          </cell>
          <cell r="C3097" t="str">
            <v>United States</v>
          </cell>
          <cell r="D3097" t="str">
            <v>Item 9</v>
          </cell>
          <cell r="E3097" t="str">
            <v>REG9</v>
          </cell>
          <cell r="F3097" t="str">
            <v>Maximum time for claim</v>
          </cell>
          <cell r="G3097">
            <v>2013</v>
          </cell>
          <cell r="H3097">
            <v>2013</v>
          </cell>
          <cell r="I3097"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97">
            <v>8</v>
          </cell>
          <cell r="M3097">
            <v>4</v>
          </cell>
        </row>
        <row r="3098">
          <cell r="A3098" t="str">
            <v>USAFTC12013</v>
          </cell>
          <cell r="B3098" t="str">
            <v>USA</v>
          </cell>
          <cell r="C3098" t="str">
            <v>United States</v>
          </cell>
          <cell r="D3098" t="str">
            <v>Item 10</v>
          </cell>
          <cell r="E3098" t="str">
            <v>FTC1</v>
          </cell>
          <cell r="F3098" t="str">
            <v>Valid cases for use of fixed-term contracts, other than  “objective”  or “material” situation</v>
          </cell>
          <cell r="G3098">
            <v>2013</v>
          </cell>
          <cell r="H3098">
            <v>2013</v>
          </cell>
          <cell r="I3098" t="str">
            <v>No restrictions.</v>
          </cell>
          <cell r="J3098">
            <v>3</v>
          </cell>
          <cell r="M3098">
            <v>0</v>
          </cell>
        </row>
        <row r="3099">
          <cell r="A3099" t="str">
            <v>USAFTC22013</v>
          </cell>
          <cell r="B3099" t="str">
            <v>USA</v>
          </cell>
          <cell r="C3099" t="str">
            <v>United States</v>
          </cell>
          <cell r="D3099" t="str">
            <v>Item 11</v>
          </cell>
          <cell r="E3099" t="str">
            <v>FTC2</v>
          </cell>
          <cell r="F3099" t="str">
            <v>Maximum number of successive fixed-term contracts</v>
          </cell>
          <cell r="G3099">
            <v>2013</v>
          </cell>
          <cell r="H3099">
            <v>2013</v>
          </cell>
          <cell r="I3099" t="str">
            <v>No limit</v>
          </cell>
          <cell r="J3099">
            <v>100</v>
          </cell>
          <cell r="M3099">
            <v>0</v>
          </cell>
        </row>
        <row r="3100">
          <cell r="A3100" t="str">
            <v>USAFTC32013</v>
          </cell>
          <cell r="B3100" t="str">
            <v>USA</v>
          </cell>
          <cell r="C3100" t="str">
            <v>United States</v>
          </cell>
          <cell r="D3100" t="str">
            <v>Item 12</v>
          </cell>
          <cell r="E3100" t="str">
            <v>FTC3</v>
          </cell>
          <cell r="F3100" t="str">
            <v>Maximum cumulated duration of successive fixed-term contracts</v>
          </cell>
          <cell r="G3100">
            <v>2013</v>
          </cell>
          <cell r="H3100">
            <v>2013</v>
          </cell>
          <cell r="I3100" t="str">
            <v>No limit</v>
          </cell>
          <cell r="J3100">
            <v>200</v>
          </cell>
          <cell r="M3100">
            <v>0</v>
          </cell>
        </row>
        <row r="3101">
          <cell r="A3101" t="str">
            <v>USATWA12013</v>
          </cell>
          <cell r="B3101" t="str">
            <v>USA</v>
          </cell>
          <cell r="C3101" t="str">
            <v>United States</v>
          </cell>
          <cell r="D3101" t="str">
            <v>Item 13</v>
          </cell>
          <cell r="E3101" t="str">
            <v>TWA1</v>
          </cell>
          <cell r="F3101" t="str">
            <v>Types of work for which TWA employment is legal</v>
          </cell>
          <cell r="G3101">
            <v>2013</v>
          </cell>
          <cell r="H3101">
            <v>2013</v>
          </cell>
          <cell r="I3101" t="str">
            <v>General</v>
          </cell>
          <cell r="J3101">
            <v>4</v>
          </cell>
          <cell r="M3101">
            <v>0</v>
          </cell>
        </row>
        <row r="3102">
          <cell r="A3102" t="str">
            <v>USATWA22013</v>
          </cell>
          <cell r="B3102" t="str">
            <v>USA</v>
          </cell>
          <cell r="C3102" t="str">
            <v>United States</v>
          </cell>
          <cell r="D3102" t="str">
            <v>Item 14</v>
          </cell>
          <cell r="E3102" t="str">
            <v>TWA2A, TWA2B</v>
          </cell>
          <cell r="F3102" t="str">
            <v>Are there any restrictions on the number of renewals of a TWA contract?</v>
          </cell>
          <cell r="G3102">
            <v>2013</v>
          </cell>
          <cell r="H3102">
            <v>2013</v>
          </cell>
          <cell r="I3102" t="str">
            <v>No</v>
          </cell>
          <cell r="J3102" t="str">
            <v>No</v>
          </cell>
          <cell r="K3102" t="str">
            <v>No</v>
          </cell>
          <cell r="M3102">
            <v>2</v>
          </cell>
          <cell r="N3102">
            <v>2</v>
          </cell>
        </row>
        <row r="3103">
          <cell r="A3103" t="str">
            <v>USATWA32013</v>
          </cell>
          <cell r="B3103" t="str">
            <v>USA</v>
          </cell>
          <cell r="C3103" t="str">
            <v>United States</v>
          </cell>
          <cell r="D3103" t="str">
            <v>Item 15</v>
          </cell>
          <cell r="E3103" t="str">
            <v>TWA3A, TWA3B</v>
          </cell>
          <cell r="F3103" t="str">
            <v>Maximum cumulated duration of temporary work contracts</v>
          </cell>
          <cell r="G3103">
            <v>2013</v>
          </cell>
          <cell r="H3103">
            <v>2013</v>
          </cell>
          <cell r="I3103" t="str">
            <v>No limit</v>
          </cell>
          <cell r="J3103">
            <v>100</v>
          </cell>
          <cell r="K3103">
            <v>100</v>
          </cell>
          <cell r="M3103">
            <v>0</v>
          </cell>
          <cell r="N3103">
            <v>0</v>
          </cell>
        </row>
        <row r="3104">
          <cell r="A3104" t="str">
            <v>USATWA42013</v>
          </cell>
          <cell r="B3104" t="str">
            <v>USA</v>
          </cell>
          <cell r="C3104" t="str">
            <v>United States</v>
          </cell>
          <cell r="D3104" t="str">
            <v>Item 16</v>
          </cell>
          <cell r="E3104" t="str">
            <v>TWA4</v>
          </cell>
          <cell r="F3104" t="str">
            <v>Authorisation and reporting obligations</v>
          </cell>
          <cell r="G3104">
            <v>2013</v>
          </cell>
          <cell r="H3104">
            <v>2013</v>
          </cell>
          <cell r="I3104"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104">
            <v>1</v>
          </cell>
          <cell r="M3104">
            <v>2</v>
          </cell>
        </row>
        <row r="3105">
          <cell r="A3105" t="str">
            <v>USATWA52013</v>
          </cell>
          <cell r="B3105" t="str">
            <v>USA</v>
          </cell>
          <cell r="C3105" t="str">
            <v>United States</v>
          </cell>
          <cell r="D3105" t="str">
            <v>Item 17</v>
          </cell>
          <cell r="E3105" t="str">
            <v>TWA5</v>
          </cell>
          <cell r="F3105" t="str">
            <v>Equal treatment for TWA workers</v>
          </cell>
          <cell r="G3105">
            <v>2013</v>
          </cell>
          <cell r="H3105">
            <v>2013</v>
          </cell>
          <cell r="I3105"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105">
            <v>0</v>
          </cell>
          <cell r="M3105">
            <v>0</v>
          </cell>
        </row>
        <row r="3106">
          <cell r="A3106" t="str">
            <v>USACD12013</v>
          </cell>
          <cell r="B3106" t="str">
            <v>USA</v>
          </cell>
          <cell r="C3106" t="str">
            <v>United States</v>
          </cell>
          <cell r="D3106" t="str">
            <v>Item 18</v>
          </cell>
          <cell r="E3106" t="str">
            <v>CD1</v>
          </cell>
          <cell r="F3106" t="str">
            <v>Definition of collective dismissal</v>
          </cell>
          <cell r="G3106">
            <v>2013</v>
          </cell>
          <cell r="H3106">
            <v>2013</v>
          </cell>
          <cell r="I3106"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106">
            <v>1</v>
          </cell>
          <cell r="M3106">
            <v>1.5</v>
          </cell>
        </row>
        <row r="3107">
          <cell r="A3107" t="str">
            <v>USACD22013</v>
          </cell>
          <cell r="B3107" t="str">
            <v>USA</v>
          </cell>
          <cell r="C3107" t="str">
            <v>United States</v>
          </cell>
          <cell r="D3107" t="str">
            <v>Item 19</v>
          </cell>
          <cell r="E3107" t="str">
            <v>CD2</v>
          </cell>
          <cell r="F3107" t="str">
            <v>Additional notification requirements in case of collective dismissals</v>
          </cell>
          <cell r="G3107">
            <v>2013</v>
          </cell>
          <cell r="H3107">
            <v>2013</v>
          </cell>
          <cell r="I3107" t="str">
            <v>Notification of employee representatives: Duty to inform affected workers or labour unions (where they exist). Notification of public authorities: Duty to notify state and local authorities.</v>
          </cell>
          <cell r="J3107">
            <v>2</v>
          </cell>
          <cell r="M3107">
            <v>6</v>
          </cell>
        </row>
        <row r="3108">
          <cell r="A3108" t="str">
            <v>USACD32013</v>
          </cell>
          <cell r="B3108" t="str">
            <v>USA</v>
          </cell>
          <cell r="C3108" t="str">
            <v>United States</v>
          </cell>
          <cell r="D3108" t="str">
            <v>Item 20</v>
          </cell>
          <cell r="E3108" t="str">
            <v>CD3</v>
          </cell>
          <cell r="F3108" t="str">
            <v>Additional delays involved in case of collective dismissals</v>
          </cell>
          <cell r="G3108">
            <v>2013</v>
          </cell>
          <cell r="H3108">
            <v>2013</v>
          </cell>
          <cell r="I3108" t="str">
            <v>Special 60-day notice period. Exceptions to the notice period include layoffs due to risk of bankruptcy, unforeseen circumstances, or ending of a temporary business activity.</v>
          </cell>
          <cell r="J3108">
            <v>59</v>
          </cell>
          <cell r="M3108">
            <v>4</v>
          </cell>
        </row>
        <row r="3109">
          <cell r="A3109" t="str">
            <v>USACD42013</v>
          </cell>
          <cell r="B3109" t="str">
            <v>USA</v>
          </cell>
          <cell r="C3109" t="str">
            <v>United States</v>
          </cell>
          <cell r="D3109" t="str">
            <v>Item 21</v>
          </cell>
          <cell r="E3109" t="str">
            <v>CD4</v>
          </cell>
          <cell r="F3109" t="str">
            <v>Other special costs to employers in case of collective dismissals</v>
          </cell>
          <cell r="G3109">
            <v>2013</v>
          </cell>
          <cell r="H3109">
            <v>2013</v>
          </cell>
          <cell r="I3109" t="str">
            <v>Type of negotiation required: No legal requirements. Selection criteria: As laid down in collective agreements or company manuals; usually seniority-based. Severance pay: No special regulations for collective dismissal.</v>
          </cell>
          <cell r="J3109">
            <v>0</v>
          </cell>
          <cell r="M3109">
            <v>0</v>
          </cell>
        </row>
        <row r="3110">
          <cell r="A3110" t="str">
            <v>NLDREG12012</v>
          </cell>
          <cell r="B3110" t="str">
            <v>NLD</v>
          </cell>
          <cell r="C3110" t="str">
            <v>Netherlands</v>
          </cell>
          <cell r="D3110" t="str">
            <v>Item 1</v>
          </cell>
          <cell r="E3110" t="str">
            <v>REG1</v>
          </cell>
          <cell r="F3110" t="str">
            <v>Notification procedures</v>
          </cell>
          <cell r="G3110">
            <v>2012</v>
          </cell>
          <cell r="H3110">
            <v>2012</v>
          </cell>
          <cell r="I311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10">
            <v>2.5</v>
          </cell>
          <cell r="M3110">
            <v>5</v>
          </cell>
        </row>
        <row r="3111">
          <cell r="A3111" t="str">
            <v>NLDREG22012</v>
          </cell>
          <cell r="B3111" t="str">
            <v>NLD</v>
          </cell>
          <cell r="C3111" t="str">
            <v>Netherlands</v>
          </cell>
          <cell r="D3111" t="str">
            <v>Item 2</v>
          </cell>
          <cell r="E3111" t="str">
            <v>REG2</v>
          </cell>
          <cell r="F3111" t="str">
            <v>Delay before notice can start</v>
          </cell>
          <cell r="G3111">
            <v>2012</v>
          </cell>
          <cell r="H3111">
            <v>2012</v>
          </cell>
          <cell r="I3111" t="str">
            <v>Termination via PES: Authorisation procedure normally takes 4 6 weeks. 
Termination via courts: The delay in cases which proceed to court varies from 1-30 days. 
Calculation: average of PES (5 weeks on average) and courts (15 days on average).</v>
          </cell>
          <cell r="J3111">
            <v>25</v>
          </cell>
          <cell r="M3111">
            <v>3</v>
          </cell>
        </row>
        <row r="3112">
          <cell r="A3112" t="str">
            <v>NLDREG32012</v>
          </cell>
          <cell r="B3112" t="str">
            <v>NLD</v>
          </cell>
          <cell r="C3112" t="str">
            <v>Netherlands</v>
          </cell>
          <cell r="D3112" t="str">
            <v>Item 3</v>
          </cell>
          <cell r="E3112" t="str">
            <v>REG3A, REG3B, REG3C</v>
          </cell>
          <cell r="F3112" t="str">
            <v>Notice / tenure</v>
          </cell>
          <cell r="G3112">
            <v>2012</v>
          </cell>
          <cell r="H3112">
            <v>2012</v>
          </cell>
          <cell r="I3112"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12">
            <v>0.5</v>
          </cell>
          <cell r="K3112">
            <v>0.5</v>
          </cell>
          <cell r="L3112">
            <v>1.5</v>
          </cell>
          <cell r="M3112">
            <v>2</v>
          </cell>
          <cell r="N3112">
            <v>1</v>
          </cell>
          <cell r="O3112">
            <v>1</v>
          </cell>
        </row>
        <row r="3113">
          <cell r="A3113" t="str">
            <v>NLDREG42012</v>
          </cell>
          <cell r="B3113" t="str">
            <v>NLD</v>
          </cell>
          <cell r="C3113" t="str">
            <v>Netherlands</v>
          </cell>
          <cell r="D3113" t="str">
            <v>Item 4</v>
          </cell>
          <cell r="E3113" t="str">
            <v>REG4A, REG4B, REG4C</v>
          </cell>
          <cell r="F3113" t="str">
            <v>Severance pay / tenure</v>
          </cell>
          <cell r="G3113">
            <v>2012</v>
          </cell>
          <cell r="H3113">
            <v>2012</v>
          </cell>
          <cell r="I311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13">
            <v>0</v>
          </cell>
          <cell r="K3113">
            <v>1.6</v>
          </cell>
          <cell r="L3113">
            <v>10</v>
          </cell>
          <cell r="M3113">
            <v>0</v>
          </cell>
          <cell r="N3113">
            <v>3</v>
          </cell>
          <cell r="O3113">
            <v>3</v>
          </cell>
        </row>
        <row r="3114">
          <cell r="A3114" t="str">
            <v>NLDREG52012</v>
          </cell>
          <cell r="B3114" t="str">
            <v>NLD</v>
          </cell>
          <cell r="C3114" t="str">
            <v>Netherlands</v>
          </cell>
          <cell r="D3114" t="str">
            <v>Item 5</v>
          </cell>
          <cell r="E3114" t="str">
            <v>REG5</v>
          </cell>
          <cell r="F3114" t="str">
            <v>Definition of justified or unfair dismissal</v>
          </cell>
          <cell r="G3114">
            <v>2012</v>
          </cell>
          <cell r="H3114">
            <v>2012</v>
          </cell>
          <cell r="I311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14">
            <v>1.5</v>
          </cell>
          <cell r="M3114">
            <v>3</v>
          </cell>
        </row>
        <row r="3115">
          <cell r="A3115" t="str">
            <v>NLDREG62012</v>
          </cell>
          <cell r="B3115" t="str">
            <v>NLD</v>
          </cell>
          <cell r="C3115" t="str">
            <v>Netherlands</v>
          </cell>
          <cell r="D3115" t="str">
            <v>Item 6</v>
          </cell>
          <cell r="E3115" t="str">
            <v>REG6</v>
          </cell>
          <cell r="F3115" t="str">
            <v>Trial period</v>
          </cell>
          <cell r="G3115">
            <v>2012</v>
          </cell>
          <cell r="H3115">
            <v>2012</v>
          </cell>
          <cell r="I311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15">
            <v>2</v>
          </cell>
          <cell r="M3115">
            <v>5</v>
          </cell>
        </row>
        <row r="3116">
          <cell r="A3116" t="str">
            <v>NLDREG72012</v>
          </cell>
          <cell r="B3116" t="str">
            <v>NLD</v>
          </cell>
          <cell r="C3116" t="str">
            <v>Netherlands</v>
          </cell>
          <cell r="D3116" t="str">
            <v>Item 7</v>
          </cell>
          <cell r="E3116" t="str">
            <v>REG7</v>
          </cell>
          <cell r="F3116" t="str">
            <v xml:space="preserve">Compensation following unfair dismissal </v>
          </cell>
          <cell r="G3116">
            <v>2012</v>
          </cell>
          <cell r="H3116">
            <v>2012</v>
          </cell>
          <cell r="I311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16">
            <v>7</v>
          </cell>
          <cell r="M3116">
            <v>1</v>
          </cell>
        </row>
        <row r="3117">
          <cell r="A3117" t="str">
            <v>NLDREG82012</v>
          </cell>
          <cell r="B3117" t="str">
            <v>NLD</v>
          </cell>
          <cell r="C3117" t="str">
            <v>Netherlands</v>
          </cell>
          <cell r="D3117" t="str">
            <v>Item 8</v>
          </cell>
          <cell r="E3117" t="str">
            <v>REG8</v>
          </cell>
          <cell r="F3117" t="str">
            <v>Possibility of reinstatement following unfair dismissal</v>
          </cell>
          <cell r="G3117">
            <v>2012</v>
          </cell>
          <cell r="H3117">
            <v>2012</v>
          </cell>
          <cell r="I3117" t="str">
            <v>The option of reinstatement is rarely made available to the employee.</v>
          </cell>
          <cell r="J3117">
            <v>1</v>
          </cell>
          <cell r="M3117">
            <v>2</v>
          </cell>
        </row>
        <row r="3118">
          <cell r="A3118" t="str">
            <v>NLDREG92012</v>
          </cell>
          <cell r="B3118" t="str">
            <v>NLD</v>
          </cell>
          <cell r="C3118" t="str">
            <v>Netherlands</v>
          </cell>
          <cell r="D3118" t="str">
            <v>Item 9</v>
          </cell>
          <cell r="E3118" t="str">
            <v>REG9</v>
          </cell>
          <cell r="F3118" t="str">
            <v>Maximum time for claim</v>
          </cell>
          <cell r="G3118">
            <v>2012</v>
          </cell>
          <cell r="H3118">
            <v>2012</v>
          </cell>
          <cell r="I3118" t="str">
            <v>6 months from the effective date of termination (Civil Code, art. 7:683).</v>
          </cell>
          <cell r="J3118">
            <v>6</v>
          </cell>
          <cell r="M3118">
            <v>3</v>
          </cell>
        </row>
        <row r="3119">
          <cell r="A3119" t="str">
            <v>NLDFTC12012</v>
          </cell>
          <cell r="B3119" t="str">
            <v>NLD</v>
          </cell>
          <cell r="C3119" t="str">
            <v>Netherlands</v>
          </cell>
          <cell r="D3119" t="str">
            <v>Item 10</v>
          </cell>
          <cell r="E3119" t="str">
            <v>FTC1</v>
          </cell>
          <cell r="F3119" t="str">
            <v>Valid cases for use of fixed-term contracts, other than  “objective”  or “material” situation</v>
          </cell>
          <cell r="G3119">
            <v>2012</v>
          </cell>
          <cell r="H3119">
            <v>2012</v>
          </cell>
          <cell r="I3119" t="str">
            <v xml:space="preserve">No restrictions. </v>
          </cell>
          <cell r="J3119">
            <v>3</v>
          </cell>
          <cell r="M3119">
            <v>0</v>
          </cell>
        </row>
        <row r="3120">
          <cell r="A3120" t="str">
            <v>NLDFTC22012</v>
          </cell>
          <cell r="B3120" t="str">
            <v>NLD</v>
          </cell>
          <cell r="C3120" t="str">
            <v>Netherlands</v>
          </cell>
          <cell r="D3120" t="str">
            <v>Item 11</v>
          </cell>
          <cell r="E3120" t="str">
            <v>FTC2</v>
          </cell>
          <cell r="F3120" t="str">
            <v>Maximum number of successive fixed-term contracts</v>
          </cell>
          <cell r="G3120">
            <v>2012</v>
          </cell>
          <cell r="H3120">
            <v>2012</v>
          </cell>
          <cell r="I312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20">
            <v>3</v>
          </cell>
          <cell r="M3120">
            <v>3</v>
          </cell>
        </row>
        <row r="3121">
          <cell r="A3121" t="str">
            <v>NLDFTC32012</v>
          </cell>
          <cell r="B3121" t="str">
            <v>NLD</v>
          </cell>
          <cell r="C3121" t="str">
            <v>Netherlands</v>
          </cell>
          <cell r="D3121" t="str">
            <v>Item 12</v>
          </cell>
          <cell r="E3121" t="str">
            <v>FTC3</v>
          </cell>
          <cell r="F3121" t="str">
            <v>Maximum cumulated duration of successive fixed-term contracts</v>
          </cell>
          <cell r="G3121">
            <v>2012</v>
          </cell>
          <cell r="H3121">
            <v>2012</v>
          </cell>
          <cell r="I3121" t="str">
            <v xml:space="preserve">No limit for first fixed-term contracts, but 3 years in case of renewals. </v>
          </cell>
          <cell r="J3121">
            <v>36</v>
          </cell>
          <cell r="M3121">
            <v>1</v>
          </cell>
        </row>
        <row r="3122">
          <cell r="A3122" t="str">
            <v>NLDTWA12012</v>
          </cell>
          <cell r="B3122" t="str">
            <v>NLD</v>
          </cell>
          <cell r="C3122" t="str">
            <v>Netherlands</v>
          </cell>
          <cell r="D3122" t="str">
            <v>Item 13</v>
          </cell>
          <cell r="E3122" t="str">
            <v>TWA1</v>
          </cell>
          <cell r="F3122" t="str">
            <v>Types of work for which TWA employment is legal</v>
          </cell>
          <cell r="G3122">
            <v>2012</v>
          </cell>
          <cell r="H3122">
            <v>2012</v>
          </cell>
          <cell r="I3122" t="str">
            <v>General, with the exception of seamen.</v>
          </cell>
          <cell r="J3122">
            <v>3.5</v>
          </cell>
          <cell r="M3122">
            <v>0.75</v>
          </cell>
        </row>
        <row r="3123">
          <cell r="A3123" t="str">
            <v>NLDTWA22012</v>
          </cell>
          <cell r="B3123" t="str">
            <v>NLD</v>
          </cell>
          <cell r="C3123" t="str">
            <v>Netherlands</v>
          </cell>
          <cell r="D3123" t="str">
            <v>Item 14</v>
          </cell>
          <cell r="E3123" t="str">
            <v>TWA2A, TWA2B</v>
          </cell>
          <cell r="F3123" t="str">
            <v>Are there any restrictions on the number of renewals of a TWA contract?</v>
          </cell>
          <cell r="G3123">
            <v>2012</v>
          </cell>
          <cell r="H3123">
            <v>2012</v>
          </cell>
          <cell r="I312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23" t="str">
            <v>No</v>
          </cell>
          <cell r="K3123" t="str">
            <v>Yes</v>
          </cell>
          <cell r="M3123">
            <v>2</v>
          </cell>
          <cell r="N3123">
            <v>4</v>
          </cell>
        </row>
        <row r="3124">
          <cell r="A3124" t="str">
            <v>NLDTWA32012</v>
          </cell>
          <cell r="B3124" t="str">
            <v>NLD</v>
          </cell>
          <cell r="C3124" t="str">
            <v>Netherlands</v>
          </cell>
          <cell r="D3124" t="str">
            <v>Item 15</v>
          </cell>
          <cell r="E3124" t="str">
            <v>TWA3A, TWA3B</v>
          </cell>
          <cell r="F3124" t="str">
            <v>Maximum cumulated duration of temporary work contracts</v>
          </cell>
          <cell r="G3124">
            <v>2012</v>
          </cell>
          <cell r="H3124">
            <v>2012</v>
          </cell>
          <cell r="I3124" t="str">
            <v>Unlimited. After 3.5 years of cumulation of TWA-contracts, the last fixed-term contract will be altered into a contract for an indefinite period with the TWA.</v>
          </cell>
          <cell r="J3124">
            <v>100</v>
          </cell>
          <cell r="K3124">
            <v>100</v>
          </cell>
          <cell r="M3124">
            <v>0</v>
          </cell>
          <cell r="N3124">
            <v>0</v>
          </cell>
        </row>
        <row r="3125">
          <cell r="A3125" t="str">
            <v>NLDTWA42012</v>
          </cell>
          <cell r="B3125" t="str">
            <v>NLD</v>
          </cell>
          <cell r="C3125" t="str">
            <v>Netherlands</v>
          </cell>
          <cell r="D3125" t="str">
            <v>Item 16</v>
          </cell>
          <cell r="E3125" t="str">
            <v>TWA4</v>
          </cell>
          <cell r="F3125" t="str">
            <v>Authorisation and reporting obligations</v>
          </cell>
          <cell r="G3125">
            <v>2012</v>
          </cell>
          <cell r="H3125">
            <v>2012</v>
          </cell>
          <cell r="I3125" t="str">
            <v>No</v>
          </cell>
          <cell r="J3125">
            <v>0</v>
          </cell>
          <cell r="M3125">
            <v>0</v>
          </cell>
        </row>
        <row r="3126">
          <cell r="A3126" t="str">
            <v>NLDTWA52012</v>
          </cell>
          <cell r="B3126" t="str">
            <v>NLD</v>
          </cell>
          <cell r="C3126" t="str">
            <v>Netherlands</v>
          </cell>
          <cell r="D3126" t="str">
            <v>Item 17</v>
          </cell>
          <cell r="E3126" t="str">
            <v>TWA5</v>
          </cell>
          <cell r="F3126" t="str">
            <v>Equal treatment for TWA workers</v>
          </cell>
          <cell r="G3126">
            <v>2012</v>
          </cell>
          <cell r="H3126">
            <v>2012</v>
          </cell>
          <cell r="I312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26">
            <v>1.5</v>
          </cell>
          <cell r="M3126">
            <v>4.5</v>
          </cell>
        </row>
        <row r="3127">
          <cell r="A3127" t="str">
            <v>NLDCD12012</v>
          </cell>
          <cell r="B3127" t="str">
            <v>NLD</v>
          </cell>
          <cell r="C3127" t="str">
            <v>Netherlands</v>
          </cell>
          <cell r="D3127" t="str">
            <v>Item 18</v>
          </cell>
          <cell r="E3127" t="str">
            <v>CD1</v>
          </cell>
          <cell r="F3127" t="str">
            <v>Definition of collective dismissal</v>
          </cell>
          <cell r="G3127">
            <v>2012</v>
          </cell>
          <cell r="H3127">
            <v>2012</v>
          </cell>
          <cell r="I3127" t="str">
            <v>Over 3 months, 20+ workers dismissed by one employer in one employment service region</v>
          </cell>
          <cell r="J3127">
            <v>2</v>
          </cell>
          <cell r="M3127">
            <v>3</v>
          </cell>
        </row>
        <row r="3128">
          <cell r="A3128" t="str">
            <v>NLDCD22012</v>
          </cell>
          <cell r="B3128" t="str">
            <v>NLD</v>
          </cell>
          <cell r="C3128" t="str">
            <v>Netherlands</v>
          </cell>
          <cell r="D3128" t="str">
            <v>Item 19</v>
          </cell>
          <cell r="E3128" t="str">
            <v>CD2</v>
          </cell>
          <cell r="F3128" t="str">
            <v>Additional notification requirements in case of collective dismissals</v>
          </cell>
          <cell r="G3128">
            <v>2012</v>
          </cell>
          <cell r="H3128">
            <v>2012</v>
          </cell>
          <cell r="I3128" t="str">
            <v>Notification of employee representatives: Duty to inform and consult with Works Council and trade union delegation.
Notification of public authorities: Notification of regional employment office.</v>
          </cell>
          <cell r="J3128">
            <v>1</v>
          </cell>
          <cell r="M3128">
            <v>3</v>
          </cell>
        </row>
        <row r="3129">
          <cell r="A3129" t="str">
            <v>NLDCD32012</v>
          </cell>
          <cell r="B3129" t="str">
            <v>NLD</v>
          </cell>
          <cell r="C3129" t="str">
            <v>Netherlands</v>
          </cell>
          <cell r="D3129" t="str">
            <v>Item 20</v>
          </cell>
          <cell r="E3129" t="str">
            <v>CD3</v>
          </cell>
          <cell r="F3129" t="str">
            <v>Additional delays involved in case of collective dismissals</v>
          </cell>
          <cell r="G3129">
            <v>2012</v>
          </cell>
          <cell r="H3129">
            <v>2012</v>
          </cell>
          <cell r="I3129" t="str">
            <v>30 days waiting period to allow for social plan negotiations (unless the social partners have agreed in writing to refrain from the waiting period.</v>
          </cell>
          <cell r="J3129">
            <v>30</v>
          </cell>
          <cell r="M3129">
            <v>3</v>
          </cell>
        </row>
        <row r="3130">
          <cell r="A3130" t="str">
            <v>NLDCD42012</v>
          </cell>
          <cell r="B3130" t="str">
            <v>NLD</v>
          </cell>
          <cell r="C3130" t="str">
            <v>Netherlands</v>
          </cell>
          <cell r="D3130" t="str">
            <v>Item 21</v>
          </cell>
          <cell r="E3130" t="str">
            <v>CD4</v>
          </cell>
          <cell r="F3130" t="str">
            <v>Other special costs to employers in case of collective dismissals</v>
          </cell>
          <cell r="G3130">
            <v>2012</v>
          </cell>
          <cell r="H3130">
            <v>2012</v>
          </cell>
          <cell r="I313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30">
            <v>1</v>
          </cell>
          <cell r="M3130">
            <v>3</v>
          </cell>
        </row>
        <row r="3131">
          <cell r="A3131" t="str">
            <v>NLDREG12013</v>
          </cell>
          <cell r="B3131" t="str">
            <v>NLD</v>
          </cell>
          <cell r="C3131" t="str">
            <v>Netherlands</v>
          </cell>
          <cell r="D3131" t="str">
            <v>Item 1</v>
          </cell>
          <cell r="E3131" t="str">
            <v>REG1</v>
          </cell>
          <cell r="F3131" t="str">
            <v>Notification procedures</v>
          </cell>
          <cell r="G3131">
            <v>2013</v>
          </cell>
          <cell r="H3131">
            <v>2013</v>
          </cell>
          <cell r="I3131"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31">
            <v>2.5</v>
          </cell>
          <cell r="M3131">
            <v>5</v>
          </cell>
        </row>
        <row r="3132">
          <cell r="A3132" t="str">
            <v>NLDREG22013</v>
          </cell>
          <cell r="B3132" t="str">
            <v>NLD</v>
          </cell>
          <cell r="C3132" t="str">
            <v>Netherlands</v>
          </cell>
          <cell r="D3132" t="str">
            <v>Item 2</v>
          </cell>
          <cell r="E3132" t="str">
            <v>REG2</v>
          </cell>
          <cell r="F3132" t="str">
            <v>Delay before notice can start</v>
          </cell>
          <cell r="G3132">
            <v>2013</v>
          </cell>
          <cell r="H3132">
            <v>2013</v>
          </cell>
          <cell r="I3132" t="str">
            <v>Termination via PES: Authorisation procedure normally takes 4 6 weeks. 
Termination via courts: The delay in cases which proceed to court varies from 1-30 days. 
Calculation: average of PES (5 weeks on average) and courts (15 days on average).</v>
          </cell>
          <cell r="J3132">
            <v>25</v>
          </cell>
          <cell r="M3132">
            <v>3</v>
          </cell>
        </row>
        <row r="3133">
          <cell r="A3133" t="str">
            <v>NLDREG32013</v>
          </cell>
          <cell r="B3133" t="str">
            <v>NLD</v>
          </cell>
          <cell r="C3133" t="str">
            <v>Netherlands</v>
          </cell>
          <cell r="D3133" t="str">
            <v>Item 3</v>
          </cell>
          <cell r="E3133" t="str">
            <v>REG3A, REG3B, REG3C</v>
          </cell>
          <cell r="F3133" t="str">
            <v>Notice / tenure</v>
          </cell>
          <cell r="G3133">
            <v>2013</v>
          </cell>
          <cell r="H3133">
            <v>2013</v>
          </cell>
          <cell r="I3133"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33">
            <v>0.5</v>
          </cell>
          <cell r="K3133">
            <v>0.5</v>
          </cell>
          <cell r="L3133">
            <v>1.5</v>
          </cell>
          <cell r="M3133">
            <v>2</v>
          </cell>
          <cell r="N3133">
            <v>1</v>
          </cell>
          <cell r="O3133">
            <v>1</v>
          </cell>
        </row>
        <row r="3134">
          <cell r="A3134" t="str">
            <v>NLDREG42013</v>
          </cell>
          <cell r="B3134" t="str">
            <v>NLD</v>
          </cell>
          <cell r="C3134" t="str">
            <v>Netherlands</v>
          </cell>
          <cell r="D3134" t="str">
            <v>Item 4</v>
          </cell>
          <cell r="E3134" t="str">
            <v>REG4A, REG4B, REG4C</v>
          </cell>
          <cell r="F3134" t="str">
            <v>Severance pay / tenure</v>
          </cell>
          <cell r="G3134">
            <v>2013</v>
          </cell>
          <cell r="H3134">
            <v>2013</v>
          </cell>
          <cell r="I3134"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34">
            <v>0</v>
          </cell>
          <cell r="K3134">
            <v>1.6</v>
          </cell>
          <cell r="L3134">
            <v>10</v>
          </cell>
          <cell r="M3134">
            <v>0</v>
          </cell>
          <cell r="N3134">
            <v>3</v>
          </cell>
          <cell r="O3134">
            <v>3</v>
          </cell>
        </row>
        <row r="3135">
          <cell r="A3135" t="str">
            <v>NLDREG52013</v>
          </cell>
          <cell r="B3135" t="str">
            <v>NLD</v>
          </cell>
          <cell r="C3135" t="str">
            <v>Netherlands</v>
          </cell>
          <cell r="D3135" t="str">
            <v>Item 5</v>
          </cell>
          <cell r="E3135" t="str">
            <v>REG5</v>
          </cell>
          <cell r="F3135" t="str">
            <v>Definition of justified or unfair dismissal</v>
          </cell>
          <cell r="G3135">
            <v>2013</v>
          </cell>
          <cell r="H3135">
            <v>2013</v>
          </cell>
          <cell r="I3135"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35">
            <v>1.5</v>
          </cell>
          <cell r="M3135">
            <v>3</v>
          </cell>
        </row>
        <row r="3136">
          <cell r="A3136" t="str">
            <v>NLDREG62013</v>
          </cell>
          <cell r="B3136" t="str">
            <v>NLD</v>
          </cell>
          <cell r="C3136" t="str">
            <v>Netherlands</v>
          </cell>
          <cell r="D3136" t="str">
            <v>Item 6</v>
          </cell>
          <cell r="E3136" t="str">
            <v>REG6</v>
          </cell>
          <cell r="F3136" t="str">
            <v>Trial period</v>
          </cell>
          <cell r="G3136">
            <v>2013</v>
          </cell>
          <cell r="H3136">
            <v>2013</v>
          </cell>
          <cell r="I3136"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36">
            <v>2</v>
          </cell>
          <cell r="M3136">
            <v>5</v>
          </cell>
        </row>
        <row r="3137">
          <cell r="A3137" t="str">
            <v>NLDREG72013</v>
          </cell>
          <cell r="B3137" t="str">
            <v>NLD</v>
          </cell>
          <cell r="C3137" t="str">
            <v>Netherlands</v>
          </cell>
          <cell r="D3137" t="str">
            <v>Item 7</v>
          </cell>
          <cell r="E3137" t="str">
            <v>REG7</v>
          </cell>
          <cell r="F3137" t="str">
            <v xml:space="preserve">Compensation following unfair dismissal </v>
          </cell>
          <cell r="G3137">
            <v>2013</v>
          </cell>
          <cell r="H3137">
            <v>2013</v>
          </cell>
          <cell r="I3137"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37">
            <v>7</v>
          </cell>
          <cell r="M3137">
            <v>1</v>
          </cell>
        </row>
        <row r="3138">
          <cell r="A3138" t="str">
            <v>NLDREG82013</v>
          </cell>
          <cell r="B3138" t="str">
            <v>NLD</v>
          </cell>
          <cell r="C3138" t="str">
            <v>Netherlands</v>
          </cell>
          <cell r="D3138" t="str">
            <v>Item 8</v>
          </cell>
          <cell r="E3138" t="str">
            <v>REG8</v>
          </cell>
          <cell r="F3138" t="str">
            <v>Possibility of reinstatement following unfair dismissal</v>
          </cell>
          <cell r="G3138">
            <v>2013</v>
          </cell>
          <cell r="H3138">
            <v>2013</v>
          </cell>
          <cell r="I3138" t="str">
            <v>The option of reinstatement is rarely made available to the employee.</v>
          </cell>
          <cell r="J3138">
            <v>1</v>
          </cell>
          <cell r="M3138">
            <v>2</v>
          </cell>
        </row>
        <row r="3139">
          <cell r="A3139" t="str">
            <v>NLDREG92013</v>
          </cell>
          <cell r="B3139" t="str">
            <v>NLD</v>
          </cell>
          <cell r="C3139" t="str">
            <v>Netherlands</v>
          </cell>
          <cell r="D3139" t="str">
            <v>Item 9</v>
          </cell>
          <cell r="E3139" t="str">
            <v>REG9</v>
          </cell>
          <cell r="F3139" t="str">
            <v>Maximum time for claim</v>
          </cell>
          <cell r="G3139">
            <v>2013</v>
          </cell>
          <cell r="H3139">
            <v>2013</v>
          </cell>
          <cell r="I3139" t="str">
            <v>6 months from the effective date of termination (Civil Code, art. 7:683).</v>
          </cell>
          <cell r="J3139">
            <v>6</v>
          </cell>
          <cell r="M3139">
            <v>3</v>
          </cell>
        </row>
        <row r="3140">
          <cell r="A3140" t="str">
            <v>NLDFTC12013</v>
          </cell>
          <cell r="B3140" t="str">
            <v>NLD</v>
          </cell>
          <cell r="C3140" t="str">
            <v>Netherlands</v>
          </cell>
          <cell r="D3140" t="str">
            <v>Item 10</v>
          </cell>
          <cell r="E3140" t="str">
            <v>FTC1</v>
          </cell>
          <cell r="F3140" t="str">
            <v>Valid cases for use of fixed-term contracts, other than  “objective”  or “material” situation</v>
          </cell>
          <cell r="G3140">
            <v>2013</v>
          </cell>
          <cell r="H3140">
            <v>2013</v>
          </cell>
          <cell r="I3140" t="str">
            <v xml:space="preserve">No restrictions. </v>
          </cell>
          <cell r="J3140">
            <v>3</v>
          </cell>
          <cell r="M3140">
            <v>0</v>
          </cell>
        </row>
        <row r="3141">
          <cell r="A3141" t="str">
            <v>NLDFTC22013</v>
          </cell>
          <cell r="B3141" t="str">
            <v>NLD</v>
          </cell>
          <cell r="C3141" t="str">
            <v>Netherlands</v>
          </cell>
          <cell r="D3141" t="str">
            <v>Item 11</v>
          </cell>
          <cell r="E3141" t="str">
            <v>FTC2</v>
          </cell>
          <cell r="F3141" t="str">
            <v>Maximum number of successive fixed-term contracts</v>
          </cell>
          <cell r="G3141">
            <v>2013</v>
          </cell>
          <cell r="H3141">
            <v>2013</v>
          </cell>
          <cell r="I3141"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41">
            <v>3</v>
          </cell>
          <cell r="M3141">
            <v>3</v>
          </cell>
        </row>
        <row r="3142">
          <cell r="A3142" t="str">
            <v>NLDFTC32013</v>
          </cell>
          <cell r="B3142" t="str">
            <v>NLD</v>
          </cell>
          <cell r="C3142" t="str">
            <v>Netherlands</v>
          </cell>
          <cell r="D3142" t="str">
            <v>Item 12</v>
          </cell>
          <cell r="E3142" t="str">
            <v>FTC3</v>
          </cell>
          <cell r="F3142" t="str">
            <v>Maximum cumulated duration of successive fixed-term contracts</v>
          </cell>
          <cell r="G3142">
            <v>2013</v>
          </cell>
          <cell r="H3142">
            <v>2013</v>
          </cell>
          <cell r="I3142" t="str">
            <v xml:space="preserve">No limit for first fixed-term contracts, but 3 years in case of renewals. </v>
          </cell>
          <cell r="J3142">
            <v>36</v>
          </cell>
          <cell r="M3142">
            <v>1</v>
          </cell>
        </row>
        <row r="3143">
          <cell r="A3143" t="str">
            <v>NLDTWA12013</v>
          </cell>
          <cell r="B3143" t="str">
            <v>NLD</v>
          </cell>
          <cell r="C3143" t="str">
            <v>Netherlands</v>
          </cell>
          <cell r="D3143" t="str">
            <v>Item 13</v>
          </cell>
          <cell r="E3143" t="str">
            <v>TWA1</v>
          </cell>
          <cell r="F3143" t="str">
            <v>Types of work for which TWA employment is legal</v>
          </cell>
          <cell r="G3143">
            <v>2013</v>
          </cell>
          <cell r="H3143">
            <v>2013</v>
          </cell>
          <cell r="I3143" t="str">
            <v>General, with the exception of seamen.</v>
          </cell>
          <cell r="J3143">
            <v>3.5</v>
          </cell>
          <cell r="M3143">
            <v>0.75</v>
          </cell>
        </row>
        <row r="3144">
          <cell r="A3144" t="str">
            <v>NLDTWA22013</v>
          </cell>
          <cell r="B3144" t="str">
            <v>NLD</v>
          </cell>
          <cell r="C3144" t="str">
            <v>Netherlands</v>
          </cell>
          <cell r="D3144" t="str">
            <v>Item 14</v>
          </cell>
          <cell r="E3144" t="str">
            <v>TWA2A, TWA2B</v>
          </cell>
          <cell r="F3144" t="str">
            <v>Are there any restrictions on the number of renewals of a TWA contract?</v>
          </cell>
          <cell r="G3144">
            <v>2013</v>
          </cell>
          <cell r="H3144">
            <v>2013</v>
          </cell>
          <cell r="I3144"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44" t="str">
            <v>No</v>
          </cell>
          <cell r="K3144" t="str">
            <v>Yes</v>
          </cell>
          <cell r="M3144">
            <v>2</v>
          </cell>
          <cell r="N3144">
            <v>4</v>
          </cell>
        </row>
        <row r="3145">
          <cell r="A3145" t="str">
            <v>NLDTWA32013</v>
          </cell>
          <cell r="B3145" t="str">
            <v>NLD</v>
          </cell>
          <cell r="C3145" t="str">
            <v>Netherlands</v>
          </cell>
          <cell r="D3145" t="str">
            <v>Item 15</v>
          </cell>
          <cell r="E3145" t="str">
            <v>TWA3A, TWA3B</v>
          </cell>
          <cell r="F3145" t="str">
            <v>Maximum cumulated duration of temporary work contracts</v>
          </cell>
          <cell r="G3145">
            <v>2013</v>
          </cell>
          <cell r="H3145">
            <v>2013</v>
          </cell>
          <cell r="I3145" t="str">
            <v>Unlimited. After 3.5 years of cumulation of TWA-contracts, the last fixed-term contract will be altered into a contract for an indefinite period with the TWA.</v>
          </cell>
          <cell r="J3145">
            <v>100</v>
          </cell>
          <cell r="K3145">
            <v>100</v>
          </cell>
          <cell r="M3145">
            <v>0</v>
          </cell>
          <cell r="N3145">
            <v>0</v>
          </cell>
        </row>
        <row r="3146">
          <cell r="A3146" t="str">
            <v>NLDTWA42013</v>
          </cell>
          <cell r="B3146" t="str">
            <v>NLD</v>
          </cell>
          <cell r="C3146" t="str">
            <v>Netherlands</v>
          </cell>
          <cell r="D3146" t="str">
            <v>Item 16</v>
          </cell>
          <cell r="E3146" t="str">
            <v>TWA4</v>
          </cell>
          <cell r="F3146" t="str">
            <v>Authorisation and reporting obligations</v>
          </cell>
          <cell r="G3146">
            <v>2013</v>
          </cell>
          <cell r="H3146">
            <v>2013</v>
          </cell>
          <cell r="I3146" t="str">
            <v>No</v>
          </cell>
          <cell r="J3146">
            <v>0</v>
          </cell>
          <cell r="M3146">
            <v>0</v>
          </cell>
        </row>
        <row r="3147">
          <cell r="A3147" t="str">
            <v>NLDTWA52013</v>
          </cell>
          <cell r="B3147" t="str">
            <v>NLD</v>
          </cell>
          <cell r="C3147" t="str">
            <v>Netherlands</v>
          </cell>
          <cell r="D3147" t="str">
            <v>Item 17</v>
          </cell>
          <cell r="E3147" t="str">
            <v>TWA5</v>
          </cell>
          <cell r="F3147" t="str">
            <v>Equal treatment for TWA workers</v>
          </cell>
          <cell r="G3147">
            <v>2013</v>
          </cell>
          <cell r="H3147">
            <v>2013</v>
          </cell>
          <cell r="I3147"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47">
            <v>1.5</v>
          </cell>
          <cell r="M3147">
            <v>4.5</v>
          </cell>
        </row>
        <row r="3148">
          <cell r="A3148" t="str">
            <v>NLDCD12013</v>
          </cell>
          <cell r="B3148" t="str">
            <v>NLD</v>
          </cell>
          <cell r="C3148" t="str">
            <v>Netherlands</v>
          </cell>
          <cell r="D3148" t="str">
            <v>Item 18</v>
          </cell>
          <cell r="E3148" t="str">
            <v>CD1</v>
          </cell>
          <cell r="F3148" t="str">
            <v>Definition of collective dismissal</v>
          </cell>
          <cell r="G3148">
            <v>2013</v>
          </cell>
          <cell r="H3148">
            <v>2013</v>
          </cell>
          <cell r="I3148" t="str">
            <v>Over 3 months, 20+ workers dismissed by one employer in one employment service region. Terminations by mutual agreement shall also be included in the number of dismissed employees for the purpose of determining whether a collective dismissal is taking place (Act No. 197/2011 dated 17 November 2011: amendment to the Collective Redundancy Notification Act, 24 March 1976, Art. 3 (1)).</v>
          </cell>
          <cell r="J3148">
            <v>2.5</v>
          </cell>
          <cell r="M3148">
            <v>3.75</v>
          </cell>
          <cell r="P3148">
            <v>40911</v>
          </cell>
        </row>
        <row r="3149">
          <cell r="A3149" t="str">
            <v>NLDCD22013</v>
          </cell>
          <cell r="B3149" t="str">
            <v>NLD</v>
          </cell>
          <cell r="C3149" t="str">
            <v>Netherlands</v>
          </cell>
          <cell r="D3149" t="str">
            <v>Item 19</v>
          </cell>
          <cell r="E3149" t="str">
            <v>CD2</v>
          </cell>
          <cell r="F3149" t="str">
            <v>Additional notification requirements in case of collective dismissals</v>
          </cell>
          <cell r="G3149">
            <v>2013</v>
          </cell>
          <cell r="H3149">
            <v>2013</v>
          </cell>
          <cell r="I3149" t="str">
            <v>Notification of employee representatives: Duty to inform and consult with Works Council and trade union delegation.
Notification of public authorities: Notification of regional employment office.</v>
          </cell>
          <cell r="J3149">
            <v>1</v>
          </cell>
          <cell r="M3149">
            <v>3</v>
          </cell>
        </row>
        <row r="3150">
          <cell r="A3150" t="str">
            <v>NLDCD32013</v>
          </cell>
          <cell r="B3150" t="str">
            <v>NLD</v>
          </cell>
          <cell r="C3150" t="str">
            <v>Netherlands</v>
          </cell>
          <cell r="D3150" t="str">
            <v>Item 20</v>
          </cell>
          <cell r="E3150" t="str">
            <v>CD3</v>
          </cell>
          <cell r="F3150" t="str">
            <v>Additional delays involved in case of collective dismissals</v>
          </cell>
          <cell r="G3150">
            <v>2013</v>
          </cell>
          <cell r="H3150">
            <v>2013</v>
          </cell>
          <cell r="I3150" t="str">
            <v>30 days waiting period to allow for social plan negotiations (unless the social partners have agreed in writing to refrain from the waiting period.</v>
          </cell>
          <cell r="J3150">
            <v>30</v>
          </cell>
          <cell r="M3150">
            <v>3</v>
          </cell>
        </row>
        <row r="3151">
          <cell r="A3151" t="str">
            <v>NLDCD42013</v>
          </cell>
          <cell r="B3151" t="str">
            <v>NLD</v>
          </cell>
          <cell r="C3151" t="str">
            <v>Netherlands</v>
          </cell>
          <cell r="D3151" t="str">
            <v>Item 21</v>
          </cell>
          <cell r="E3151" t="str">
            <v>CD4</v>
          </cell>
          <cell r="F3151" t="str">
            <v>Other special costs to employers in case of collective dismissals</v>
          </cell>
          <cell r="G3151">
            <v>2013</v>
          </cell>
          <cell r="H3151">
            <v>2013</v>
          </cell>
          <cell r="I3151"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51">
            <v>1</v>
          </cell>
          <cell r="M3151">
            <v>3</v>
          </cell>
        </row>
        <row r="3152">
          <cell r="A3152" t="str">
            <v>ESPREG12012</v>
          </cell>
          <cell r="B3152" t="str">
            <v>ESP</v>
          </cell>
          <cell r="C3152" t="str">
            <v>Spain</v>
          </cell>
          <cell r="D3152" t="str">
            <v>Item 1</v>
          </cell>
          <cell r="E3152" t="str">
            <v>REG1</v>
          </cell>
          <cell r="F3152" t="str">
            <v>Notification procedures</v>
          </cell>
          <cell r="G3152">
            <v>2012</v>
          </cell>
          <cell r="H3152">
            <v>2012</v>
          </cell>
          <cell r="I3152"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52">
            <v>1.5</v>
          </cell>
          <cell r="M3152">
            <v>3</v>
          </cell>
        </row>
        <row r="3153">
          <cell r="A3153" t="str">
            <v>ESPREG22012</v>
          </cell>
          <cell r="B3153" t="str">
            <v>ESP</v>
          </cell>
          <cell r="C3153" t="str">
            <v>Spain</v>
          </cell>
          <cell r="D3153" t="str">
            <v>Item 2</v>
          </cell>
          <cell r="E3153" t="str">
            <v>REG2</v>
          </cell>
          <cell r="F3153" t="str">
            <v>Delay before notice can start</v>
          </cell>
          <cell r="G3153">
            <v>2012</v>
          </cell>
          <cell r="H3153">
            <v>2012</v>
          </cell>
          <cell r="I3153" t="str">
            <v>Letter sent by mail or handed directly to employee.</v>
          </cell>
          <cell r="J3153">
            <v>1</v>
          </cell>
          <cell r="M3153">
            <v>0</v>
          </cell>
        </row>
        <row r="3154">
          <cell r="A3154" t="str">
            <v>ESPREG32012</v>
          </cell>
          <cell r="B3154" t="str">
            <v>ESP</v>
          </cell>
          <cell r="C3154" t="str">
            <v>Spain</v>
          </cell>
          <cell r="D3154" t="str">
            <v>Item 3</v>
          </cell>
          <cell r="E3154" t="str">
            <v>REG3A, REG3B, REG3C</v>
          </cell>
          <cell r="F3154" t="str">
            <v>Notice / tenure</v>
          </cell>
          <cell r="G3154">
            <v>2012</v>
          </cell>
          <cell r="H3154">
            <v>2012</v>
          </cell>
          <cell r="I3154" t="str">
            <v>Workers dismissed for “objective” reasons: 15d.</v>
          </cell>
          <cell r="J3154">
            <v>0.5</v>
          </cell>
          <cell r="K3154">
            <v>0.5</v>
          </cell>
          <cell r="L3154">
            <v>0.5</v>
          </cell>
          <cell r="M3154">
            <v>2</v>
          </cell>
          <cell r="N3154">
            <v>1</v>
          </cell>
          <cell r="O3154">
            <v>0</v>
          </cell>
          <cell r="P3154" t="str">
            <v>19-9-2010</v>
          </cell>
        </row>
        <row r="3155">
          <cell r="A3155" t="str">
            <v>ESPREG42012</v>
          </cell>
          <cell r="B3155" t="str">
            <v>ESP</v>
          </cell>
          <cell r="C3155" t="str">
            <v>Spain</v>
          </cell>
          <cell r="D3155" t="str">
            <v>Item 4</v>
          </cell>
          <cell r="E3155" t="str">
            <v>REG4A, REG4B, REG4C</v>
          </cell>
          <cell r="F3155" t="str">
            <v>Severance pay / tenure</v>
          </cell>
          <cell r="G3155">
            <v>2012</v>
          </cell>
          <cell r="H3155">
            <v>2012</v>
          </cell>
          <cell r="I3155"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55">
            <v>0.5</v>
          </cell>
          <cell r="K3155">
            <v>2.67</v>
          </cell>
          <cell r="L3155">
            <v>12</v>
          </cell>
          <cell r="M3155">
            <v>1</v>
          </cell>
          <cell r="N3155">
            <v>4</v>
          </cell>
          <cell r="O3155">
            <v>4</v>
          </cell>
          <cell r="P3155" t="str">
            <v>19-9-2012</v>
          </cell>
        </row>
        <row r="3156">
          <cell r="A3156" t="str">
            <v>ESPREG52012</v>
          </cell>
          <cell r="B3156" t="str">
            <v>ESP</v>
          </cell>
          <cell r="C3156" t="str">
            <v>Spain</v>
          </cell>
          <cell r="D3156" t="str">
            <v>Item 5</v>
          </cell>
          <cell r="E3156" t="str">
            <v>REG5</v>
          </cell>
          <cell r="F3156" t="str">
            <v>Definition of justified or unfair dismissal</v>
          </cell>
          <cell r="G3156">
            <v>2012</v>
          </cell>
          <cell r="H3156">
            <v>2012</v>
          </cell>
          <cell r="I3156"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56">
            <v>2</v>
          </cell>
          <cell r="M3156">
            <v>4</v>
          </cell>
        </row>
        <row r="3157">
          <cell r="A3157" t="str">
            <v>ESPREG62012</v>
          </cell>
          <cell r="B3157" t="str">
            <v>ESP</v>
          </cell>
          <cell r="C3157" t="str">
            <v>Spain</v>
          </cell>
          <cell r="D3157" t="str">
            <v>Item 6</v>
          </cell>
          <cell r="E3157" t="str">
            <v>REG6</v>
          </cell>
          <cell r="F3157" t="str">
            <v>Trial period</v>
          </cell>
          <cell r="G3157">
            <v>2012</v>
          </cell>
          <cell r="H3157">
            <v>2012</v>
          </cell>
          <cell r="I3157"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3157">
            <v>4</v>
          </cell>
          <cell r="M3157">
            <v>4</v>
          </cell>
        </row>
        <row r="3158">
          <cell r="A3158" t="str">
            <v>ESPREG72012</v>
          </cell>
          <cell r="B3158" t="str">
            <v>ESP</v>
          </cell>
          <cell r="C3158" t="str">
            <v>Spain</v>
          </cell>
          <cell r="D3158" t="str">
            <v>Item 7</v>
          </cell>
          <cell r="E3158" t="str">
            <v>REG7</v>
          </cell>
          <cell r="F3158" t="str">
            <v xml:space="preserve">Compensation following unfair dismissal </v>
          </cell>
          <cell r="G3158">
            <v>2012</v>
          </cell>
          <cell r="H3158">
            <v>2012</v>
          </cell>
          <cell r="I3158"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3158">
            <v>21</v>
          </cell>
          <cell r="M3158">
            <v>4</v>
          </cell>
        </row>
        <row r="3159">
          <cell r="A3159" t="str">
            <v>ESPREG82012</v>
          </cell>
          <cell r="B3159" t="str">
            <v>ESP</v>
          </cell>
          <cell r="C3159" t="str">
            <v>Spain</v>
          </cell>
          <cell r="D3159" t="str">
            <v>Item 8</v>
          </cell>
          <cell r="E3159" t="str">
            <v>REG8</v>
          </cell>
          <cell r="F3159" t="str">
            <v>Possibility of reinstatement following unfair dismissal</v>
          </cell>
          <cell r="G3159">
            <v>2012</v>
          </cell>
          <cell r="H3159">
            <v>2012</v>
          </cell>
          <cell r="I3159"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59">
            <v>0</v>
          </cell>
          <cell r="M3159">
            <v>0</v>
          </cell>
        </row>
        <row r="3160">
          <cell r="A3160" t="str">
            <v>ESPREG92012</v>
          </cell>
          <cell r="B3160" t="str">
            <v>ESP</v>
          </cell>
          <cell r="C3160" t="str">
            <v>Spain</v>
          </cell>
          <cell r="D3160" t="str">
            <v>Item 9</v>
          </cell>
          <cell r="E3160" t="str">
            <v>REG9</v>
          </cell>
          <cell r="F3160" t="str">
            <v>Maximum time for claim</v>
          </cell>
          <cell r="G3160">
            <v>2012</v>
          </cell>
          <cell r="H3160">
            <v>2012</v>
          </cell>
          <cell r="I3160" t="str">
            <v>The worker can file a claim against dismissal within 20 working days following the date of effect of the dismissal. 
Calculation: 20 working days = approx. one calendar month</v>
          </cell>
          <cell r="J3160">
            <v>1</v>
          </cell>
          <cell r="M3160">
            <v>1</v>
          </cell>
        </row>
        <row r="3161">
          <cell r="A3161" t="str">
            <v>ESPFTC12012</v>
          </cell>
          <cell r="B3161" t="str">
            <v>ESP</v>
          </cell>
          <cell r="C3161" t="str">
            <v>Spain</v>
          </cell>
          <cell r="D3161" t="str">
            <v>Item 10</v>
          </cell>
          <cell r="E3161" t="str">
            <v>FTC1</v>
          </cell>
          <cell r="F3161" t="str">
            <v>Valid cases for use of fixed-term contracts, other than  “objective”  or “material” situation</v>
          </cell>
          <cell r="G3161">
            <v>2012</v>
          </cell>
          <cell r="H3161">
            <v>2012</v>
          </cell>
          <cell r="I3161"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61">
            <v>1.5</v>
          </cell>
          <cell r="M3161">
            <v>3</v>
          </cell>
        </row>
        <row r="3162">
          <cell r="A3162" t="str">
            <v>ESPFTC22012</v>
          </cell>
          <cell r="B3162" t="str">
            <v>ESP</v>
          </cell>
          <cell r="C3162" t="str">
            <v>Spain</v>
          </cell>
          <cell r="D3162" t="str">
            <v>Item 11</v>
          </cell>
          <cell r="E3162" t="str">
            <v>FTC2</v>
          </cell>
          <cell r="F3162" t="str">
            <v>Maximum number of successive fixed-term contracts</v>
          </cell>
          <cell r="G3162">
            <v>2012</v>
          </cell>
          <cell r="H3162">
            <v>2012</v>
          </cell>
          <cell r="I3162"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62">
            <v>3</v>
          </cell>
          <cell r="M3162">
            <v>3</v>
          </cell>
          <cell r="P3162" t="str">
            <v>16-6-2010</v>
          </cell>
        </row>
        <row r="3163">
          <cell r="A3163" t="str">
            <v>ESPFTC32012</v>
          </cell>
          <cell r="B3163" t="str">
            <v>ESP</v>
          </cell>
          <cell r="C3163" t="str">
            <v>Spain</v>
          </cell>
          <cell r="D3163" t="str">
            <v>Item 12</v>
          </cell>
          <cell r="E3163" t="str">
            <v>FTC3</v>
          </cell>
          <cell r="F3163" t="str">
            <v>Maximum cumulated duration of successive fixed-term contracts</v>
          </cell>
          <cell r="G3163">
            <v>2012</v>
          </cell>
          <cell r="H3163">
            <v>2012</v>
          </cell>
          <cell r="I3163"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63">
            <v>27</v>
          </cell>
          <cell r="M3163">
            <v>3</v>
          </cell>
          <cell r="P3163" t="str">
            <v>From 16/6/2010 to 
31/8/2011 30 months
From 31/8/2011 to 12/2/2012
27 months</v>
          </cell>
        </row>
        <row r="3164">
          <cell r="A3164" t="str">
            <v>ESPTWA12012</v>
          </cell>
          <cell r="B3164" t="str">
            <v>ESP</v>
          </cell>
          <cell r="C3164" t="str">
            <v>Spain</v>
          </cell>
          <cell r="D3164" t="str">
            <v>Item 13</v>
          </cell>
          <cell r="E3164" t="str">
            <v>TWA1</v>
          </cell>
          <cell r="F3164" t="str">
            <v>Types of work for which TWA employment is legal</v>
          </cell>
          <cell r="G3164">
            <v>2012</v>
          </cell>
          <cell r="H3164">
            <v>2012</v>
          </cell>
          <cell r="I3164"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64">
            <v>2.5</v>
          </cell>
          <cell r="M3164">
            <v>2.25</v>
          </cell>
          <cell r="P3164" t="str">
            <v>19/9/2010</v>
          </cell>
        </row>
        <row r="3165">
          <cell r="A3165" t="str">
            <v>ESPTWA22012</v>
          </cell>
          <cell r="B3165" t="str">
            <v>ESP</v>
          </cell>
          <cell r="C3165" t="str">
            <v>Spain</v>
          </cell>
          <cell r="D3165" t="str">
            <v>Item 14</v>
          </cell>
          <cell r="E3165" t="str">
            <v>TWA2A, TWA2B</v>
          </cell>
          <cell r="F3165" t="str">
            <v>Are there any restrictions on the number of renewals of a TWA contract?</v>
          </cell>
          <cell r="G3165">
            <v>2012</v>
          </cell>
          <cell r="H3165">
            <v>2012</v>
          </cell>
          <cell r="I3165" t="str">
            <v>General rules applicable to temporary contracts and fixed-term employment contracts.
No limitation for renewals of contracts between the agency and the worker.</v>
          </cell>
          <cell r="J3165" t="str">
            <v>Yes</v>
          </cell>
          <cell r="K3165" t="str">
            <v>Yes</v>
          </cell>
          <cell r="M3165">
            <v>4</v>
          </cell>
          <cell r="N3165">
            <v>4</v>
          </cell>
        </row>
        <row r="3166">
          <cell r="A3166" t="str">
            <v>ESPTWA32012</v>
          </cell>
          <cell r="B3166" t="str">
            <v>ESP</v>
          </cell>
          <cell r="C3166" t="str">
            <v>Spain</v>
          </cell>
          <cell r="D3166" t="str">
            <v>Item 15</v>
          </cell>
          <cell r="E3166" t="str">
            <v>TWA3A, TWA3B</v>
          </cell>
          <cell r="F3166" t="str">
            <v>Maximum cumulated duration of temporary work contracts</v>
          </cell>
          <cell r="G3166">
            <v>2012</v>
          </cell>
          <cell r="H3166">
            <v>2012</v>
          </cell>
          <cell r="I3166"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66">
            <v>36</v>
          </cell>
          <cell r="K3166">
            <v>100</v>
          </cell>
          <cell r="M3166">
            <v>1</v>
          </cell>
          <cell r="N3166">
            <v>0</v>
          </cell>
          <cell r="P3166" t="str">
            <v>19-9-2010</v>
          </cell>
        </row>
        <row r="3167">
          <cell r="A3167" t="str">
            <v>ESPTWA42012</v>
          </cell>
          <cell r="B3167" t="str">
            <v>ESP</v>
          </cell>
          <cell r="C3167" t="str">
            <v>Spain</v>
          </cell>
          <cell r="D3167" t="str">
            <v>Item 16</v>
          </cell>
          <cell r="E3167" t="str">
            <v>TWA4</v>
          </cell>
          <cell r="F3167" t="str">
            <v>Authorisation and reporting obligations</v>
          </cell>
          <cell r="G3167">
            <v>2012</v>
          </cell>
          <cell r="H3167">
            <v>2012</v>
          </cell>
          <cell r="I3167"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67">
            <v>3</v>
          </cell>
          <cell r="M3167">
            <v>6</v>
          </cell>
        </row>
        <row r="3168">
          <cell r="A3168" t="str">
            <v>ESPTWA52012</v>
          </cell>
          <cell r="B3168" t="str">
            <v>ESP</v>
          </cell>
          <cell r="C3168" t="str">
            <v>Spain</v>
          </cell>
          <cell r="D3168" t="str">
            <v>Item 17</v>
          </cell>
          <cell r="E3168" t="str">
            <v>TWA5</v>
          </cell>
          <cell r="F3168" t="str">
            <v>Equal treatment for TWA workers</v>
          </cell>
          <cell r="G3168">
            <v>2012</v>
          </cell>
          <cell r="H3168">
            <v>2012</v>
          </cell>
          <cell r="I3168"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68">
            <v>2</v>
          </cell>
          <cell r="M3168">
            <v>6</v>
          </cell>
          <cell r="P3168" t="str">
            <v>19/9/2010</v>
          </cell>
        </row>
        <row r="3169">
          <cell r="A3169" t="str">
            <v>ESPCD12012</v>
          </cell>
          <cell r="B3169" t="str">
            <v>ESP</v>
          </cell>
          <cell r="C3169" t="str">
            <v>Spain</v>
          </cell>
          <cell r="D3169" t="str">
            <v>Item 18</v>
          </cell>
          <cell r="E3169" t="str">
            <v>CD1</v>
          </cell>
          <cell r="F3169" t="str">
            <v>Definition of collective dismissal</v>
          </cell>
          <cell r="G3169">
            <v>2012</v>
          </cell>
          <cell r="H3169">
            <v>2012</v>
          </cell>
          <cell r="I3169" t="str">
            <v>Within 90 days, 10+ workers in firms &lt;100 employees; 10%+ in firms 100-299; 30+ workers in firms 300+ employees.</v>
          </cell>
          <cell r="J3169">
            <v>3</v>
          </cell>
          <cell r="M3169">
            <v>4.5</v>
          </cell>
        </row>
        <row r="3170">
          <cell r="A3170" t="str">
            <v>ESPCD22012</v>
          </cell>
          <cell r="B3170" t="str">
            <v>ESP</v>
          </cell>
          <cell r="C3170" t="str">
            <v>Spain</v>
          </cell>
          <cell r="D3170" t="str">
            <v>Item 19</v>
          </cell>
          <cell r="E3170" t="str">
            <v>CD2</v>
          </cell>
          <cell r="F3170" t="str">
            <v>Additional notification requirements in case of collective dismissals</v>
          </cell>
          <cell r="G3170">
            <v>2012</v>
          </cell>
          <cell r="H3170">
            <v>2012</v>
          </cell>
          <cell r="I3170"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70">
            <v>1.5</v>
          </cell>
          <cell r="M3170">
            <v>4.5</v>
          </cell>
        </row>
        <row r="3171">
          <cell r="A3171" t="str">
            <v>ESPCD32012</v>
          </cell>
          <cell r="B3171" t="str">
            <v>ESP</v>
          </cell>
          <cell r="C3171" t="str">
            <v>Spain</v>
          </cell>
          <cell r="D3171" t="str">
            <v>Item 20</v>
          </cell>
          <cell r="E3171" t="str">
            <v>CD3</v>
          </cell>
          <cell r="F3171" t="str">
            <v>Additional delays involved in case of collective dismissals</v>
          </cell>
          <cell r="G3171">
            <v>2012</v>
          </cell>
          <cell r="H3171">
            <v>2012</v>
          </cell>
          <cell r="I3171"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3171">
            <v>36.5</v>
          </cell>
          <cell r="M3171">
            <v>3</v>
          </cell>
        </row>
        <row r="3172">
          <cell r="A3172" t="str">
            <v>ESPCD42012</v>
          </cell>
          <cell r="B3172" t="str">
            <v>ESP</v>
          </cell>
          <cell r="C3172" t="str">
            <v>Spain</v>
          </cell>
          <cell r="D3172" t="str">
            <v>Item 21</v>
          </cell>
          <cell r="E3172" t="str">
            <v>CD4</v>
          </cell>
          <cell r="F3172" t="str">
            <v>Other special costs to employers in case of collective dismissals</v>
          </cell>
          <cell r="G3172">
            <v>2012</v>
          </cell>
          <cell r="H3172">
            <v>2012</v>
          </cell>
          <cell r="I3172"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3172">
            <v>1</v>
          </cell>
          <cell r="M3172">
            <v>3</v>
          </cell>
        </row>
        <row r="3173">
          <cell r="A3173" t="str">
            <v>ESPREG12013</v>
          </cell>
          <cell r="B3173" t="str">
            <v>ESP</v>
          </cell>
          <cell r="C3173" t="str">
            <v>Spain</v>
          </cell>
          <cell r="D3173" t="str">
            <v>Item 1</v>
          </cell>
          <cell r="E3173" t="str">
            <v>REG1</v>
          </cell>
          <cell r="F3173" t="str">
            <v>Notification procedures</v>
          </cell>
          <cell r="G3173">
            <v>2013</v>
          </cell>
          <cell r="H3173">
            <v>2013</v>
          </cell>
          <cell r="I3173"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73">
            <v>1.5</v>
          </cell>
          <cell r="M3173">
            <v>3</v>
          </cell>
          <cell r="P3173">
            <v>40951</v>
          </cell>
        </row>
        <row r="3174">
          <cell r="A3174" t="str">
            <v>ESPREG22013</v>
          </cell>
          <cell r="B3174" t="str">
            <v>ESP</v>
          </cell>
          <cell r="C3174" t="str">
            <v>Spain</v>
          </cell>
          <cell r="D3174" t="str">
            <v>Item 2</v>
          </cell>
          <cell r="E3174" t="str">
            <v>REG2</v>
          </cell>
          <cell r="F3174" t="str">
            <v>Delay before notice can start</v>
          </cell>
          <cell r="G3174">
            <v>2013</v>
          </cell>
          <cell r="H3174">
            <v>2013</v>
          </cell>
          <cell r="I3174" t="str">
            <v>Letter sent by mail or handed directly to employee.</v>
          </cell>
          <cell r="J3174">
            <v>1</v>
          </cell>
          <cell r="M3174">
            <v>0</v>
          </cell>
        </row>
        <row r="3175">
          <cell r="A3175" t="str">
            <v>ESPREG32013</v>
          </cell>
          <cell r="B3175" t="str">
            <v>ESP</v>
          </cell>
          <cell r="C3175" t="str">
            <v>Spain</v>
          </cell>
          <cell r="D3175" t="str">
            <v>Item 3</v>
          </cell>
          <cell r="E3175" t="str">
            <v>REG3A, REG3B, REG3C</v>
          </cell>
          <cell r="F3175" t="str">
            <v>Notice / tenure</v>
          </cell>
          <cell r="G3175">
            <v>2013</v>
          </cell>
          <cell r="H3175">
            <v>2013</v>
          </cell>
          <cell r="I3175" t="str">
            <v>Workers dismissed for “objective” reasons: 15d.</v>
          </cell>
          <cell r="J3175">
            <v>0.5</v>
          </cell>
          <cell r="K3175">
            <v>0.5</v>
          </cell>
          <cell r="L3175">
            <v>0.5</v>
          </cell>
          <cell r="M3175">
            <v>2</v>
          </cell>
          <cell r="N3175">
            <v>1</v>
          </cell>
          <cell r="O3175">
            <v>0</v>
          </cell>
        </row>
        <row r="3176">
          <cell r="A3176" t="str">
            <v>ESPREG42013</v>
          </cell>
          <cell r="B3176" t="str">
            <v>ESP</v>
          </cell>
          <cell r="C3176" t="str">
            <v>Spain</v>
          </cell>
          <cell r="D3176" t="str">
            <v>Item 4</v>
          </cell>
          <cell r="E3176" t="str">
            <v>REG4A, REG4B, REG4C</v>
          </cell>
          <cell r="F3176" t="str">
            <v>Severance pay / tenure</v>
          </cell>
          <cell r="G3176">
            <v>2013</v>
          </cell>
          <cell r="H3176">
            <v>2013</v>
          </cell>
          <cell r="I3176"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76">
            <v>0.5</v>
          </cell>
          <cell r="K3176">
            <v>2.67</v>
          </cell>
          <cell r="L3176">
            <v>12</v>
          </cell>
          <cell r="M3176">
            <v>1</v>
          </cell>
          <cell r="N3176">
            <v>4</v>
          </cell>
          <cell r="O3176">
            <v>4</v>
          </cell>
        </row>
        <row r="3177">
          <cell r="A3177" t="str">
            <v>ESPREG52013</v>
          </cell>
          <cell r="B3177" t="str">
            <v>ESP</v>
          </cell>
          <cell r="C3177" t="str">
            <v>Spain</v>
          </cell>
          <cell r="D3177" t="str">
            <v>Item 5</v>
          </cell>
          <cell r="E3177" t="str">
            <v>REG5</v>
          </cell>
          <cell r="F3177" t="str">
            <v>Definition of justified or unfair dismissal</v>
          </cell>
          <cell r="G3177">
            <v>2013</v>
          </cell>
          <cell r="H3177">
            <v>2013</v>
          </cell>
          <cell r="I3177"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77">
            <v>2</v>
          </cell>
          <cell r="M3177">
            <v>4</v>
          </cell>
        </row>
        <row r="3178">
          <cell r="A3178" t="str">
            <v>ESPREG62013</v>
          </cell>
          <cell r="B3178" t="str">
            <v>ESP</v>
          </cell>
          <cell r="C3178" t="str">
            <v>Spain</v>
          </cell>
          <cell r="D3178" t="str">
            <v>Item 6</v>
          </cell>
          <cell r="E3178" t="str">
            <v>REG6</v>
          </cell>
          <cell r="F3178" t="str">
            <v>Trial period</v>
          </cell>
          <cell r="G3178">
            <v>2013</v>
          </cell>
          <cell r="H3178">
            <v>2013</v>
          </cell>
          <cell r="I3178" t="str">
            <v xml:space="preserve">The length of trial period shall be the one established by collective agreements and if there is no provision on this matter, this period cannot be longer than six months for qualified technicians nor two months for the rest of workers (3 months in firms with less than 25 workers).
A new type of employment contract was created in 2012, the Permanent Employment Contract to Support Entrepreneurs available exclusively to SMEs with less than 50 employees that did not make unfair or collective dismissals in the 6 months preceding hiring. This contract sets the duration of trial period to 1 year. 
</v>
          </cell>
          <cell r="J3178">
            <v>4</v>
          </cell>
          <cell r="M3178">
            <v>4</v>
          </cell>
          <cell r="P3178">
            <v>41245</v>
          </cell>
        </row>
        <row r="3179">
          <cell r="A3179" t="str">
            <v>ESPREG72013</v>
          </cell>
          <cell r="B3179" t="str">
            <v>ESP</v>
          </cell>
          <cell r="C3179" t="str">
            <v>Spain</v>
          </cell>
          <cell r="D3179" t="str">
            <v>Item 7</v>
          </cell>
          <cell r="E3179" t="str">
            <v>REG7</v>
          </cell>
          <cell r="F3179" t="str">
            <v xml:space="preserve">Compensation following unfair dismissal </v>
          </cell>
          <cell r="G3179">
            <v>2013</v>
          </cell>
          <cell r="H3179">
            <v>2013</v>
          </cell>
          <cell r="I3179" t="str">
            <v>A new level for severance pay concerning unfair dismissal is established which is calculated on 33 days pay per year of service with an upper limit of 24 months pay. This is fully applicable to contracts signed as from the entry into force of the Royal Decree Law 3/2012, that is 12 February 2012.
As for contracts drawn up before this date -12 February 2012- and being extinguished after that date, severance pay for unfair dismissal is calculated on 45 of salary per year of service prior to 12 February 2012 and calculated on 33 days of salary per year of service rendered after that date i.e. the severance pay is calculated for each period in accordance with the amount provided for by the existing rule as to each of them. Nevertheless, the total amount will not be higher than 720 days of salary unless from the calculation of the compensation for the previous period prior to the entry into force of the RDL 3/2012 (12nd February 2012) resulted in a higher number of days, in which case it will be applied the latter as a maximum severance pay without this amount being higher than 42 months pay, in any case.
No interim wages for the duration of the judicial procedure when the employer opts for the severance pay. These interim wages remain only if the employer accepts reinstatement as an option with respect of a dismissal declared as unfair or as a consequence of being declared null, except for legal representatives of workers and union delegates since they can choose between reinstatement and severance pay and in both cases they are entitled to receive interim wages.
Calculation: 22-month compensation minus severance pay as reported in item 4 (12 months).</v>
          </cell>
          <cell r="J3179">
            <v>10</v>
          </cell>
          <cell r="M3179">
            <v>2</v>
          </cell>
          <cell r="P3179">
            <v>41245</v>
          </cell>
        </row>
        <row r="3180">
          <cell r="A3180" t="str">
            <v>ESPREG82013</v>
          </cell>
          <cell r="B3180" t="str">
            <v>ESP</v>
          </cell>
          <cell r="C3180" t="str">
            <v>Spain</v>
          </cell>
          <cell r="D3180" t="str">
            <v>Item 8</v>
          </cell>
          <cell r="E3180" t="str">
            <v>REG8</v>
          </cell>
          <cell r="F3180" t="str">
            <v>Possibility of reinstatement following unfair dismissal</v>
          </cell>
          <cell r="G3180">
            <v>2013</v>
          </cell>
          <cell r="H3180">
            <v>2013</v>
          </cell>
          <cell r="I3180"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80">
            <v>0</v>
          </cell>
          <cell r="M3180">
            <v>0</v>
          </cell>
        </row>
        <row r="3181">
          <cell r="A3181" t="str">
            <v>ESPREG92013</v>
          </cell>
          <cell r="B3181" t="str">
            <v>ESP</v>
          </cell>
          <cell r="C3181" t="str">
            <v>Spain</v>
          </cell>
          <cell r="D3181" t="str">
            <v>Item 9</v>
          </cell>
          <cell r="E3181" t="str">
            <v>REG9</v>
          </cell>
          <cell r="F3181" t="str">
            <v>Maximum time for claim</v>
          </cell>
          <cell r="G3181">
            <v>2013</v>
          </cell>
          <cell r="H3181">
            <v>2013</v>
          </cell>
          <cell r="I3181" t="str">
            <v>The worker can file a claim against dismissal within 20 working days following the date of effect of the dismissal. 
Calculation: 20 working days = approx. one calendar month</v>
          </cell>
          <cell r="J3181">
            <v>1</v>
          </cell>
          <cell r="M3181">
            <v>1</v>
          </cell>
        </row>
        <row r="3182">
          <cell r="A3182" t="str">
            <v>ESPFTC12013</v>
          </cell>
          <cell r="B3182" t="str">
            <v>ESP</v>
          </cell>
          <cell r="C3182" t="str">
            <v>Spain</v>
          </cell>
          <cell r="D3182" t="str">
            <v>Item 10</v>
          </cell>
          <cell r="E3182" t="str">
            <v>FTC1</v>
          </cell>
          <cell r="F3182" t="str">
            <v>Valid cases for use of fixed-term contracts, other than  “objective”  or “material” situation</v>
          </cell>
          <cell r="G3182">
            <v>2013</v>
          </cell>
          <cell r="H3182">
            <v>2013</v>
          </cell>
          <cell r="I3182"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82">
            <v>1.5</v>
          </cell>
          <cell r="M3182">
            <v>3</v>
          </cell>
        </row>
        <row r="3183">
          <cell r="A3183" t="str">
            <v>ESPFTC22013</v>
          </cell>
          <cell r="B3183" t="str">
            <v>ESP</v>
          </cell>
          <cell r="C3183" t="str">
            <v>Spain</v>
          </cell>
          <cell r="D3183" t="str">
            <v>Item 11</v>
          </cell>
          <cell r="E3183" t="str">
            <v>FTC2</v>
          </cell>
          <cell r="F3183" t="str">
            <v>Maximum number of successive fixed-term contracts</v>
          </cell>
          <cell r="G3183">
            <v>2013</v>
          </cell>
          <cell r="H3183">
            <v>2013</v>
          </cell>
          <cell r="I3183"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83">
            <v>3</v>
          </cell>
          <cell r="M3183">
            <v>3</v>
          </cell>
        </row>
        <row r="3184">
          <cell r="A3184" t="str">
            <v>ESPFTC32013</v>
          </cell>
          <cell r="B3184" t="str">
            <v>ESP</v>
          </cell>
          <cell r="C3184" t="str">
            <v>Spain</v>
          </cell>
          <cell r="D3184" t="str">
            <v>Item 12</v>
          </cell>
          <cell r="E3184" t="str">
            <v>FTC3</v>
          </cell>
          <cell r="F3184" t="str">
            <v>Maximum cumulated duration of successive fixed-term contracts</v>
          </cell>
          <cell r="G3184">
            <v>2013</v>
          </cell>
          <cell r="H3184">
            <v>2013</v>
          </cell>
          <cell r="I3184"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84">
            <v>30</v>
          </cell>
          <cell r="M3184">
            <v>2</v>
          </cell>
          <cell r="P3184" t="str">
            <v xml:space="preserve">12/2/2012
New score:
30 months
</v>
          </cell>
        </row>
        <row r="3185">
          <cell r="A3185" t="str">
            <v>ESPTWA12013</v>
          </cell>
          <cell r="B3185" t="str">
            <v>ESP</v>
          </cell>
          <cell r="C3185" t="str">
            <v>Spain</v>
          </cell>
          <cell r="D3185" t="str">
            <v>Item 13</v>
          </cell>
          <cell r="E3185" t="str">
            <v>TWA1</v>
          </cell>
          <cell r="F3185" t="str">
            <v>Types of work for which TWA employment is legal</v>
          </cell>
          <cell r="G3185">
            <v>2013</v>
          </cell>
          <cell r="H3185">
            <v>2013</v>
          </cell>
          <cell r="I3185"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85">
            <v>2.5</v>
          </cell>
          <cell r="M3185">
            <v>2.25</v>
          </cell>
        </row>
        <row r="3186">
          <cell r="A3186" t="str">
            <v>ESPTWA22013</v>
          </cell>
          <cell r="B3186" t="str">
            <v>ESP</v>
          </cell>
          <cell r="C3186" t="str">
            <v>Spain</v>
          </cell>
          <cell r="D3186" t="str">
            <v>Item 14</v>
          </cell>
          <cell r="E3186" t="str">
            <v>TWA2A, TWA2B</v>
          </cell>
          <cell r="F3186" t="str">
            <v>Are there any restrictions on the number of renewals of a TWA contract?</v>
          </cell>
          <cell r="G3186">
            <v>2013</v>
          </cell>
          <cell r="H3186">
            <v>2013</v>
          </cell>
          <cell r="I3186" t="str">
            <v>General rules applicable to temporary contracts and fixed-term employment contracts.
No limitation for renewals of contracts between the agency and the worker.</v>
          </cell>
          <cell r="J3186" t="str">
            <v>Yes</v>
          </cell>
          <cell r="K3186" t="str">
            <v>Yes</v>
          </cell>
          <cell r="M3186">
            <v>4</v>
          </cell>
          <cell r="N3186">
            <v>4</v>
          </cell>
        </row>
        <row r="3187">
          <cell r="A3187" t="str">
            <v>ESPTWA32013</v>
          </cell>
          <cell r="B3187" t="str">
            <v>ESP</v>
          </cell>
          <cell r="C3187" t="str">
            <v>Spain</v>
          </cell>
          <cell r="D3187" t="str">
            <v>Item 15</v>
          </cell>
          <cell r="E3187" t="str">
            <v>TWA3A, TWA3B</v>
          </cell>
          <cell r="F3187" t="str">
            <v>Maximum cumulated duration of temporary work contracts</v>
          </cell>
          <cell r="G3187">
            <v>2013</v>
          </cell>
          <cell r="H3187">
            <v>2013</v>
          </cell>
          <cell r="I3187"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87">
            <v>36</v>
          </cell>
          <cell r="K3187">
            <v>100</v>
          </cell>
          <cell r="M3187">
            <v>1</v>
          </cell>
          <cell r="N3187">
            <v>0</v>
          </cell>
        </row>
        <row r="3188">
          <cell r="A3188" t="str">
            <v>ESPTWA42013</v>
          </cell>
          <cell r="B3188" t="str">
            <v>ESP</v>
          </cell>
          <cell r="C3188" t="str">
            <v>Spain</v>
          </cell>
          <cell r="D3188" t="str">
            <v>Item 16</v>
          </cell>
          <cell r="E3188" t="str">
            <v>TWA4</v>
          </cell>
          <cell r="F3188" t="str">
            <v>Authorisation and reporting obligations</v>
          </cell>
          <cell r="G3188">
            <v>2013</v>
          </cell>
          <cell r="H3188">
            <v>2013</v>
          </cell>
          <cell r="I3188"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88">
            <v>3</v>
          </cell>
          <cell r="M3188">
            <v>6</v>
          </cell>
        </row>
        <row r="3189">
          <cell r="A3189" t="str">
            <v>ESPTWA52013</v>
          </cell>
          <cell r="B3189" t="str">
            <v>ESP</v>
          </cell>
          <cell r="C3189" t="str">
            <v>Spain</v>
          </cell>
          <cell r="D3189" t="str">
            <v>Item 17</v>
          </cell>
          <cell r="E3189" t="str">
            <v>TWA5</v>
          </cell>
          <cell r="F3189" t="str">
            <v>Equal treatment for TWA workers</v>
          </cell>
          <cell r="G3189">
            <v>2013</v>
          </cell>
          <cell r="H3189">
            <v>2013</v>
          </cell>
          <cell r="I3189"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89">
            <v>2</v>
          </cell>
          <cell r="M3189">
            <v>6</v>
          </cell>
        </row>
        <row r="3190">
          <cell r="A3190" t="str">
            <v>ESPCD12013</v>
          </cell>
          <cell r="B3190" t="str">
            <v>ESP</v>
          </cell>
          <cell r="C3190" t="str">
            <v>Spain</v>
          </cell>
          <cell r="D3190" t="str">
            <v>Item 18</v>
          </cell>
          <cell r="E3190" t="str">
            <v>CD1</v>
          </cell>
          <cell r="F3190" t="str">
            <v>Definition of collective dismissal</v>
          </cell>
          <cell r="G3190">
            <v>2013</v>
          </cell>
          <cell r="H3190">
            <v>2013</v>
          </cell>
          <cell r="I3190" t="str">
            <v>Within 90 days, 10+ workers in firms &lt;100 employees; 10%+ in firms 100-299; 30+ workers in firms 300+ employees.</v>
          </cell>
          <cell r="J3190">
            <v>3</v>
          </cell>
          <cell r="M3190">
            <v>4.5</v>
          </cell>
        </row>
        <row r="3191">
          <cell r="A3191" t="str">
            <v>ESPCD22013</v>
          </cell>
          <cell r="B3191" t="str">
            <v>ESP</v>
          </cell>
          <cell r="C3191" t="str">
            <v>Spain</v>
          </cell>
          <cell r="D3191" t="str">
            <v>Item 19</v>
          </cell>
          <cell r="E3191" t="str">
            <v>CD2</v>
          </cell>
          <cell r="F3191" t="str">
            <v>Additional notification requirements in case of collective dismissals</v>
          </cell>
          <cell r="G3191">
            <v>2013</v>
          </cell>
          <cell r="H3191">
            <v>2013</v>
          </cell>
          <cell r="I3191"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91">
            <v>1.5</v>
          </cell>
          <cell r="M3191">
            <v>4.5</v>
          </cell>
          <cell r="P3191">
            <v>41245</v>
          </cell>
        </row>
        <row r="3192">
          <cell r="A3192" t="str">
            <v>ESPCD32013</v>
          </cell>
          <cell r="B3192" t="str">
            <v>ESP</v>
          </cell>
          <cell r="C3192" t="str">
            <v>Spain</v>
          </cell>
          <cell r="D3192" t="str">
            <v>Item 20</v>
          </cell>
          <cell r="E3192" t="str">
            <v>CD3</v>
          </cell>
          <cell r="F3192" t="str">
            <v>Additional delays involved in case of collective dismissals</v>
          </cell>
          <cell r="G3192">
            <v>2013</v>
          </cell>
          <cell r="H3192">
            <v>2013</v>
          </cell>
          <cell r="I3192" t="str">
            <v>Period of consultation required with the representatives of workers of 30 days (15 days in enterprises of less than 50 workers). There is also the possibility that the labour authority contest the arrangements achieved during the consultation period if considered to be concluded unlawfully, deceit, by coercion or abuse or where the benefit management institution reports that there is no cause accrediting legal unemployment situation. And Labour and Social Security Inspectorate can intervene in the proceeding issuing a report on the aspects included within the employer’s notification initiating the procedure, as well as concerning the unemployment benefits management institution.
Once the period of consultation has ended, the employer must notify, on individual basis, the decision of dismissal to workers concerned.
Calculation: 29 days = 30 days for consultation - 1 day for individual dismissal at Item 2.</v>
          </cell>
          <cell r="J3192">
            <v>29</v>
          </cell>
          <cell r="M3192">
            <v>2</v>
          </cell>
          <cell r="P3192">
            <v>41245</v>
          </cell>
        </row>
        <row r="3193">
          <cell r="A3193" t="str">
            <v>ESPCD42013</v>
          </cell>
          <cell r="B3193" t="str">
            <v>ESP</v>
          </cell>
          <cell r="C3193" t="str">
            <v>Spain</v>
          </cell>
          <cell r="D3193" t="str">
            <v>Item 21</v>
          </cell>
          <cell r="E3193" t="str">
            <v>CD4</v>
          </cell>
          <cell r="F3193" t="str">
            <v>Other special costs to employers in case of collective dismissals</v>
          </cell>
          <cell r="G3193">
            <v>2013</v>
          </cell>
          <cell r="H3193">
            <v>2013</v>
          </cell>
          <cell r="I3193" t="str">
            <v xml:space="preserve">The consultation with representatives must be aimed, at least, at avoiding or reducing collective dismissal while mitigating its effects by means of accompanied social measures such as replacement measures, or training and occupational retraining for improving employability, and not compulsorily for dealing with reasons of collective measure.
New design for accompanied social measures:
Firms carrying out a collective dismissal affecting more than 50 workers should offer to these employees concerned an external replacement plan through the authorized employment agencies. This plan, designed for a minimum period of 6 months should include training actions and professional counselling measures, personalized assistance to the employee concerned as well as an active job-seeking support. In any case, the abovementioned is not applicable to those firms that are subject to a bankruptcy procedure. The cost of carrying out and implementation for this plan will not fall on workers, in any case.
The non-compliance with this obligation established or as regards accompanied social measures taken on by the employer could result in a claim proceeding for its compliance by the part of the workers, without prejudice to administrative responsibilities which may proceed based on its non-compliance.
Calculation: average of large and small size of dismissal (1+0)/2=0.5
</v>
          </cell>
          <cell r="J3193">
            <v>0.5</v>
          </cell>
          <cell r="M3193">
            <v>1.5</v>
          </cell>
        </row>
        <row r="3194">
          <cell r="A3194" t="str">
            <v>DEUREG12012</v>
          </cell>
          <cell r="B3194" t="str">
            <v>DEU</v>
          </cell>
          <cell r="C3194" t="str">
            <v>Germany</v>
          </cell>
          <cell r="D3194" t="str">
            <v>Item 1</v>
          </cell>
          <cell r="E3194" t="str">
            <v>REG1</v>
          </cell>
          <cell r="F3194" t="str">
            <v>Notification procedures</v>
          </cell>
          <cell r="G3194">
            <v>2012</v>
          </cell>
          <cell r="H3194">
            <v>2012</v>
          </cell>
          <cell r="I3194"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194">
            <v>2.5</v>
          </cell>
          <cell r="M3194">
            <v>5</v>
          </cell>
        </row>
        <row r="3195">
          <cell r="A3195" t="str">
            <v>DEUREG22012</v>
          </cell>
          <cell r="B3195" t="str">
            <v>DEU</v>
          </cell>
          <cell r="C3195" t="str">
            <v>Germany</v>
          </cell>
          <cell r="D3195" t="str">
            <v>Item 2</v>
          </cell>
          <cell r="E3195" t="str">
            <v>REG2</v>
          </cell>
          <cell r="F3195" t="str">
            <v>Delay before notice can start</v>
          </cell>
          <cell r="G3195">
            <v>2012</v>
          </cell>
          <cell r="H3195">
            <v>2012</v>
          </cell>
          <cell r="I3195"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195">
            <v>16</v>
          </cell>
          <cell r="M3195">
            <v>2</v>
          </cell>
        </row>
        <row r="3196">
          <cell r="A3196" t="str">
            <v>DEUREG32012</v>
          </cell>
          <cell r="B3196" t="str">
            <v>DEU</v>
          </cell>
          <cell r="C3196" t="str">
            <v>Germany</v>
          </cell>
          <cell r="D3196" t="str">
            <v>Item 3</v>
          </cell>
          <cell r="E3196" t="str">
            <v>REG3A, REG3B, REG3C</v>
          </cell>
          <cell r="F3196" t="str">
            <v>Notice / tenure</v>
          </cell>
          <cell r="G3196">
            <v>2012</v>
          </cell>
          <cell r="H3196">
            <v>2012</v>
          </cell>
          <cell r="I3196" t="str">
            <v xml:space="preserve">All workers: 2w in trial period, 4w&lt;2y, 1m&lt;5y, 2m&lt;8y, 3m&lt;10y, 4m&lt;12y, 5m&lt;15y, 6m&lt;20y, 7m&gt;20y. (Notice periods &gt;4w only apply to workers above 25 years of age.)
9 months tenure: 4 weeks, 4 years tenure: 1 month, 20 years tenure: 7 months.
</v>
          </cell>
          <cell r="J3196">
            <v>1</v>
          </cell>
          <cell r="K3196">
            <v>1</v>
          </cell>
          <cell r="L3196">
            <v>7</v>
          </cell>
          <cell r="M3196">
            <v>3</v>
          </cell>
          <cell r="N3196">
            <v>2</v>
          </cell>
          <cell r="O3196">
            <v>4</v>
          </cell>
        </row>
        <row r="3197">
          <cell r="A3197" t="str">
            <v>DEUREG42012</v>
          </cell>
          <cell r="B3197" t="str">
            <v>DEU</v>
          </cell>
          <cell r="C3197" t="str">
            <v>Germany</v>
          </cell>
          <cell r="D3197" t="str">
            <v>Item 4</v>
          </cell>
          <cell r="E3197" t="str">
            <v>REG4A, REG4B, REG4C</v>
          </cell>
          <cell r="F3197" t="str">
            <v>Severance pay / tenure</v>
          </cell>
          <cell r="G3197">
            <v>2012</v>
          </cell>
          <cell r="H3197">
            <v>2012</v>
          </cell>
          <cell r="I3197"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197">
            <v>9.4E-2</v>
          </cell>
          <cell r="K3197">
            <v>0.5</v>
          </cell>
          <cell r="L3197">
            <v>2.5</v>
          </cell>
          <cell r="M3197">
            <v>1</v>
          </cell>
          <cell r="N3197">
            <v>1</v>
          </cell>
          <cell r="O3197">
            <v>1</v>
          </cell>
        </row>
        <row r="3198">
          <cell r="A3198" t="str">
            <v>DEUREG52012</v>
          </cell>
          <cell r="B3198" t="str">
            <v>DEU</v>
          </cell>
          <cell r="C3198" t="str">
            <v>Germany</v>
          </cell>
          <cell r="D3198" t="str">
            <v>Item 5</v>
          </cell>
          <cell r="E3198" t="str">
            <v>REG5</v>
          </cell>
          <cell r="F3198" t="str">
            <v>Definition of justified or unfair dismissal</v>
          </cell>
          <cell r="G3198">
            <v>2012</v>
          </cell>
          <cell r="H3198">
            <v>2012</v>
          </cell>
          <cell r="I3198"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198">
            <v>2</v>
          </cell>
          <cell r="M3198">
            <v>4</v>
          </cell>
        </row>
        <row r="3199">
          <cell r="A3199" t="str">
            <v>DEUREG62012</v>
          </cell>
          <cell r="B3199" t="str">
            <v>DEU</v>
          </cell>
          <cell r="C3199" t="str">
            <v>Germany</v>
          </cell>
          <cell r="D3199" t="str">
            <v>Item 6</v>
          </cell>
          <cell r="E3199" t="str">
            <v>REG6</v>
          </cell>
          <cell r="F3199" t="str">
            <v>Trial period</v>
          </cell>
          <cell r="G3199">
            <v>2012</v>
          </cell>
          <cell r="H3199">
            <v>2012</v>
          </cell>
          <cell r="I3199" t="str">
            <v>6 months (all workers)</v>
          </cell>
          <cell r="J3199">
            <v>6</v>
          </cell>
          <cell r="M3199">
            <v>3</v>
          </cell>
        </row>
        <row r="3200">
          <cell r="A3200" t="str">
            <v>DEUREG72012</v>
          </cell>
          <cell r="B3200" t="str">
            <v>DEU</v>
          </cell>
          <cell r="C3200" t="str">
            <v>Germany</v>
          </cell>
          <cell r="D3200" t="str">
            <v>Item 7</v>
          </cell>
          <cell r="E3200" t="str">
            <v>REG7</v>
          </cell>
          <cell r="F3200" t="str">
            <v xml:space="preserve">Compensation following unfair dismissal </v>
          </cell>
          <cell r="G3200">
            <v>2012</v>
          </cell>
          <cell r="H3200">
            <v>2012</v>
          </cell>
          <cell r="I3200"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00">
            <v>15.5</v>
          </cell>
          <cell r="M3200">
            <v>3</v>
          </cell>
        </row>
        <row r="3201">
          <cell r="A3201" t="str">
            <v>DEUREG82012</v>
          </cell>
          <cell r="B3201" t="str">
            <v>DEU</v>
          </cell>
          <cell r="C3201" t="str">
            <v>Germany</v>
          </cell>
          <cell r="D3201" t="str">
            <v>Item 8</v>
          </cell>
          <cell r="E3201" t="str">
            <v>REG8</v>
          </cell>
          <cell r="F3201" t="str">
            <v>Possibility of reinstatement following unfair dismissal</v>
          </cell>
          <cell r="G3201">
            <v>2012</v>
          </cell>
          <cell r="H3201">
            <v>2012</v>
          </cell>
          <cell r="I3201"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01">
            <v>1.5</v>
          </cell>
          <cell r="M3201">
            <v>3</v>
          </cell>
        </row>
        <row r="3202">
          <cell r="A3202" t="str">
            <v>DEUREG92012</v>
          </cell>
          <cell r="B3202" t="str">
            <v>DEU</v>
          </cell>
          <cell r="C3202" t="str">
            <v>Germany</v>
          </cell>
          <cell r="D3202" t="str">
            <v>Item 9</v>
          </cell>
          <cell r="E3202" t="str">
            <v>REG9</v>
          </cell>
          <cell r="F3202" t="str">
            <v>Maximum time for claim</v>
          </cell>
          <cell r="G3202">
            <v>2012</v>
          </cell>
          <cell r="H3202">
            <v>2012</v>
          </cell>
          <cell r="I3202" t="str">
            <v>3 weeks</v>
          </cell>
          <cell r="J3202">
            <v>0.75</v>
          </cell>
          <cell r="M3202">
            <v>1</v>
          </cell>
        </row>
        <row r="3203">
          <cell r="A3203" t="str">
            <v>DEUFTC12012</v>
          </cell>
          <cell r="B3203" t="str">
            <v>DEU</v>
          </cell>
          <cell r="C3203" t="str">
            <v>Germany</v>
          </cell>
          <cell r="D3203" t="str">
            <v>Item 10</v>
          </cell>
          <cell r="E3203" t="str">
            <v>FTC1</v>
          </cell>
          <cell r="F3203" t="str">
            <v>Valid cases for use of fixed-term contracts, other than  “objective”  or “material” situation</v>
          </cell>
          <cell r="G3203">
            <v>2012</v>
          </cell>
          <cell r="H3203">
            <v>2012</v>
          </cell>
          <cell r="I3203"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03">
            <v>3</v>
          </cell>
          <cell r="M3203">
            <v>0</v>
          </cell>
        </row>
        <row r="3204">
          <cell r="A3204" t="str">
            <v>DEUFTC22012</v>
          </cell>
          <cell r="B3204" t="str">
            <v>DEU</v>
          </cell>
          <cell r="C3204" t="str">
            <v>Germany</v>
          </cell>
          <cell r="D3204" t="str">
            <v>Item 11</v>
          </cell>
          <cell r="E3204" t="str">
            <v>FTC2</v>
          </cell>
          <cell r="F3204" t="str">
            <v>Maximum number of successive fixed-term contracts</v>
          </cell>
          <cell r="G3204">
            <v>2012</v>
          </cell>
          <cell r="H3204">
            <v>2012</v>
          </cell>
          <cell r="I3204"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04">
            <v>4</v>
          </cell>
          <cell r="M3204">
            <v>2</v>
          </cell>
        </row>
        <row r="3205">
          <cell r="A3205" t="str">
            <v>DEUFTC32012</v>
          </cell>
          <cell r="B3205" t="str">
            <v>DEU</v>
          </cell>
          <cell r="C3205" t="str">
            <v>Germany</v>
          </cell>
          <cell r="D3205" t="str">
            <v>Item 12</v>
          </cell>
          <cell r="E3205" t="str">
            <v>FTC3</v>
          </cell>
          <cell r="F3205" t="str">
            <v>Maximum cumulated duration of successive fixed-term contracts</v>
          </cell>
          <cell r="G3205">
            <v>2012</v>
          </cell>
          <cell r="H3205">
            <v>2012</v>
          </cell>
          <cell r="I3205" t="str">
            <v xml:space="preserve">24 months (No legal limit in case of objective reason). Exceptions: launching a new business: 48 months, older unemployed (see above): 60 months
Calculation: average of 24 and 48 months.
</v>
          </cell>
          <cell r="J3205">
            <v>36</v>
          </cell>
          <cell r="M3205">
            <v>1</v>
          </cell>
        </row>
        <row r="3206">
          <cell r="A3206" t="str">
            <v>DEUTWA12012</v>
          </cell>
          <cell r="B3206" t="str">
            <v>DEU</v>
          </cell>
          <cell r="C3206" t="str">
            <v>Germany</v>
          </cell>
          <cell r="D3206" t="str">
            <v>Item 13</v>
          </cell>
          <cell r="E3206" t="str">
            <v>TWA1</v>
          </cell>
          <cell r="F3206" t="str">
            <v>Types of work for which TWA employment is legal</v>
          </cell>
          <cell r="G3206">
            <v>2012</v>
          </cell>
          <cell r="H3206">
            <v>2012</v>
          </cell>
          <cell r="I3206" t="str">
            <v xml:space="preserve">General, with exception of construction industry. In the construction industry the law does not prohibit the use of TAW employment if there is a universally-binding collective agreement allowing its use, which at the moment is not the case. </v>
          </cell>
          <cell r="J3206">
            <v>3</v>
          </cell>
          <cell r="M3206">
            <v>1.5</v>
          </cell>
        </row>
        <row r="3207">
          <cell r="A3207" t="str">
            <v>DEUTWA22012</v>
          </cell>
          <cell r="B3207" t="str">
            <v>DEU</v>
          </cell>
          <cell r="C3207" t="str">
            <v>Germany</v>
          </cell>
          <cell r="D3207" t="str">
            <v>Item 14</v>
          </cell>
          <cell r="E3207" t="str">
            <v>TWA2A, TWA2B</v>
          </cell>
          <cell r="F3207" t="str">
            <v>Are there any restrictions on the number of renewals of a TWA contract?</v>
          </cell>
          <cell r="G3207">
            <v>2012</v>
          </cell>
          <cell r="H3207">
            <v>2012</v>
          </cell>
          <cell r="I3207" t="str">
            <v xml:space="preserve">No for assignments
Yes for contracts between the agency and the worker (see fixed term contracts - item 10)
</v>
          </cell>
          <cell r="J3207" t="str">
            <v>No</v>
          </cell>
          <cell r="K3207" t="str">
            <v>Yes</v>
          </cell>
          <cell r="M3207">
            <v>2</v>
          </cell>
          <cell r="N3207">
            <v>4</v>
          </cell>
        </row>
        <row r="3208">
          <cell r="A3208" t="str">
            <v>DEUTWA32012</v>
          </cell>
          <cell r="B3208" t="str">
            <v>DEU</v>
          </cell>
          <cell r="C3208" t="str">
            <v>Germany</v>
          </cell>
          <cell r="D3208" t="str">
            <v>Item 15</v>
          </cell>
          <cell r="E3208" t="str">
            <v>TWA3A, TWA3B</v>
          </cell>
          <cell r="F3208" t="str">
            <v>Maximum cumulated duration of temporary work contracts</v>
          </cell>
          <cell r="G3208">
            <v>2012</v>
          </cell>
          <cell r="H3208">
            <v>2012</v>
          </cell>
          <cell r="I3208" t="str">
            <v>No legal limit for assignments. However, limits can be set by collective agreements. 
Contracts between the agency and the worker can be open-ended.</v>
          </cell>
          <cell r="J3208">
            <v>100</v>
          </cell>
          <cell r="K3208">
            <v>100</v>
          </cell>
          <cell r="M3208">
            <v>0</v>
          </cell>
          <cell r="N3208">
            <v>0</v>
          </cell>
        </row>
        <row r="3209">
          <cell r="A3209" t="str">
            <v>DEUTWA42012</v>
          </cell>
          <cell r="B3209" t="str">
            <v>DEU</v>
          </cell>
          <cell r="C3209" t="str">
            <v>Germany</v>
          </cell>
          <cell r="D3209" t="str">
            <v>Item 16</v>
          </cell>
          <cell r="E3209" t="str">
            <v>TWA4</v>
          </cell>
          <cell r="F3209" t="str">
            <v>Authorisation and reporting obligations</v>
          </cell>
          <cell r="G3209">
            <v>2012</v>
          </cell>
          <cell r="H3209">
            <v>2012</v>
          </cell>
          <cell r="I3209" t="str">
            <v>TWA needs permission by labour authority and needs to report</v>
          </cell>
          <cell r="J3209">
            <v>3</v>
          </cell>
          <cell r="M3209">
            <v>6</v>
          </cell>
        </row>
        <row r="3210">
          <cell r="A3210" t="str">
            <v>DEUTWA52012</v>
          </cell>
          <cell r="B3210" t="str">
            <v>DEU</v>
          </cell>
          <cell r="C3210" t="str">
            <v>Germany</v>
          </cell>
          <cell r="D3210" t="str">
            <v>Item 17</v>
          </cell>
          <cell r="E3210" t="str">
            <v>TWA5</v>
          </cell>
          <cell r="F3210" t="str">
            <v>Equal treatment for TWA workers</v>
          </cell>
          <cell r="G3210">
            <v>2012</v>
          </cell>
          <cell r="H3210">
            <v>2012</v>
          </cell>
          <cell r="I3210" t="str">
            <v>Equal treatment on pay and conditions, but the principle of equal treatment can be waited as fas as the employees are protected by applicable collective agreements in the TWA sector.</v>
          </cell>
          <cell r="J3210">
            <v>1</v>
          </cell>
          <cell r="M3210">
            <v>3</v>
          </cell>
        </row>
        <row r="3211">
          <cell r="A3211" t="str">
            <v>DEUCD12012</v>
          </cell>
          <cell r="B3211" t="str">
            <v>DEU</v>
          </cell>
          <cell r="C3211" t="str">
            <v>Germany</v>
          </cell>
          <cell r="D3211" t="str">
            <v>Item 18</v>
          </cell>
          <cell r="E3211" t="str">
            <v>CD1</v>
          </cell>
          <cell r="F3211" t="str">
            <v>Definition of collective dismissal</v>
          </cell>
          <cell r="G3211">
            <v>2012</v>
          </cell>
          <cell r="H3211">
            <v>2012</v>
          </cell>
          <cell r="I3211" t="str">
            <v xml:space="preserve">Within 30 days, &gt;5 dimissals in firms 21-59 employees; 10% or &gt; 25 dismissals in firms 60-499; &gt;30 dismissals in firms &gt; 500 employees.
Firms with 20 employees or less are exempt from requirements for collective dismissals.
</v>
          </cell>
          <cell r="J3211">
            <v>4</v>
          </cell>
          <cell r="M3211">
            <v>6</v>
          </cell>
        </row>
        <row r="3212">
          <cell r="A3212" t="str">
            <v>DEUCD22012</v>
          </cell>
          <cell r="B3212" t="str">
            <v>DEU</v>
          </cell>
          <cell r="C3212" t="str">
            <v>Germany</v>
          </cell>
          <cell r="D3212" t="str">
            <v>Item 19</v>
          </cell>
          <cell r="E3212" t="str">
            <v>CD2</v>
          </cell>
          <cell r="F3212" t="str">
            <v>Additional notification requirements in case of collective dismissals</v>
          </cell>
          <cell r="G3212">
            <v>2012</v>
          </cell>
          <cell r="H3212">
            <v>2012</v>
          </cell>
          <cell r="I3212" t="str">
            <v>Notification of employee representatives: Consultation with Works Council. Notification of public authorities: Notification of local employment office.</v>
          </cell>
          <cell r="J3212">
            <v>1</v>
          </cell>
          <cell r="M3212">
            <v>3</v>
          </cell>
        </row>
        <row r="3213">
          <cell r="A3213" t="str">
            <v>DEUCD32012</v>
          </cell>
          <cell r="B3213" t="str">
            <v>DEU</v>
          </cell>
          <cell r="C3213" t="str">
            <v>Germany</v>
          </cell>
          <cell r="D3213" t="str">
            <v>Item 20</v>
          </cell>
          <cell r="E3213" t="str">
            <v>CD3</v>
          </cell>
          <cell r="F3213" t="str">
            <v>Additional delays involved in case of collective dismissals</v>
          </cell>
          <cell r="G3213">
            <v>2012</v>
          </cell>
          <cell r="H3213">
            <v>2012</v>
          </cell>
          <cell r="I3213"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13">
            <v>14</v>
          </cell>
          <cell r="M3213">
            <v>1</v>
          </cell>
        </row>
        <row r="3214">
          <cell r="A3214" t="str">
            <v>DEUCD42012</v>
          </cell>
          <cell r="B3214" t="str">
            <v>DEU</v>
          </cell>
          <cell r="C3214" t="str">
            <v>Germany</v>
          </cell>
          <cell r="D3214" t="str">
            <v>Item 21</v>
          </cell>
          <cell r="E3214" t="str">
            <v>CD4</v>
          </cell>
          <cell r="F3214" t="str">
            <v>Other special costs to employers in case of collective dismissals</v>
          </cell>
          <cell r="G3214">
            <v>2012</v>
          </cell>
          <cell r="H3214">
            <v>2012</v>
          </cell>
          <cell r="I3214"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14">
            <v>1.5</v>
          </cell>
          <cell r="M3214">
            <v>4.5</v>
          </cell>
        </row>
        <row r="3215">
          <cell r="A3215" t="str">
            <v>DEUREG12013</v>
          </cell>
          <cell r="B3215" t="str">
            <v>DEU</v>
          </cell>
          <cell r="C3215" t="str">
            <v>Germany</v>
          </cell>
          <cell r="D3215" t="str">
            <v>Item 1</v>
          </cell>
          <cell r="E3215" t="str">
            <v>REG1</v>
          </cell>
          <cell r="F3215" t="str">
            <v>Notification procedures</v>
          </cell>
          <cell r="G3215">
            <v>2013</v>
          </cell>
          <cell r="H3215">
            <v>2013</v>
          </cell>
          <cell r="I3215"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215">
            <v>2.5</v>
          </cell>
          <cell r="M3215">
            <v>5</v>
          </cell>
        </row>
        <row r="3216">
          <cell r="A3216" t="str">
            <v>DEUREG22013</v>
          </cell>
          <cell r="B3216" t="str">
            <v>DEU</v>
          </cell>
          <cell r="C3216" t="str">
            <v>Germany</v>
          </cell>
          <cell r="D3216" t="str">
            <v>Item 2</v>
          </cell>
          <cell r="E3216" t="str">
            <v>REG2</v>
          </cell>
          <cell r="F3216" t="str">
            <v>Delay before notice can start</v>
          </cell>
          <cell r="G3216">
            <v>2013</v>
          </cell>
          <cell r="H3216">
            <v>2013</v>
          </cell>
          <cell r="I3216"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216">
            <v>16</v>
          </cell>
          <cell r="M3216">
            <v>2</v>
          </cell>
        </row>
        <row r="3217">
          <cell r="A3217" t="str">
            <v>DEUREG32013</v>
          </cell>
          <cell r="B3217" t="str">
            <v>DEU</v>
          </cell>
          <cell r="C3217" t="str">
            <v>Germany</v>
          </cell>
          <cell r="D3217" t="str">
            <v>Item 3</v>
          </cell>
          <cell r="E3217" t="str">
            <v>REG3A, REG3B, REG3C</v>
          </cell>
          <cell r="F3217" t="str">
            <v>Notice / tenure</v>
          </cell>
          <cell r="G3217">
            <v>2013</v>
          </cell>
          <cell r="H3217">
            <v>2013</v>
          </cell>
          <cell r="I3217" t="str">
            <v xml:space="preserve">All workers: 2w in trial period, 4w&lt;2y, 1m&lt;5y, 2m&lt;8y, 3m&lt;10y, 4m&lt;12y, 5m&lt;15y, 6m&lt;20y, 7m&gt;20y. (Notice periods &gt;4w only apply to workers above 25 years of age.)
9 months tenure: 4 weeks, 4 years tenure: 1 month, 20 years tenure: 7 months.
</v>
          </cell>
          <cell r="J3217">
            <v>1</v>
          </cell>
          <cell r="K3217">
            <v>1</v>
          </cell>
          <cell r="L3217">
            <v>7</v>
          </cell>
          <cell r="M3217">
            <v>3</v>
          </cell>
          <cell r="N3217">
            <v>2</v>
          </cell>
          <cell r="O3217">
            <v>4</v>
          </cell>
        </row>
        <row r="3218">
          <cell r="A3218" t="str">
            <v>DEUREG42013</v>
          </cell>
          <cell r="B3218" t="str">
            <v>DEU</v>
          </cell>
          <cell r="C3218" t="str">
            <v>Germany</v>
          </cell>
          <cell r="D3218" t="str">
            <v>Item 4</v>
          </cell>
          <cell r="E3218" t="str">
            <v>REG4A, REG4B, REG4C</v>
          </cell>
          <cell r="F3218" t="str">
            <v>Severance pay / tenure</v>
          </cell>
          <cell r="G3218">
            <v>2013</v>
          </cell>
          <cell r="H3218">
            <v>2013</v>
          </cell>
          <cell r="I3218"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218">
            <v>9.4E-2</v>
          </cell>
          <cell r="K3218">
            <v>0.5</v>
          </cell>
          <cell r="L3218">
            <v>2.5</v>
          </cell>
          <cell r="M3218">
            <v>1</v>
          </cell>
          <cell r="N3218">
            <v>1</v>
          </cell>
          <cell r="O3218">
            <v>1</v>
          </cell>
        </row>
        <row r="3219">
          <cell r="A3219" t="str">
            <v>DEUREG52013</v>
          </cell>
          <cell r="B3219" t="str">
            <v>DEU</v>
          </cell>
          <cell r="C3219" t="str">
            <v>Germany</v>
          </cell>
          <cell r="D3219" t="str">
            <v>Item 5</v>
          </cell>
          <cell r="E3219" t="str">
            <v>REG5</v>
          </cell>
          <cell r="F3219" t="str">
            <v>Definition of justified or unfair dismissal</v>
          </cell>
          <cell r="G3219">
            <v>2013</v>
          </cell>
          <cell r="H3219">
            <v>2013</v>
          </cell>
          <cell r="I3219"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219">
            <v>2</v>
          </cell>
          <cell r="M3219">
            <v>4</v>
          </cell>
        </row>
        <row r="3220">
          <cell r="A3220" t="str">
            <v>DEUREG62013</v>
          </cell>
          <cell r="B3220" t="str">
            <v>DEU</v>
          </cell>
          <cell r="C3220" t="str">
            <v>Germany</v>
          </cell>
          <cell r="D3220" t="str">
            <v>Item 6</v>
          </cell>
          <cell r="E3220" t="str">
            <v>REG6</v>
          </cell>
          <cell r="F3220" t="str">
            <v>Trial period</v>
          </cell>
          <cell r="G3220">
            <v>2013</v>
          </cell>
          <cell r="H3220">
            <v>2013</v>
          </cell>
          <cell r="I3220" t="str">
            <v>6 months (all workers)</v>
          </cell>
          <cell r="J3220">
            <v>6</v>
          </cell>
          <cell r="M3220">
            <v>3</v>
          </cell>
        </row>
        <row r="3221">
          <cell r="A3221" t="str">
            <v>DEUREG72013</v>
          </cell>
          <cell r="B3221" t="str">
            <v>DEU</v>
          </cell>
          <cell r="C3221" t="str">
            <v>Germany</v>
          </cell>
          <cell r="D3221" t="str">
            <v>Item 7</v>
          </cell>
          <cell r="E3221" t="str">
            <v>REG7</v>
          </cell>
          <cell r="F3221" t="str">
            <v xml:space="preserve">Compensation following unfair dismissal </v>
          </cell>
          <cell r="G3221">
            <v>2013</v>
          </cell>
          <cell r="H3221">
            <v>2013</v>
          </cell>
          <cell r="I3221"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21">
            <v>15.5</v>
          </cell>
          <cell r="M3221">
            <v>3</v>
          </cell>
        </row>
        <row r="3222">
          <cell r="A3222" t="str">
            <v>DEUREG82013</v>
          </cell>
          <cell r="B3222" t="str">
            <v>DEU</v>
          </cell>
          <cell r="C3222" t="str">
            <v>Germany</v>
          </cell>
          <cell r="D3222" t="str">
            <v>Item 8</v>
          </cell>
          <cell r="E3222" t="str">
            <v>REG8</v>
          </cell>
          <cell r="F3222" t="str">
            <v>Possibility of reinstatement following unfair dismissal</v>
          </cell>
          <cell r="G3222">
            <v>2013</v>
          </cell>
          <cell r="H3222">
            <v>2013</v>
          </cell>
          <cell r="I3222"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22">
            <v>1.5</v>
          </cell>
          <cell r="M3222">
            <v>3</v>
          </cell>
        </row>
        <row r="3223">
          <cell r="A3223" t="str">
            <v>DEUREG92013</v>
          </cell>
          <cell r="B3223" t="str">
            <v>DEU</v>
          </cell>
          <cell r="C3223" t="str">
            <v>Germany</v>
          </cell>
          <cell r="D3223" t="str">
            <v>Item 9</v>
          </cell>
          <cell r="E3223" t="str">
            <v>REG9</v>
          </cell>
          <cell r="F3223" t="str">
            <v>Maximum time for claim</v>
          </cell>
          <cell r="G3223">
            <v>2013</v>
          </cell>
          <cell r="H3223">
            <v>2013</v>
          </cell>
          <cell r="I3223" t="str">
            <v>3 weeks</v>
          </cell>
          <cell r="J3223">
            <v>0.75</v>
          </cell>
          <cell r="M3223">
            <v>1</v>
          </cell>
        </row>
        <row r="3224">
          <cell r="A3224" t="str">
            <v>DEUFTC12013</v>
          </cell>
          <cell r="B3224" t="str">
            <v>DEU</v>
          </cell>
          <cell r="C3224" t="str">
            <v>Germany</v>
          </cell>
          <cell r="D3224" t="str">
            <v>Item 10</v>
          </cell>
          <cell r="E3224" t="str">
            <v>FTC1</v>
          </cell>
          <cell r="F3224" t="str">
            <v>Valid cases for use of fixed-term contracts, other than  “objective”  or “material” situation</v>
          </cell>
          <cell r="G3224">
            <v>2013</v>
          </cell>
          <cell r="H3224">
            <v>2013</v>
          </cell>
          <cell r="I3224"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24">
            <v>3</v>
          </cell>
          <cell r="M3224">
            <v>0</v>
          </cell>
        </row>
        <row r="3225">
          <cell r="A3225" t="str">
            <v>DEUFTC22013</v>
          </cell>
          <cell r="B3225" t="str">
            <v>DEU</v>
          </cell>
          <cell r="C3225" t="str">
            <v>Germany</v>
          </cell>
          <cell r="D3225" t="str">
            <v>Item 11</v>
          </cell>
          <cell r="E3225" t="str">
            <v>FTC2</v>
          </cell>
          <cell r="F3225" t="str">
            <v>Maximum number of successive fixed-term contracts</v>
          </cell>
          <cell r="G3225">
            <v>2013</v>
          </cell>
          <cell r="H3225">
            <v>2013</v>
          </cell>
          <cell r="I3225"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25">
            <v>4</v>
          </cell>
          <cell r="M3225">
            <v>2</v>
          </cell>
        </row>
        <row r="3226">
          <cell r="A3226" t="str">
            <v>DEUFTC32013</v>
          </cell>
          <cell r="B3226" t="str">
            <v>DEU</v>
          </cell>
          <cell r="C3226" t="str">
            <v>Germany</v>
          </cell>
          <cell r="D3226" t="str">
            <v>Item 12</v>
          </cell>
          <cell r="E3226" t="str">
            <v>FTC3</v>
          </cell>
          <cell r="F3226" t="str">
            <v>Maximum cumulated duration of successive fixed-term contracts</v>
          </cell>
          <cell r="G3226">
            <v>2013</v>
          </cell>
          <cell r="H3226">
            <v>2013</v>
          </cell>
          <cell r="I3226" t="str">
            <v xml:space="preserve">24 months (No legal limit in case of objective reason). Exceptions: launching a new business: 48 months, older unemployed (see above): 60 months
Calculation: average of 24 and 48 months.
</v>
          </cell>
          <cell r="J3226">
            <v>36</v>
          </cell>
          <cell r="M3226">
            <v>1</v>
          </cell>
        </row>
        <row r="3227">
          <cell r="A3227" t="str">
            <v>DEUTWA12013</v>
          </cell>
          <cell r="B3227" t="str">
            <v>DEU</v>
          </cell>
          <cell r="C3227" t="str">
            <v>Germany</v>
          </cell>
          <cell r="D3227" t="str">
            <v>Item 13</v>
          </cell>
          <cell r="E3227" t="str">
            <v>TWA1</v>
          </cell>
          <cell r="F3227" t="str">
            <v>Types of work for which TWA employment is legal</v>
          </cell>
          <cell r="G3227">
            <v>2013</v>
          </cell>
          <cell r="H3227">
            <v>2013</v>
          </cell>
          <cell r="I3227" t="str">
            <v xml:space="preserve">General, with exception of construction industry. In the construction industry the law does not prohibit the use of TAW employment if there is a universally-binding collective agreement allowing its use, which at the moment is not the case. </v>
          </cell>
          <cell r="J3227">
            <v>3</v>
          </cell>
          <cell r="M3227">
            <v>1.5</v>
          </cell>
        </row>
        <row r="3228">
          <cell r="A3228" t="str">
            <v>DEUTWA22013</v>
          </cell>
          <cell r="B3228" t="str">
            <v>DEU</v>
          </cell>
          <cell r="C3228" t="str">
            <v>Germany</v>
          </cell>
          <cell r="D3228" t="str">
            <v>Item 14</v>
          </cell>
          <cell r="E3228" t="str">
            <v>TWA2A, TWA2B</v>
          </cell>
          <cell r="F3228" t="str">
            <v>Are there any restrictions on the number of renewals of a TWA contract?</v>
          </cell>
          <cell r="G3228">
            <v>2013</v>
          </cell>
          <cell r="H3228">
            <v>2013</v>
          </cell>
          <cell r="I3228" t="str">
            <v xml:space="preserve">No for assignments
Yes for contracts between the agency and the worker (see fixed term contracts - item 10)
</v>
          </cell>
          <cell r="J3228" t="str">
            <v>No</v>
          </cell>
          <cell r="K3228" t="str">
            <v>Yes</v>
          </cell>
          <cell r="M3228">
            <v>2</v>
          </cell>
          <cell r="N3228">
            <v>4</v>
          </cell>
        </row>
        <row r="3229">
          <cell r="A3229" t="str">
            <v>DEUTWA32013</v>
          </cell>
          <cell r="B3229" t="str">
            <v>DEU</v>
          </cell>
          <cell r="C3229" t="str">
            <v>Germany</v>
          </cell>
          <cell r="D3229" t="str">
            <v>Item 15</v>
          </cell>
          <cell r="E3229" t="str">
            <v>TWA3A, TWA3B</v>
          </cell>
          <cell r="F3229" t="str">
            <v>Maximum cumulated duration of temporary work contracts</v>
          </cell>
          <cell r="G3229">
            <v>2013</v>
          </cell>
          <cell r="H3229">
            <v>2013</v>
          </cell>
          <cell r="I3229" t="str">
            <v xml:space="preserve">No legal limit for assignments. However, limits can be set by collective agreements. The collective labour agreement of the metalworking sector limits, with few exceptions, the maximum length of assignments in the metalworking sector to 24 months.
Contracts between the agency and the worker can be open-ended.
New score for assignments 5 years or more
</v>
          </cell>
          <cell r="J3229">
            <v>60</v>
          </cell>
          <cell r="K3229">
            <v>100</v>
          </cell>
          <cell r="M3229">
            <v>1</v>
          </cell>
          <cell r="N3229">
            <v>0</v>
          </cell>
          <cell r="P3229">
            <v>41061</v>
          </cell>
        </row>
        <row r="3230">
          <cell r="A3230" t="str">
            <v>DEUTWA42013</v>
          </cell>
          <cell r="B3230" t="str">
            <v>DEU</v>
          </cell>
          <cell r="C3230" t="str">
            <v>Germany</v>
          </cell>
          <cell r="D3230" t="str">
            <v>Item 16</v>
          </cell>
          <cell r="E3230" t="str">
            <v>TWA4</v>
          </cell>
          <cell r="F3230" t="str">
            <v>Authorisation and reporting obligations</v>
          </cell>
          <cell r="G3230">
            <v>2013</v>
          </cell>
          <cell r="H3230">
            <v>2013</v>
          </cell>
          <cell r="I3230" t="str">
            <v>TWA needs permission by labour authority and needs to report</v>
          </cell>
          <cell r="J3230">
            <v>3</v>
          </cell>
          <cell r="M3230">
            <v>6</v>
          </cell>
        </row>
        <row r="3231">
          <cell r="A3231" t="str">
            <v>DEUTWA52013</v>
          </cell>
          <cell r="B3231" t="str">
            <v>DEU</v>
          </cell>
          <cell r="C3231" t="str">
            <v>Germany</v>
          </cell>
          <cell r="D3231" t="str">
            <v>Item 17</v>
          </cell>
          <cell r="E3231" t="str">
            <v>TWA5</v>
          </cell>
          <cell r="F3231" t="str">
            <v>Equal treatment for TWA workers</v>
          </cell>
          <cell r="G3231">
            <v>2013</v>
          </cell>
          <cell r="H3231">
            <v>2013</v>
          </cell>
          <cell r="I3231" t="str">
            <v>Equal treatment on pay and conditions, but the principle of equal treatment can be waited as fas as the employees are protected by applicable collective agreements in the TWA sector. Collective agreements in the metalworking sector and the chemical industry guarantee workers a percentage of pay supplements received by regular employees in the user firm, and this percentage rises with job tenure.</v>
          </cell>
          <cell r="J3231">
            <v>1.5</v>
          </cell>
          <cell r="M3231">
            <v>4.5</v>
          </cell>
          <cell r="P3231">
            <v>41214</v>
          </cell>
        </row>
        <row r="3232">
          <cell r="A3232" t="str">
            <v>DEUCD12013</v>
          </cell>
          <cell r="B3232" t="str">
            <v>DEU</v>
          </cell>
          <cell r="C3232" t="str">
            <v>Germany</v>
          </cell>
          <cell r="D3232" t="str">
            <v>Item 18</v>
          </cell>
          <cell r="E3232" t="str">
            <v>CD1</v>
          </cell>
          <cell r="F3232" t="str">
            <v>Definition of collective dismissal</v>
          </cell>
          <cell r="G3232">
            <v>2013</v>
          </cell>
          <cell r="H3232">
            <v>2013</v>
          </cell>
          <cell r="I3232" t="str">
            <v xml:space="preserve">Within 30 days, &gt;5 dimissals in firms 21-59 employees; 10% or &gt; 25 dismissals in firms 60-499; &gt;30 dismissals in firms &gt; 500 employees.
Firms with 20 employees or less are exempt from requirements for collective dismissals.
</v>
          </cell>
          <cell r="J3232">
            <v>4</v>
          </cell>
          <cell r="M3232">
            <v>6</v>
          </cell>
        </row>
        <row r="3233">
          <cell r="A3233" t="str">
            <v>DEUCD22013</v>
          </cell>
          <cell r="B3233" t="str">
            <v>DEU</v>
          </cell>
          <cell r="C3233" t="str">
            <v>Germany</v>
          </cell>
          <cell r="D3233" t="str">
            <v>Item 19</v>
          </cell>
          <cell r="E3233" t="str">
            <v>CD2</v>
          </cell>
          <cell r="F3233" t="str">
            <v>Additional notification requirements in case of collective dismissals</v>
          </cell>
          <cell r="G3233">
            <v>2013</v>
          </cell>
          <cell r="H3233">
            <v>2013</v>
          </cell>
          <cell r="I3233" t="str">
            <v>Notification of employee representatives: Consultation with Works Council. Notification of public authorities: Notification of local employment office.</v>
          </cell>
          <cell r="J3233">
            <v>1</v>
          </cell>
          <cell r="M3233">
            <v>3</v>
          </cell>
        </row>
        <row r="3234">
          <cell r="A3234" t="str">
            <v>DEUCD32013</v>
          </cell>
          <cell r="B3234" t="str">
            <v>DEU</v>
          </cell>
          <cell r="C3234" t="str">
            <v>Germany</v>
          </cell>
          <cell r="D3234" t="str">
            <v>Item 20</v>
          </cell>
          <cell r="E3234" t="str">
            <v>CD3</v>
          </cell>
          <cell r="F3234" t="str">
            <v>Additional delays involved in case of collective dismissals</v>
          </cell>
          <cell r="G3234">
            <v>2013</v>
          </cell>
          <cell r="H3234">
            <v>2013</v>
          </cell>
          <cell r="I3234"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34">
            <v>14</v>
          </cell>
          <cell r="M3234">
            <v>1</v>
          </cell>
        </row>
        <row r="3235">
          <cell r="A3235" t="str">
            <v>DEUCD42013</v>
          </cell>
          <cell r="B3235" t="str">
            <v>DEU</v>
          </cell>
          <cell r="C3235" t="str">
            <v>Germany</v>
          </cell>
          <cell r="D3235" t="str">
            <v>Item 21</v>
          </cell>
          <cell r="E3235" t="str">
            <v>CD4</v>
          </cell>
          <cell r="F3235" t="str">
            <v>Other special costs to employers in case of collective dismissals</v>
          </cell>
          <cell r="G3235">
            <v>2013</v>
          </cell>
          <cell r="H3235">
            <v>2013</v>
          </cell>
          <cell r="I3235"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35">
            <v>1.5</v>
          </cell>
          <cell r="M3235">
            <v>4.5</v>
          </cell>
        </row>
        <row r="3236">
          <cell r="A3236" t="str">
            <v>PRTREG12013</v>
          </cell>
          <cell r="B3236" t="str">
            <v>PRT</v>
          </cell>
          <cell r="C3236" t="str">
            <v>Portugal</v>
          </cell>
          <cell r="D3236" t="str">
            <v>Item 1</v>
          </cell>
          <cell r="E3236" t="str">
            <v>REG1</v>
          </cell>
          <cell r="F3236" t="str">
            <v>Notification procedures</v>
          </cell>
          <cell r="G3236">
            <v>2013</v>
          </cell>
          <cell r="H3236">
            <v>2013</v>
          </cell>
          <cell r="I3236"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established requirements for dismissal, informing simultaneously the employer of this fact (number 2 of article 370 of the CT).
Dismissal due to unsuitability:
The employer notifies, in writing: (i) the worker and, (ii) if the worker is a union representative, the union association (number 1 of article 376 of the CT) the grounds for dismissal. If the worker is not a union representative, three business days after having received the notification referred in the previous number, the employer must send the same notification to the union association that the worker has indicated for the effect or, if the worker does not indicate any, to the workers committee or, in its absence, to the inter-union committee or union committee (number 2 of article 376 of the CT).
</v>
          </cell>
          <cell r="J3236">
            <v>2</v>
          </cell>
          <cell r="M3236">
            <v>4</v>
          </cell>
          <cell r="P3236" t="str">
            <v>1st Aug 2012</v>
          </cell>
        </row>
        <row r="3237">
          <cell r="A3237" t="str">
            <v>PRTREG22013</v>
          </cell>
          <cell r="B3237" t="str">
            <v>PRT</v>
          </cell>
          <cell r="C3237" t="str">
            <v>Portugal</v>
          </cell>
          <cell r="D3237" t="str">
            <v>Item 2</v>
          </cell>
          <cell r="E3237" t="str">
            <v>REG2</v>
          </cell>
          <cell r="F3237" t="str">
            <v>Delay before notice can start</v>
          </cell>
          <cell r="G3237">
            <v>2013</v>
          </cell>
          <cell r="H3237">
            <v>2013</v>
          </cell>
          <cell r="I3237"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A training and adaptation period or a previous warning must precede the beginning of the procedure of dismissal for unsuitability (see item 5). During the 10 days following the notification referred to in the previous item, the worker may attach documents and request the needed investigative evidences (number 1 of article 377 of the CT). If the worker requested to investigate evidences, the employer should inform the worker, the committee representing the workers and, if the worker is a union representative, the respective union association, of the result of this investigation (number 2 of article 377 of the CT). After the referred notifications, the worker and the committee representing the worker may, within the period of 10 business days, send to the employer their substantiated opinion, namely the motives justifying the dismissal (number 3 of article 377 of the CT).
Decision: After the receipt of the opinions referred in the previous paragraph or the end of the period for the effect, the employer has 30 days to proceed with the dismissal, otherwise it will expire (number 1 of article 378 of the CT).
Calculation: average of extinction of work position (16 days = 1 day for letter + 10 days for first notification and reactions + 5 days for employer to make decision) and unsuitability (23.5 days = 6 days for training and post-training adaptation or previous warning + 1 day for letter + 10 days for first notification plus 5/2 days for investigation plus 10/2 days for reaction to result of investigation). The last two items are divided by 2 to account for the possibility that investigation is not requested. 
</v>
          </cell>
          <cell r="J3237">
            <v>20.25</v>
          </cell>
          <cell r="M3237">
            <v>3</v>
          </cell>
          <cell r="P3237">
            <v>41122</v>
          </cell>
        </row>
        <row r="3238">
          <cell r="A3238" t="str">
            <v>PRTREG32013</v>
          </cell>
          <cell r="B3238" t="str">
            <v>PRT</v>
          </cell>
          <cell r="C3238" t="str">
            <v>Portugal</v>
          </cell>
          <cell r="D3238" t="str">
            <v>Item 3</v>
          </cell>
          <cell r="E3238" t="str">
            <v>REG3A, REG3B, REG3C</v>
          </cell>
          <cell r="F3238" t="str">
            <v>Notice / tenure</v>
          </cell>
          <cell r="G3238">
            <v>2013</v>
          </cell>
          <cell r="H3238">
            <v>2013</v>
          </cell>
          <cell r="I3238"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3238">
            <v>0.5</v>
          </cell>
          <cell r="K3238">
            <v>1</v>
          </cell>
          <cell r="L3238">
            <v>2.5</v>
          </cell>
          <cell r="M3238">
            <v>2</v>
          </cell>
          <cell r="N3238">
            <v>2</v>
          </cell>
          <cell r="O3238">
            <v>1</v>
          </cell>
        </row>
        <row r="3239">
          <cell r="A3239" t="str">
            <v>PRTREG42013</v>
          </cell>
          <cell r="B3239" t="str">
            <v>PRT</v>
          </cell>
          <cell r="C3239" t="str">
            <v>Portugal</v>
          </cell>
          <cell r="D3239" t="str">
            <v>Item 4</v>
          </cell>
          <cell r="E3239" t="str">
            <v>REG4A, REG4B, REG4C</v>
          </cell>
          <cell r="F3239" t="str">
            <v>Severance pay / tenure</v>
          </cell>
          <cell r="G3239">
            <v>2013</v>
          </cell>
          <cell r="H3239">
            <v>2013</v>
          </cell>
          <cell r="I3239" t="str">
            <v xml:space="preserve">Severance payments in the case of termination of employment contracts signed after 1 November 2011:
The worker is entitled to severance payments corresponding to 20 days of base wage and tenure based increments for every year of tenure. The worker’s monthly base wage and tenure based increments that are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Article 366 CT).
Severance payments in the case of termination of employment contracts:
In the case of termination of employment contract signed before the 1st of November 2011, the severance payments are calculated as established in article 366 of the Labour Code, (number 1 of article 6 of Law number 23/2012):
a) Regarding the contract period until 31st of October 2012, the amount of severance payments corresponds to one month of base wage and tenure based increments for every full year of tenure;
b) Regarding the period of the contract after the date referred in the preceding subparagraph, the amount of severance payments corresponds to that established in article 366 of the CT (see above).
c) The total amount of severance payments cannot be less than three months of base wage and tenure based increments. 
Calculation: based on contracts signed after November 2011. </v>
          </cell>
          <cell r="J3239">
            <v>0.5</v>
          </cell>
          <cell r="K3239">
            <v>2.67</v>
          </cell>
          <cell r="L3239">
            <v>12</v>
          </cell>
          <cell r="M3239">
            <v>1</v>
          </cell>
          <cell r="N3239">
            <v>4</v>
          </cell>
          <cell r="O3239">
            <v>4</v>
          </cell>
        </row>
        <row r="3240">
          <cell r="A3240" t="str">
            <v>PRTREG52013</v>
          </cell>
          <cell r="B3240" t="str">
            <v>PRT</v>
          </cell>
          <cell r="C3240" t="str">
            <v>Portugal</v>
          </cell>
          <cell r="D3240" t="str">
            <v>Item 5</v>
          </cell>
          <cell r="E3240" t="str">
            <v>REG5</v>
          </cell>
          <cell r="F3240" t="str">
            <v>Definition of justified or unfair dismissal</v>
          </cell>
          <cell r="G3240">
            <v>2013</v>
          </cell>
          <cell r="H3240">
            <v>2013</v>
          </cell>
          <cell r="I3240" t="str">
            <v xml:space="preserve">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he employer is responsible for defining relevant and non-discriminatory criteria in view of the objectives underlying the extinction of the job.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selection of redundant employees is consistent with the selection criteria mentioned above.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take place in two circumstances: i) in the previous six month modifications of the job requirements occurred, vocational training suitable to the modifications of the job has been provided and after the training, the worker has been provided with a period of adaptation of at least 30 days; or ii) the following conditions are met, cumulatively: a) Substantial modification of the output produced by the worker, determined by the poor performance of his/her duties which is predicted to be definitive; b) the employer informs the worker, attaching documents where the previously provided work is stated, demonstrating this way the substantial modification in the work provided, the worker may issue a statement in writing on the referred elements within a period of no less than five business days; c) After the worker statement or after the end of the period prescribed for that, the employer gives the worker, in writing, suitable orders and instructions relative to the execution of his/her tasks, with the purpose of correcting it; and d) the provisions above concerning training and post-training adaptation has been applied (with appropriate modifications)
The procedure under ii) applies also to unsuitability under 2.
Discriminatory dismissal is always unfair.
Calculation: average of unsuitability (2) and redundancy (0.5). 0.5 in the case of redundancy stems from the obligation of defining relevant and non-discriminatory criteria in view of the objectives underlying the extinction of the job as well as the fact that any worker who, in the three months prior to the beginning of the dismissal procedure, has been transferred to a job which is then made extinct, is entitled to be reallocated to the previous job.
</v>
          </cell>
          <cell r="J3240">
            <v>1.25</v>
          </cell>
          <cell r="M3240">
            <v>2.5</v>
          </cell>
        </row>
        <row r="3241">
          <cell r="A3241" t="str">
            <v>PRTREG62013</v>
          </cell>
          <cell r="B3241" t="str">
            <v>PRT</v>
          </cell>
          <cell r="C3241" t="str">
            <v>Portugal</v>
          </cell>
          <cell r="D3241" t="str">
            <v>Item 6</v>
          </cell>
          <cell r="E3241" t="str">
            <v>REG6</v>
          </cell>
          <cell r="F3241" t="str">
            <v>Trial period</v>
          </cell>
          <cell r="G3241">
            <v>2013</v>
          </cell>
          <cell r="H3241">
            <v>2013</v>
          </cell>
          <cell r="I3241" t="str">
            <v>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v>
          </cell>
          <cell r="J3241">
            <v>4.5</v>
          </cell>
          <cell r="M3241">
            <v>4</v>
          </cell>
        </row>
        <row r="3242">
          <cell r="A3242" t="str">
            <v>PRTREG72013</v>
          </cell>
          <cell r="B3242" t="str">
            <v>PRT</v>
          </cell>
          <cell r="C3242" t="str">
            <v>Portugal</v>
          </cell>
          <cell r="D3242" t="str">
            <v>Item 7</v>
          </cell>
          <cell r="E3242" t="str">
            <v>REG7</v>
          </cell>
          <cell r="F3242" t="str">
            <v xml:space="preserve">Compensation following unfair dismissal </v>
          </cell>
          <cell r="G3242">
            <v>2013</v>
          </cell>
          <cell r="H3242">
            <v>2013</v>
          </cell>
          <cell r="I3242" t="str">
            <v>Dismissal declared unfair (art. 389 CT):
The employer is condemned to indemnify the worker for all the damages caused, material and moral.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orresponding to half the value that would result from the application of that established for indemnity instead of reinstatement at the worker’s request (number 2 of article 389 of the C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Calculation: average of unsuitability and redundancy. For the former, average of irregular procedure (10 months) and indemnity in lieu of reinstatement (20 months): 15 months.</v>
          </cell>
          <cell r="J3242">
            <v>17.5</v>
          </cell>
          <cell r="M3242">
            <v>3</v>
          </cell>
          <cell r="P3242">
            <v>41122</v>
          </cell>
        </row>
        <row r="3243">
          <cell r="A3243" t="str">
            <v>PRTREG82013</v>
          </cell>
          <cell r="B3243" t="str">
            <v>PRT</v>
          </cell>
          <cell r="C3243" t="str">
            <v>Portugal</v>
          </cell>
          <cell r="D3243" t="str">
            <v>Item 8</v>
          </cell>
          <cell r="E3243" t="str">
            <v>REG8</v>
          </cell>
          <cell r="F3243" t="str">
            <v>Possibility of reinstatement following unfair dismissal</v>
          </cell>
          <cell r="G3243">
            <v>2013</v>
          </cell>
          <cell r="H3243">
            <v>2013</v>
          </cell>
          <cell r="I3243"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alculation: average of unsuitability (2) and redundancy (3)</v>
          </cell>
          <cell r="J3243">
            <v>2.5</v>
          </cell>
          <cell r="M3243">
            <v>5</v>
          </cell>
        </row>
        <row r="3244">
          <cell r="A3244" t="str">
            <v>PRTREG92013</v>
          </cell>
          <cell r="B3244" t="str">
            <v>PRT</v>
          </cell>
          <cell r="C3244" t="str">
            <v>Portugal</v>
          </cell>
          <cell r="D3244" t="str">
            <v>Item 9</v>
          </cell>
          <cell r="E3244" t="str">
            <v>REG9</v>
          </cell>
          <cell r="F3244" t="str">
            <v>Maximum time for claim</v>
          </cell>
          <cell r="G3244">
            <v>2013</v>
          </cell>
          <cell r="H3244">
            <v>2013</v>
          </cell>
          <cell r="I3244"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3244">
            <v>1</v>
          </cell>
          <cell r="M3244">
            <v>1</v>
          </cell>
        </row>
        <row r="3245">
          <cell r="A3245" t="str">
            <v>PRTFTC12013</v>
          </cell>
          <cell r="B3245" t="str">
            <v>PRT</v>
          </cell>
          <cell r="C3245" t="str">
            <v>Portugal</v>
          </cell>
          <cell r="D3245" t="str">
            <v>Item 10</v>
          </cell>
          <cell r="E3245" t="str">
            <v>FTC1</v>
          </cell>
          <cell r="F3245" t="str">
            <v>Valid cases for use of fixed-term contracts, other than  “objective”  or “material” situation</v>
          </cell>
          <cell r="G3245">
            <v>2013</v>
          </cell>
          <cell r="H3245">
            <v>2013</v>
          </cell>
          <cell r="I3245"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3245">
            <v>2</v>
          </cell>
          <cell r="M3245">
            <v>2</v>
          </cell>
        </row>
        <row r="3246">
          <cell r="A3246" t="str">
            <v>PRTFTC22013</v>
          </cell>
          <cell r="B3246" t="str">
            <v>PRT</v>
          </cell>
          <cell r="C3246" t="str">
            <v>Portugal</v>
          </cell>
          <cell r="D3246" t="str">
            <v>Item 11</v>
          </cell>
          <cell r="E3246" t="str">
            <v>FTC2</v>
          </cell>
          <cell r="F3246" t="str">
            <v>Maximum number of successive fixed-term contracts</v>
          </cell>
          <cell r="G3246">
            <v>2013</v>
          </cell>
          <cell r="H3246">
            <v>2013</v>
          </cell>
          <cell r="I3246" t="str">
            <v>Renewal of fixed term contracts:
A fixed term contracts may be renewed up to three times (number 1 of article 148 of the CT), which means that the maximum number of successive fixed term contracts is 4 (initial contract plus the three permitted renewals).
Exceptional renewal regime (Law 3/2012):
Two exceptional renewals are permitted in the case of fixed term contracts which, up to 30 June 2013, reach the maximum limit of duration established in number 1 of article 148 of the CT (number 1 of article 2).</v>
          </cell>
          <cell r="J3246">
            <v>6</v>
          </cell>
          <cell r="M3246">
            <v>1</v>
          </cell>
          <cell r="P3246" t="str">
            <v>11 January 2012
4 in 2014
1/11/2012</v>
          </cell>
        </row>
        <row r="3247">
          <cell r="A3247" t="str">
            <v>PRTFTC32013</v>
          </cell>
          <cell r="B3247" t="str">
            <v>PRT</v>
          </cell>
          <cell r="C3247" t="str">
            <v>Portugal</v>
          </cell>
          <cell r="D3247" t="str">
            <v>Item 12</v>
          </cell>
          <cell r="E3247" t="str">
            <v>FTC3</v>
          </cell>
          <cell r="F3247" t="str">
            <v>Maximum cumulated duration of successive fixed-term contracts</v>
          </cell>
          <cell r="G3247">
            <v>2013</v>
          </cell>
          <cell r="H3247">
            <v>2013</v>
          </cell>
          <cell r="I3247" t="str">
            <v>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Exceptional renewal regime (Law 3/2012):
The total duration of the renewals cannot exceed 18 months (number 2 of article 2) and the duration of each exceptional renewal cannot be less than one sixth of the maximum duration of the fixed term contract or its effective duration, according to which is lower (number 3 of article 2).
The validity limit of a fixed term contract which has been renewed under exceptional conditions is 31 December 2014, without prejudice to the provisions in number 3 of article 2 (number 4 of article 2).
Calculation: average of cases established in number 4 of article 140 and other cases (((24+24)/2)+((36+72)/2))/2= 40.5 months</v>
          </cell>
          <cell r="J3247">
            <v>40.5</v>
          </cell>
          <cell r="M3247">
            <v>1</v>
          </cell>
          <cell r="P3247" t="str">
            <v xml:space="preserve">11 January 2012
37.5 months in 2014
</v>
          </cell>
        </row>
        <row r="3248">
          <cell r="A3248" t="str">
            <v>PRTTWA12013</v>
          </cell>
          <cell r="B3248" t="str">
            <v>PRT</v>
          </cell>
          <cell r="C3248" t="str">
            <v>Portugal</v>
          </cell>
          <cell r="D3248" t="str">
            <v>Item 13</v>
          </cell>
          <cell r="E3248" t="str">
            <v>TWA1</v>
          </cell>
          <cell r="F3248" t="str">
            <v>Types of work for which TWA employment is legal</v>
          </cell>
          <cell r="G3248">
            <v>2013</v>
          </cell>
          <cell r="H3248">
            <v>2013</v>
          </cell>
          <cell r="I3248"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3248">
            <v>2.5</v>
          </cell>
          <cell r="M3248">
            <v>2.25</v>
          </cell>
        </row>
        <row r="3249">
          <cell r="A3249" t="str">
            <v>PRTTWA22013</v>
          </cell>
          <cell r="B3249" t="str">
            <v>PRT</v>
          </cell>
          <cell r="C3249" t="str">
            <v>Portugal</v>
          </cell>
          <cell r="D3249" t="str">
            <v>Item 14</v>
          </cell>
          <cell r="E3249" t="str">
            <v>TWA2A, TWA2B</v>
          </cell>
          <cell r="F3249" t="str">
            <v>Are there any restrictions on the number of renewals of a TWA contract?</v>
          </cell>
          <cell r="G3249">
            <v>2013</v>
          </cell>
          <cell r="H3249">
            <v>2013</v>
          </cell>
          <cell r="I3249" t="str">
            <v>Renewal of temporary employment contracts:
A temporary fixed term contract may be renewed for as long as the justifying motive is maintained (number 2 of article 182 of the CT).</v>
          </cell>
          <cell r="J3249" t="str">
            <v>No</v>
          </cell>
          <cell r="K3249" t="str">
            <v>No</v>
          </cell>
          <cell r="M3249">
            <v>2</v>
          </cell>
          <cell r="N3249">
            <v>2</v>
          </cell>
        </row>
        <row r="3250">
          <cell r="A3250" t="str">
            <v>PRTTWA32013</v>
          </cell>
          <cell r="B3250" t="str">
            <v>PRT</v>
          </cell>
          <cell r="C3250" t="str">
            <v>Portugal</v>
          </cell>
          <cell r="D3250" t="str">
            <v>Item 15</v>
          </cell>
          <cell r="E3250" t="str">
            <v>TWA3A, TWA3B</v>
          </cell>
          <cell r="F3250" t="str">
            <v>Maximum cumulated duration of temporary work contracts</v>
          </cell>
          <cell r="G3250">
            <v>2013</v>
          </cell>
          <cell r="H3250">
            <v>2013</v>
          </cell>
          <cell r="I3250"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3250">
            <v>24</v>
          </cell>
          <cell r="K3250">
            <v>24</v>
          </cell>
          <cell r="M3250">
            <v>2</v>
          </cell>
          <cell r="N3250">
            <v>2</v>
          </cell>
        </row>
        <row r="3251">
          <cell r="A3251" t="str">
            <v>PRTTWA42013</v>
          </cell>
          <cell r="B3251" t="str">
            <v>PRT</v>
          </cell>
          <cell r="C3251" t="str">
            <v>Portugal</v>
          </cell>
          <cell r="D3251" t="str">
            <v>Item 16</v>
          </cell>
          <cell r="E3251" t="str">
            <v>TWA4</v>
          </cell>
          <cell r="F3251" t="str">
            <v>Authorisation and reporting obligations</v>
          </cell>
          <cell r="G3251">
            <v>2013</v>
          </cell>
          <cell r="H3251">
            <v>2013</v>
          </cell>
          <cell r="I3251"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3251">
            <v>3</v>
          </cell>
          <cell r="M3251">
            <v>6</v>
          </cell>
        </row>
        <row r="3252">
          <cell r="A3252" t="str">
            <v>PRTTWA52013</v>
          </cell>
          <cell r="B3252" t="str">
            <v>PRT</v>
          </cell>
          <cell r="C3252" t="str">
            <v>Portugal</v>
          </cell>
          <cell r="D3252" t="str">
            <v>Item 17</v>
          </cell>
          <cell r="E3252" t="str">
            <v>TWA5</v>
          </cell>
          <cell r="F3252" t="str">
            <v>Equal treatment for TWA workers</v>
          </cell>
          <cell r="G3252">
            <v>2013</v>
          </cell>
          <cell r="H3252">
            <v>2013</v>
          </cell>
          <cell r="I3252"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3252">
            <v>1.5</v>
          </cell>
          <cell r="M3252">
            <v>4.5</v>
          </cell>
        </row>
        <row r="3253">
          <cell r="A3253" t="str">
            <v>PRTCD12013</v>
          </cell>
          <cell r="B3253" t="str">
            <v>PRT</v>
          </cell>
          <cell r="C3253" t="str">
            <v>Portugal</v>
          </cell>
          <cell r="D3253" t="str">
            <v>Item 18</v>
          </cell>
          <cell r="E3253" t="str">
            <v>CD1</v>
          </cell>
          <cell r="F3253" t="str">
            <v>Definition of collective dismissal</v>
          </cell>
          <cell r="G3253">
            <v>2013</v>
          </cell>
          <cell r="H3253">
            <v>2013</v>
          </cell>
          <cell r="I3253"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3253">
            <v>4</v>
          </cell>
          <cell r="M3253">
            <v>6</v>
          </cell>
        </row>
        <row r="3254">
          <cell r="A3254" t="str">
            <v>PRTCD22013</v>
          </cell>
          <cell r="B3254" t="str">
            <v>PRT</v>
          </cell>
          <cell r="C3254" t="str">
            <v>Portugal</v>
          </cell>
          <cell r="D3254" t="str">
            <v>Item 19</v>
          </cell>
          <cell r="E3254" t="str">
            <v>CD2</v>
          </cell>
          <cell r="F3254" t="str">
            <v>Additional notification requirements in case of collective dismissals</v>
          </cell>
          <cell r="G3254">
            <v>2013</v>
          </cell>
          <cell r="H3254">
            <v>2013</v>
          </cell>
          <cell r="I3254"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3254">
            <v>0.5</v>
          </cell>
          <cell r="M3254">
            <v>1.5</v>
          </cell>
        </row>
        <row r="3255">
          <cell r="A3255" t="str">
            <v>PRTCD32013</v>
          </cell>
          <cell r="B3255" t="str">
            <v>PRT</v>
          </cell>
          <cell r="C3255" t="str">
            <v>Portugal</v>
          </cell>
          <cell r="D3255" t="str">
            <v>Item 20</v>
          </cell>
          <cell r="E3255" t="str">
            <v>CD3</v>
          </cell>
          <cell r="F3255" t="str">
            <v>Additional delays involved in case of collective dismissals</v>
          </cell>
          <cell r="G3255">
            <v>2013</v>
          </cell>
          <cell r="H3255">
            <v>2013</v>
          </cell>
          <cell r="I3255"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3255">
            <v>0</v>
          </cell>
          <cell r="M3255">
            <v>0</v>
          </cell>
        </row>
        <row r="3256">
          <cell r="A3256" t="str">
            <v>PRTCD42013</v>
          </cell>
          <cell r="B3256" t="str">
            <v>PRT</v>
          </cell>
          <cell r="C3256" t="str">
            <v>Portugal</v>
          </cell>
          <cell r="D3256" t="str">
            <v>Item 21</v>
          </cell>
          <cell r="E3256" t="str">
            <v>CD4</v>
          </cell>
          <cell r="F3256" t="str">
            <v>Other special costs to employers in case of collective dismissals</v>
          </cell>
          <cell r="G3256">
            <v>2013</v>
          </cell>
          <cell r="H3256">
            <v>2013</v>
          </cell>
          <cell r="I3256" t="str">
            <v>No additional requirements</v>
          </cell>
          <cell r="J3256">
            <v>0</v>
          </cell>
          <cell r="M3256">
            <v>0</v>
          </cell>
        </row>
        <row r="3257">
          <cell r="A3257" t="str">
            <v>HUNREG12012</v>
          </cell>
          <cell r="B3257" t="str">
            <v>HUN</v>
          </cell>
          <cell r="C3257" t="str">
            <v>Hungary</v>
          </cell>
          <cell r="D3257" t="str">
            <v>Item 1</v>
          </cell>
          <cell r="E3257" t="str">
            <v>REG1</v>
          </cell>
          <cell r="F3257" t="str">
            <v>Notification procedures</v>
          </cell>
          <cell r="G3257">
            <v>2012</v>
          </cell>
          <cell r="H3257">
            <v>2012</v>
          </cell>
          <cell r="I3257"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3257">
            <v>1</v>
          </cell>
          <cell r="M3257">
            <v>2</v>
          </cell>
        </row>
        <row r="3258">
          <cell r="A3258" t="str">
            <v>HUNREG22012</v>
          </cell>
          <cell r="B3258" t="str">
            <v>HUN</v>
          </cell>
          <cell r="C3258" t="str">
            <v>Hungary</v>
          </cell>
          <cell r="D3258" t="str">
            <v>Item 2</v>
          </cell>
          <cell r="E3258" t="str">
            <v>REG2</v>
          </cell>
          <cell r="F3258" t="str">
            <v>Delay before notice can start</v>
          </cell>
          <cell r="G3258">
            <v>2012</v>
          </cell>
          <cell r="H3258">
            <v>2012</v>
          </cell>
          <cell r="I3258" t="str">
            <v xml:space="preserve">The notice period starts on the next day after the written notification is given to the employee. The employee shall be given an opportunity for defence against the objections raised against him/her. 
Calculation: 1 day for letter and 2 days for defence
</v>
          </cell>
          <cell r="J3258">
            <v>3</v>
          </cell>
          <cell r="M3258">
            <v>1</v>
          </cell>
        </row>
        <row r="3259">
          <cell r="A3259" t="str">
            <v>HUNREG32012</v>
          </cell>
          <cell r="B3259" t="str">
            <v>HUN</v>
          </cell>
          <cell r="C3259" t="str">
            <v>Hungary</v>
          </cell>
          <cell r="D3259" t="str">
            <v>Item 3</v>
          </cell>
          <cell r="E3259" t="str">
            <v>REG3A, REG3B, REG3C</v>
          </cell>
          <cell r="F3259" t="str">
            <v>Notice / tenure</v>
          </cell>
          <cell r="G3259">
            <v>2012</v>
          </cell>
          <cell r="H3259">
            <v>2012</v>
          </cell>
          <cell r="I3259" t="str">
            <v xml:space="preserve">All workers: 30d&lt;3y, 35d&lt;5y, 45d&lt;8y, 50d&lt;10y, 55d&lt;15y, 60d&lt;18y, 70d&lt; 20y, 90d&gt;20y.
9 months tenure: 30 days, 4 years tenure: 35 days, 20 years tenure: 90 days.
</v>
          </cell>
          <cell r="J3259">
            <v>1</v>
          </cell>
          <cell r="K3259">
            <v>1.2</v>
          </cell>
          <cell r="L3259">
            <v>3</v>
          </cell>
          <cell r="M3259">
            <v>3</v>
          </cell>
          <cell r="N3259">
            <v>2</v>
          </cell>
          <cell r="O3259">
            <v>2</v>
          </cell>
        </row>
        <row r="3260">
          <cell r="A3260" t="str">
            <v>HUNREG42012</v>
          </cell>
          <cell r="B3260" t="str">
            <v>HUN</v>
          </cell>
          <cell r="C3260" t="str">
            <v>Hungary</v>
          </cell>
          <cell r="D3260" t="str">
            <v>Item 4</v>
          </cell>
          <cell r="E3260" t="str">
            <v>REG4A, REG4B, REG4C</v>
          </cell>
          <cell r="F3260" t="str">
            <v>Severance pay / tenure</v>
          </cell>
          <cell r="G3260">
            <v>2012</v>
          </cell>
          <cell r="H3260">
            <v>2012</v>
          </cell>
          <cell r="I3260" t="str">
            <v xml:space="preserve">All workers: 0&lt;3y, 1m&lt;5y, 2m&lt;10y, 3m&lt;15y, 4m&lt;20,  5m&lt;25y and 6m&gt;25y.
9 months tenure: 0, 4 years tenure: 1 month, 20 years tenure: 5 months.
</v>
          </cell>
          <cell r="J3260">
            <v>0</v>
          </cell>
          <cell r="K3260">
            <v>1</v>
          </cell>
          <cell r="L3260">
            <v>5</v>
          </cell>
          <cell r="M3260">
            <v>0</v>
          </cell>
          <cell r="N3260">
            <v>2</v>
          </cell>
          <cell r="O3260">
            <v>2</v>
          </cell>
        </row>
        <row r="3261">
          <cell r="A3261" t="str">
            <v>HUNREG52012</v>
          </cell>
          <cell r="B3261" t="str">
            <v>HUN</v>
          </cell>
          <cell r="C3261" t="str">
            <v>Hungary</v>
          </cell>
          <cell r="D3261" t="str">
            <v>Item 5</v>
          </cell>
          <cell r="E3261" t="str">
            <v>REG5</v>
          </cell>
          <cell r="F3261" t="str">
            <v>Definition of justified or unfair dismissal</v>
          </cell>
          <cell r="G3261">
            <v>2012</v>
          </cell>
          <cell r="H3261">
            <v>2012</v>
          </cell>
          <cell r="I3261"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61">
            <v>0</v>
          </cell>
          <cell r="M3261">
            <v>0</v>
          </cell>
        </row>
        <row r="3262">
          <cell r="A3262" t="str">
            <v>HUNREG62012</v>
          </cell>
          <cell r="B3262" t="str">
            <v>HUN</v>
          </cell>
          <cell r="C3262" t="str">
            <v>Hungary</v>
          </cell>
          <cell r="D3262" t="str">
            <v>Item 6</v>
          </cell>
          <cell r="E3262" t="str">
            <v>REG6</v>
          </cell>
          <cell r="F3262" t="str">
            <v>Trial period</v>
          </cell>
          <cell r="G3262">
            <v>2012</v>
          </cell>
          <cell r="H3262">
            <v>2012</v>
          </cell>
          <cell r="I3262" t="str">
            <v>30 days. This period may be extended up to 3 months by agreement of parties or collective agreement.</v>
          </cell>
          <cell r="J3262">
            <v>3</v>
          </cell>
          <cell r="M3262">
            <v>4</v>
          </cell>
        </row>
        <row r="3263">
          <cell r="A3263" t="str">
            <v>HUNREG72012</v>
          </cell>
          <cell r="B3263" t="str">
            <v>HUN</v>
          </cell>
          <cell r="C3263" t="str">
            <v>Hungary</v>
          </cell>
          <cell r="D3263" t="str">
            <v>Item 7</v>
          </cell>
          <cell r="E3263" t="str">
            <v>REG7</v>
          </cell>
          <cell r="F3263" t="str">
            <v xml:space="preserve">Compensation following unfair dismissal </v>
          </cell>
          <cell r="G3263">
            <v>2012</v>
          </cell>
          <cell r="H3263">
            <v>2012</v>
          </cell>
          <cell r="I3263"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3263">
            <v>16</v>
          </cell>
          <cell r="M3263">
            <v>3</v>
          </cell>
        </row>
        <row r="3264">
          <cell r="A3264" t="str">
            <v>HUNREG82012</v>
          </cell>
          <cell r="B3264" t="str">
            <v>HUN</v>
          </cell>
          <cell r="C3264" t="str">
            <v>Hungary</v>
          </cell>
          <cell r="D3264" t="str">
            <v>Item 8</v>
          </cell>
          <cell r="E3264" t="str">
            <v>REG8</v>
          </cell>
          <cell r="F3264" t="str">
            <v>Possibility of reinstatement following unfair dismissal</v>
          </cell>
          <cell r="G3264">
            <v>2012</v>
          </cell>
          <cell r="H3264">
            <v>2012</v>
          </cell>
          <cell r="I3264"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3264">
            <v>2</v>
          </cell>
          <cell r="M3264">
            <v>4</v>
          </cell>
        </row>
        <row r="3265">
          <cell r="A3265" t="str">
            <v>HUNREG92012</v>
          </cell>
          <cell r="B3265" t="str">
            <v>HUN</v>
          </cell>
          <cell r="C3265" t="str">
            <v>Hungary</v>
          </cell>
          <cell r="D3265" t="str">
            <v>Item 9</v>
          </cell>
          <cell r="E3265" t="str">
            <v>REG9</v>
          </cell>
          <cell r="F3265" t="str">
            <v>Maximum time for claim</v>
          </cell>
          <cell r="G3265">
            <v>2012</v>
          </cell>
          <cell r="H3265">
            <v>2012</v>
          </cell>
          <cell r="I3265" t="str">
            <v xml:space="preserve">A dismissal claim may be filed within 30 days after the written notice is received.
Before dismissal takes effect </v>
          </cell>
          <cell r="J3265">
            <v>0</v>
          </cell>
          <cell r="M3265">
            <v>0</v>
          </cell>
        </row>
        <row r="3266">
          <cell r="A3266" t="str">
            <v>HUNFTC12012</v>
          </cell>
          <cell r="B3266" t="str">
            <v>HUN</v>
          </cell>
          <cell r="C3266" t="str">
            <v>Hungary</v>
          </cell>
          <cell r="D3266" t="str">
            <v>Item 10</v>
          </cell>
          <cell r="E3266" t="str">
            <v>FTC1</v>
          </cell>
          <cell r="F3266" t="str">
            <v>Valid cases for use of fixed-term contracts, other than  “objective”  or “material” situation</v>
          </cell>
          <cell r="G3266">
            <v>2012</v>
          </cell>
          <cell r="H3266">
            <v>2012</v>
          </cell>
          <cell r="I3266" t="str">
            <v>There are no restrictions for the first contract, but the extension of the fixed-term contracts must be based on objective grounds that have no bearing on work organization and must not infringe upon the employee’s legitimate interest..</v>
          </cell>
          <cell r="J3266">
            <v>2.5</v>
          </cell>
          <cell r="M3266">
            <v>1</v>
          </cell>
        </row>
        <row r="3267">
          <cell r="A3267" t="str">
            <v>HUNFTC22012</v>
          </cell>
          <cell r="B3267" t="str">
            <v>HUN</v>
          </cell>
          <cell r="C3267" t="str">
            <v>Hungary</v>
          </cell>
          <cell r="D3267" t="str">
            <v>Item 11</v>
          </cell>
          <cell r="E3267" t="str">
            <v>FTC2</v>
          </cell>
          <cell r="F3267" t="str">
            <v>Maximum number of successive fixed-term contracts</v>
          </cell>
          <cell r="G3267">
            <v>2012</v>
          </cell>
          <cell r="H3267">
            <v>2012</v>
          </cell>
          <cell r="I3267" t="str">
            <v>No limit specified. But the extension of the fixed-term contracts must be based on objective grounds that have no bearing on work organization and must not infringe upon the employee’s legitimate interest.</v>
          </cell>
          <cell r="J3267">
            <v>2.5</v>
          </cell>
          <cell r="M3267">
            <v>4</v>
          </cell>
        </row>
        <row r="3268">
          <cell r="A3268" t="str">
            <v>HUNFTC32012</v>
          </cell>
          <cell r="B3268" t="str">
            <v>HUN</v>
          </cell>
          <cell r="C3268" t="str">
            <v>Hungary</v>
          </cell>
          <cell r="D3268" t="str">
            <v>Item 12</v>
          </cell>
          <cell r="E3268" t="str">
            <v>FTC3</v>
          </cell>
          <cell r="F3268" t="str">
            <v>Maximum cumulated duration of successive fixed-term contracts</v>
          </cell>
          <cell r="G3268">
            <v>2012</v>
          </cell>
          <cell r="H3268">
            <v>2012</v>
          </cell>
          <cell r="I3268"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68">
            <v>60</v>
          </cell>
          <cell r="M3268">
            <v>1</v>
          </cell>
        </row>
        <row r="3269">
          <cell r="A3269" t="str">
            <v>HUNTWA12012</v>
          </cell>
          <cell r="B3269" t="str">
            <v>HUN</v>
          </cell>
          <cell r="C3269" t="str">
            <v>Hungary</v>
          </cell>
          <cell r="D3269" t="str">
            <v>Item 13</v>
          </cell>
          <cell r="E3269" t="str">
            <v>TWA1</v>
          </cell>
          <cell r="F3269" t="str">
            <v>Types of work for which TWA employment is legal</v>
          </cell>
          <cell r="G3269">
            <v>2012</v>
          </cell>
          <cell r="H3269">
            <v>2012</v>
          </cell>
          <cell r="I3269"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69">
            <v>4</v>
          </cell>
          <cell r="M3269">
            <v>0</v>
          </cell>
        </row>
        <row r="3270">
          <cell r="A3270" t="str">
            <v>HUNTWA22012</v>
          </cell>
          <cell r="B3270" t="str">
            <v>HUN</v>
          </cell>
          <cell r="C3270" t="str">
            <v>Hungary</v>
          </cell>
          <cell r="D3270" t="str">
            <v>Item 14</v>
          </cell>
          <cell r="E3270" t="str">
            <v>TWA2A, TWA2B</v>
          </cell>
          <cell r="F3270" t="str">
            <v>Are there any restrictions on the number of renewals of a TWA contract?</v>
          </cell>
          <cell r="G3270">
            <v>2012</v>
          </cell>
          <cell r="H3270">
            <v>2012</v>
          </cell>
          <cell r="I3270"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70" t="str">
            <v>No</v>
          </cell>
          <cell r="K3270" t="str">
            <v>No</v>
          </cell>
          <cell r="M3270">
            <v>2</v>
          </cell>
          <cell r="N3270">
            <v>2</v>
          </cell>
        </row>
        <row r="3271">
          <cell r="A3271" t="str">
            <v>HUNTWA32012</v>
          </cell>
          <cell r="B3271" t="str">
            <v>HUN</v>
          </cell>
          <cell r="C3271" t="str">
            <v>Hungary</v>
          </cell>
          <cell r="D3271" t="str">
            <v>Item 15</v>
          </cell>
          <cell r="E3271" t="str">
            <v>TWA3A, TWA3B</v>
          </cell>
          <cell r="F3271" t="str">
            <v>Maximum cumulated duration of temporary work contracts</v>
          </cell>
          <cell r="G3271">
            <v>2012</v>
          </cell>
          <cell r="H3271">
            <v>2012</v>
          </cell>
          <cell r="I3271"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71">
            <v>98</v>
          </cell>
          <cell r="K3271">
            <v>100</v>
          </cell>
          <cell r="M3271">
            <v>1</v>
          </cell>
          <cell r="N3271">
            <v>0</v>
          </cell>
          <cell r="P3271">
            <v>40878</v>
          </cell>
        </row>
        <row r="3272">
          <cell r="A3272" t="str">
            <v>HUNTWA42012</v>
          </cell>
          <cell r="B3272" t="str">
            <v>HUN</v>
          </cell>
          <cell r="C3272" t="str">
            <v>Hungary</v>
          </cell>
          <cell r="D3272" t="str">
            <v>Item 16</v>
          </cell>
          <cell r="E3272" t="str">
            <v>TWA4</v>
          </cell>
          <cell r="F3272" t="str">
            <v>Authorisation and reporting obligations</v>
          </cell>
          <cell r="G3272">
            <v>2012</v>
          </cell>
          <cell r="H3272">
            <v>2012</v>
          </cell>
          <cell r="I3272"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72">
            <v>3</v>
          </cell>
          <cell r="M3272">
            <v>6</v>
          </cell>
        </row>
        <row r="3273">
          <cell r="A3273" t="str">
            <v>HUNTWA52012</v>
          </cell>
          <cell r="B3273" t="str">
            <v>HUN</v>
          </cell>
          <cell r="C3273" t="str">
            <v>Hungary</v>
          </cell>
          <cell r="D3273" t="str">
            <v>Item 17</v>
          </cell>
          <cell r="E3273" t="str">
            <v>TWA5</v>
          </cell>
          <cell r="F3273" t="str">
            <v>Equal treatment for TWA workers</v>
          </cell>
          <cell r="G3273">
            <v>2012</v>
          </cell>
          <cell r="H3273">
            <v>2012</v>
          </cell>
          <cell r="I3273" t="str">
            <v>Equal treatment shall be granted for temporary agency workers from the first day of the employment, excluding wages. As regards wages, equal treatment shall be granted after 6 months employment at the same user firm.</v>
          </cell>
          <cell r="J3273">
            <v>1.5</v>
          </cell>
          <cell r="M3273">
            <v>4.5</v>
          </cell>
        </row>
        <row r="3274">
          <cell r="A3274" t="str">
            <v>HUNCD12012</v>
          </cell>
          <cell r="B3274" t="str">
            <v>HUN</v>
          </cell>
          <cell r="C3274" t="str">
            <v>Hungary</v>
          </cell>
          <cell r="D3274" t="str">
            <v>Item 18</v>
          </cell>
          <cell r="E3274" t="str">
            <v>CD1</v>
          </cell>
          <cell r="F3274" t="str">
            <v>Definition of collective dismissal</v>
          </cell>
          <cell r="G3274">
            <v>2012</v>
          </cell>
          <cell r="H3274">
            <v>2012</v>
          </cell>
          <cell r="I3274" t="str">
            <v>10+ workers in firms 20-99 employees; &gt;10% in firms 100-299; 30+ workers in firms 300+ employee</v>
          </cell>
          <cell r="J3274">
            <v>3</v>
          </cell>
          <cell r="M3274">
            <v>4.5</v>
          </cell>
        </row>
        <row r="3275">
          <cell r="A3275" t="str">
            <v>HUNCD22012</v>
          </cell>
          <cell r="B3275" t="str">
            <v>HUN</v>
          </cell>
          <cell r="C3275" t="str">
            <v>Hungary</v>
          </cell>
          <cell r="D3275" t="str">
            <v>Item 19</v>
          </cell>
          <cell r="E3275" t="str">
            <v>CD2</v>
          </cell>
          <cell r="F3275" t="str">
            <v>Additional notification requirements in case of collective dismissals</v>
          </cell>
          <cell r="G3275">
            <v>2012</v>
          </cell>
          <cell r="H3275">
            <v>2012</v>
          </cell>
          <cell r="I3275"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75">
            <v>2</v>
          </cell>
          <cell r="M3275">
            <v>6</v>
          </cell>
        </row>
        <row r="3276">
          <cell r="A3276" t="str">
            <v>HUNCD32012</v>
          </cell>
          <cell r="B3276" t="str">
            <v>HUN</v>
          </cell>
          <cell r="C3276" t="str">
            <v>Hungary</v>
          </cell>
          <cell r="D3276" t="str">
            <v>Item 20</v>
          </cell>
          <cell r="E3276" t="str">
            <v>CD3</v>
          </cell>
          <cell r="F3276" t="str">
            <v>Additional delays involved in case of collective dismissals</v>
          </cell>
          <cell r="G3276">
            <v>2012</v>
          </cell>
          <cell r="H3276">
            <v>2012</v>
          </cell>
          <cell r="I3276"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3276">
            <v>49</v>
          </cell>
          <cell r="M3276">
            <v>3</v>
          </cell>
        </row>
        <row r="3277">
          <cell r="A3277" t="str">
            <v>HUNCD42012</v>
          </cell>
          <cell r="B3277" t="str">
            <v>HUN</v>
          </cell>
          <cell r="C3277" t="str">
            <v>Hungary</v>
          </cell>
          <cell r="D3277" t="str">
            <v>Item 21</v>
          </cell>
          <cell r="E3277" t="str">
            <v>CD4</v>
          </cell>
          <cell r="F3277" t="str">
            <v>Other special costs to employers in case of collective dismissals</v>
          </cell>
          <cell r="G3277">
            <v>2012</v>
          </cell>
          <cell r="H3277">
            <v>2012</v>
          </cell>
          <cell r="I3277"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77">
            <v>0</v>
          </cell>
          <cell r="M3277">
            <v>0</v>
          </cell>
        </row>
        <row r="3278">
          <cell r="A3278" t="str">
            <v>HUNREG12013</v>
          </cell>
          <cell r="B3278" t="str">
            <v>HUN</v>
          </cell>
          <cell r="C3278" t="str">
            <v>Hungary</v>
          </cell>
          <cell r="D3278" t="str">
            <v>Item 1</v>
          </cell>
          <cell r="E3278" t="str">
            <v>REG1</v>
          </cell>
          <cell r="F3278" t="str">
            <v>Notification procedures</v>
          </cell>
          <cell r="G3278">
            <v>2013</v>
          </cell>
          <cell r="H3278">
            <v>2013</v>
          </cell>
          <cell r="I3278" t="str">
            <v>The employer shall justify his notice. The justification shall clearly indicate the cause of the notice. Agreements and statements of termination of an employment relationship shall be made in writing.</v>
          </cell>
          <cell r="J3278">
            <v>1</v>
          </cell>
          <cell r="M3278">
            <v>2</v>
          </cell>
          <cell r="P3278">
            <v>41091</v>
          </cell>
        </row>
        <row r="3279">
          <cell r="A3279" t="str">
            <v>HUNREG22013</v>
          </cell>
          <cell r="B3279" t="str">
            <v>HUN</v>
          </cell>
          <cell r="C3279" t="str">
            <v>Hungary</v>
          </cell>
          <cell r="D3279" t="str">
            <v>Item 2</v>
          </cell>
          <cell r="E3279" t="str">
            <v>REG2</v>
          </cell>
          <cell r="F3279" t="str">
            <v>Delay before notice can start</v>
          </cell>
          <cell r="G3279">
            <v>2013</v>
          </cell>
          <cell r="H3279">
            <v>2013</v>
          </cell>
          <cell r="I3279" t="str">
            <v>The notice period starts on the next day after the written notification is given to the employee. 
Calculation: 1 day for letter</v>
          </cell>
          <cell r="J3279">
            <v>1</v>
          </cell>
          <cell r="M3279">
            <v>0</v>
          </cell>
          <cell r="P3279">
            <v>41091</v>
          </cell>
        </row>
        <row r="3280">
          <cell r="A3280" t="str">
            <v>HUNREG32013</v>
          </cell>
          <cell r="B3280" t="str">
            <v>HUN</v>
          </cell>
          <cell r="C3280" t="str">
            <v>Hungary</v>
          </cell>
          <cell r="D3280" t="str">
            <v>Item 3</v>
          </cell>
          <cell r="E3280" t="str">
            <v>REG3A, REG3B, REG3C</v>
          </cell>
          <cell r="F3280" t="str">
            <v>Notice / tenure</v>
          </cell>
          <cell r="G3280">
            <v>2013</v>
          </cell>
          <cell r="H3280">
            <v>2013</v>
          </cell>
          <cell r="I3280" t="str">
            <v xml:space="preserve">All workers: 30d&lt;3y, 35d&lt;5y, 45d&lt;8y, 50d&lt;10y, 55d&lt;15y, 60d&lt;18y, 70d&lt; 20y, 90d&gt;20y.
9 months tenure: 30 days, 4 years tenure: 35 days, 20 years tenure: 90 days.
</v>
          </cell>
          <cell r="J3280">
            <v>1</v>
          </cell>
          <cell r="K3280">
            <v>1.2</v>
          </cell>
          <cell r="L3280">
            <v>3</v>
          </cell>
          <cell r="M3280">
            <v>3</v>
          </cell>
          <cell r="N3280">
            <v>2</v>
          </cell>
          <cell r="O3280">
            <v>2</v>
          </cell>
        </row>
        <row r="3281">
          <cell r="A3281" t="str">
            <v>HUNREG42013</v>
          </cell>
          <cell r="B3281" t="str">
            <v>HUN</v>
          </cell>
          <cell r="C3281" t="str">
            <v>Hungary</v>
          </cell>
          <cell r="D3281" t="str">
            <v>Item 4</v>
          </cell>
          <cell r="E3281" t="str">
            <v>REG4A, REG4B, REG4C</v>
          </cell>
          <cell r="F3281" t="str">
            <v>Severance pay / tenure</v>
          </cell>
          <cell r="G3281">
            <v>2013</v>
          </cell>
          <cell r="H3281">
            <v>2013</v>
          </cell>
          <cell r="I3281" t="str">
            <v xml:space="preserve">All workers: 0&lt;3y, 1m&lt;5y, 2m&lt;10y, 3m&lt;15y, 4m&lt;20,  5m&lt;25y and 6m&gt;25y.
9 months tenure: 0, 4 years tenure: 1 month, 20 years tenure: 5 months.
</v>
          </cell>
          <cell r="J3281">
            <v>0</v>
          </cell>
          <cell r="K3281">
            <v>1</v>
          </cell>
          <cell r="L3281">
            <v>5</v>
          </cell>
          <cell r="M3281">
            <v>0</v>
          </cell>
          <cell r="N3281">
            <v>2</v>
          </cell>
          <cell r="O3281">
            <v>2</v>
          </cell>
        </row>
        <row r="3282">
          <cell r="A3282" t="str">
            <v>HUNREG52013</v>
          </cell>
          <cell r="B3282" t="str">
            <v>HUN</v>
          </cell>
          <cell r="C3282" t="str">
            <v>Hungary</v>
          </cell>
          <cell r="D3282" t="str">
            <v>Item 5</v>
          </cell>
          <cell r="E3282" t="str">
            <v>REG5</v>
          </cell>
          <cell r="F3282" t="str">
            <v>Definition of justified or unfair dismissal</v>
          </cell>
          <cell r="G3282">
            <v>2013</v>
          </cell>
          <cell r="H3282">
            <v>2013</v>
          </cell>
          <cell r="I3282"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82">
            <v>0</v>
          </cell>
          <cell r="M3282">
            <v>0</v>
          </cell>
        </row>
        <row r="3283">
          <cell r="A3283" t="str">
            <v>HUNREG62013</v>
          </cell>
          <cell r="B3283" t="str">
            <v>HUN</v>
          </cell>
          <cell r="C3283" t="str">
            <v>Hungary</v>
          </cell>
          <cell r="D3283" t="str">
            <v>Item 6</v>
          </cell>
          <cell r="E3283" t="str">
            <v>REG6</v>
          </cell>
          <cell r="F3283" t="str">
            <v>Trial period</v>
          </cell>
          <cell r="G3283">
            <v>2013</v>
          </cell>
          <cell r="H3283">
            <v>2013</v>
          </cell>
          <cell r="I3283" t="str">
            <v>In the employment contract the parties may stipulate a probationary period of not more than three months from the date of commencement of the employment relationship. In the event that a shorter probationary period has been stipulated the parties may extend the probationary period once. In either case, the duration of the probationary period may not exceed three months. It may be extended by collective agreement up to 6 months.
Calculation: average of individual contracts and collective agreements</v>
          </cell>
          <cell r="J3283">
            <v>4.5</v>
          </cell>
          <cell r="M3283">
            <v>4</v>
          </cell>
          <cell r="P3283">
            <v>41091</v>
          </cell>
        </row>
        <row r="3284">
          <cell r="A3284" t="str">
            <v>HUNREG72013</v>
          </cell>
          <cell r="B3284" t="str">
            <v>HUN</v>
          </cell>
          <cell r="C3284" t="str">
            <v>Hungary</v>
          </cell>
          <cell r="D3284" t="str">
            <v>Item 7</v>
          </cell>
          <cell r="E3284" t="str">
            <v>REG7</v>
          </cell>
          <cell r="F3284" t="str">
            <v xml:space="preserve">Compensation following unfair dismissal </v>
          </cell>
          <cell r="G3284">
            <v>2013</v>
          </cell>
          <cell r="H3284">
            <v>2013</v>
          </cell>
          <cell r="I3284" t="str">
            <v>The employer shall be liable to provide compensation for damages resulting from the wrongful termination of an employment relationship. Compensation for income loss may not exceed 12 months’ base pay. In addition, the employee is entitled to ordinary severance pay.</v>
          </cell>
          <cell r="J3284">
            <v>10</v>
          </cell>
          <cell r="M3284">
            <v>2</v>
          </cell>
          <cell r="P3284">
            <v>41091</v>
          </cell>
        </row>
        <row r="3285">
          <cell r="A3285" t="str">
            <v>HUNREG82013</v>
          </cell>
          <cell r="B3285" t="str">
            <v>HUN</v>
          </cell>
          <cell r="C3285" t="str">
            <v>Hungary</v>
          </cell>
          <cell r="D3285" t="str">
            <v>Item 8</v>
          </cell>
          <cell r="E3285" t="str">
            <v>REG8</v>
          </cell>
          <cell r="F3285" t="str">
            <v>Possibility of reinstatement following unfair dismissal</v>
          </cell>
          <cell r="G3285">
            <v>2013</v>
          </cell>
          <cell r="H3285">
            <v>2013</v>
          </cell>
          <cell r="I3285" t="str">
            <v>Reinstatement is possible in the case of violation of equal treatment, or dismissal on prohibited grounds or of protected categories such as for maternity or of trade union official or employees’ representative. It is also possible when the employee successfully challenged termination by mutual consent. But reinstatement is not available in ordinary dismissal cases other than those above.</v>
          </cell>
          <cell r="J3285">
            <v>1</v>
          </cell>
          <cell r="M3285">
            <v>2</v>
          </cell>
        </row>
        <row r="3286">
          <cell r="A3286" t="str">
            <v>HUNREG92013</v>
          </cell>
          <cell r="B3286" t="str">
            <v>HUN</v>
          </cell>
          <cell r="C3286" t="str">
            <v>Hungary</v>
          </cell>
          <cell r="D3286" t="str">
            <v>Item 9</v>
          </cell>
          <cell r="E3286" t="str">
            <v>REG9</v>
          </cell>
          <cell r="F3286" t="str">
            <v>Maximum time for claim</v>
          </cell>
          <cell r="G3286">
            <v>2013</v>
          </cell>
          <cell r="H3286">
            <v>2013</v>
          </cell>
          <cell r="I3286" t="str">
            <v xml:space="preserve">A dismissal claim may be filed within 30 days after the written notice is received.
Before dismissal takes effect </v>
          </cell>
          <cell r="J3286">
            <v>0</v>
          </cell>
          <cell r="M3286">
            <v>0</v>
          </cell>
        </row>
        <row r="3287">
          <cell r="A3287" t="str">
            <v>HUNFTC12013</v>
          </cell>
          <cell r="B3287" t="str">
            <v>HUN</v>
          </cell>
          <cell r="C3287" t="str">
            <v>Hungary</v>
          </cell>
          <cell r="D3287" t="str">
            <v>Item 10</v>
          </cell>
          <cell r="E3287" t="str">
            <v>FTC1</v>
          </cell>
          <cell r="F3287" t="str">
            <v>Valid cases for use of fixed-term contracts, other than  “objective”  or “material” situation</v>
          </cell>
          <cell r="G3287">
            <v>2013</v>
          </cell>
          <cell r="H3287">
            <v>2013</v>
          </cell>
          <cell r="I3287" t="str">
            <v>There are no restrictions for the first contract, but the extension of the fixed-term contracts must be based on objective grounds that have no bearing on work organization and must not infringe upon the employee’s legitimate interest..</v>
          </cell>
          <cell r="J3287">
            <v>2.5</v>
          </cell>
          <cell r="M3287">
            <v>1</v>
          </cell>
        </row>
        <row r="3288">
          <cell r="A3288" t="str">
            <v>HUNFTC22013</v>
          </cell>
          <cell r="B3288" t="str">
            <v>HUN</v>
          </cell>
          <cell r="C3288" t="str">
            <v>Hungary</v>
          </cell>
          <cell r="D3288" t="str">
            <v>Item 11</v>
          </cell>
          <cell r="E3288" t="str">
            <v>FTC2</v>
          </cell>
          <cell r="F3288" t="str">
            <v>Maximum number of successive fixed-term contracts</v>
          </cell>
          <cell r="G3288">
            <v>2013</v>
          </cell>
          <cell r="H3288">
            <v>2013</v>
          </cell>
          <cell r="I3288" t="str">
            <v>No limit specified. But the extension of the fixed-term contracts must be based on objective grounds that have no bearing on work organization and must not infringe upon the employee’s legitimate interest.</v>
          </cell>
          <cell r="J3288">
            <v>2.5</v>
          </cell>
          <cell r="M3288">
            <v>4</v>
          </cell>
        </row>
        <row r="3289">
          <cell r="A3289" t="str">
            <v>HUNFTC32013</v>
          </cell>
          <cell r="B3289" t="str">
            <v>HUN</v>
          </cell>
          <cell r="C3289" t="str">
            <v>Hungary</v>
          </cell>
          <cell r="D3289" t="str">
            <v>Item 12</v>
          </cell>
          <cell r="E3289" t="str">
            <v>FTC3</v>
          </cell>
          <cell r="F3289" t="str">
            <v>Maximum cumulated duration of successive fixed-term contracts</v>
          </cell>
          <cell r="G3289">
            <v>2013</v>
          </cell>
          <cell r="H3289">
            <v>2013</v>
          </cell>
          <cell r="I3289"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89">
            <v>60</v>
          </cell>
          <cell r="M3289">
            <v>1</v>
          </cell>
        </row>
        <row r="3290">
          <cell r="A3290" t="str">
            <v>HUNTWA12013</v>
          </cell>
          <cell r="B3290" t="str">
            <v>HUN</v>
          </cell>
          <cell r="C3290" t="str">
            <v>Hungary</v>
          </cell>
          <cell r="D3290" t="str">
            <v>Item 13</v>
          </cell>
          <cell r="E3290" t="str">
            <v>TWA1</v>
          </cell>
          <cell r="F3290" t="str">
            <v>Types of work for which TWA employment is legal</v>
          </cell>
          <cell r="G3290">
            <v>2013</v>
          </cell>
          <cell r="H3290">
            <v>2013</v>
          </cell>
          <cell r="I3290"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90">
            <v>4</v>
          </cell>
          <cell r="M3290">
            <v>0</v>
          </cell>
        </row>
        <row r="3291">
          <cell r="A3291" t="str">
            <v>HUNTWA22013</v>
          </cell>
          <cell r="B3291" t="str">
            <v>HUN</v>
          </cell>
          <cell r="C3291" t="str">
            <v>Hungary</v>
          </cell>
          <cell r="D3291" t="str">
            <v>Item 14</v>
          </cell>
          <cell r="E3291" t="str">
            <v>TWA2A, TWA2B</v>
          </cell>
          <cell r="F3291" t="str">
            <v>Are there any restrictions on the number of renewals of a TWA contract?</v>
          </cell>
          <cell r="G3291">
            <v>2013</v>
          </cell>
          <cell r="H3291">
            <v>2013</v>
          </cell>
          <cell r="I3291"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91" t="str">
            <v>No</v>
          </cell>
          <cell r="K3291" t="str">
            <v>No</v>
          </cell>
          <cell r="M3291">
            <v>2</v>
          </cell>
          <cell r="N3291">
            <v>2</v>
          </cell>
        </row>
        <row r="3292">
          <cell r="A3292" t="str">
            <v>HUNTWA32013</v>
          </cell>
          <cell r="B3292" t="str">
            <v>HUN</v>
          </cell>
          <cell r="C3292" t="str">
            <v>Hungary</v>
          </cell>
          <cell r="D3292" t="str">
            <v>Item 15</v>
          </cell>
          <cell r="E3292" t="str">
            <v>TWA3A, TWA3B</v>
          </cell>
          <cell r="F3292" t="str">
            <v>Maximum cumulated duration of temporary work contracts</v>
          </cell>
          <cell r="G3292">
            <v>2013</v>
          </cell>
          <cell r="H3292">
            <v>2013</v>
          </cell>
          <cell r="I3292"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92">
            <v>98</v>
          </cell>
          <cell r="K3292">
            <v>100</v>
          </cell>
          <cell r="M3292">
            <v>1</v>
          </cell>
          <cell r="N3292">
            <v>0</v>
          </cell>
        </row>
        <row r="3293">
          <cell r="A3293" t="str">
            <v>HUNTWA42013</v>
          </cell>
          <cell r="B3293" t="str">
            <v>HUN</v>
          </cell>
          <cell r="C3293" t="str">
            <v>Hungary</v>
          </cell>
          <cell r="D3293" t="str">
            <v>Item 16</v>
          </cell>
          <cell r="E3293" t="str">
            <v>TWA4</v>
          </cell>
          <cell r="F3293" t="str">
            <v>Authorisation and reporting obligations</v>
          </cell>
          <cell r="G3293">
            <v>2013</v>
          </cell>
          <cell r="H3293">
            <v>2013</v>
          </cell>
          <cell r="I3293"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93">
            <v>3</v>
          </cell>
          <cell r="M3293">
            <v>6</v>
          </cell>
        </row>
        <row r="3294">
          <cell r="A3294" t="str">
            <v>HUNTWA52013</v>
          </cell>
          <cell r="B3294" t="str">
            <v>HUN</v>
          </cell>
          <cell r="C3294" t="str">
            <v>Hungary</v>
          </cell>
          <cell r="D3294" t="str">
            <v>Item 17</v>
          </cell>
          <cell r="E3294" t="str">
            <v>TWA5</v>
          </cell>
          <cell r="F3294" t="str">
            <v>Equal treatment for TWA workers</v>
          </cell>
          <cell r="G3294">
            <v>2013</v>
          </cell>
          <cell r="H3294">
            <v>2013</v>
          </cell>
          <cell r="I3294" t="str">
            <v>Equal treatment shall be granted for temporary agency workers from the first day of the employment, excluding wages. As regards wages, equal treatment shall be granted after 6 months employment at the same user firm.</v>
          </cell>
          <cell r="J3294">
            <v>1.5</v>
          </cell>
          <cell r="M3294">
            <v>4.5</v>
          </cell>
        </row>
        <row r="3295">
          <cell r="A3295" t="str">
            <v>HUNCD12013</v>
          </cell>
          <cell r="B3295" t="str">
            <v>HUN</v>
          </cell>
          <cell r="C3295" t="str">
            <v>Hungary</v>
          </cell>
          <cell r="D3295" t="str">
            <v>Item 18</v>
          </cell>
          <cell r="E3295" t="str">
            <v>CD1</v>
          </cell>
          <cell r="F3295" t="str">
            <v>Definition of collective dismissal</v>
          </cell>
          <cell r="G3295">
            <v>2013</v>
          </cell>
          <cell r="H3295">
            <v>2013</v>
          </cell>
          <cell r="I3295" t="str">
            <v>10+ workers in firms 20-99 employees; &gt;10% in firms 100-299; 30+ workers in firms 300+ employee</v>
          </cell>
          <cell r="J3295">
            <v>3</v>
          </cell>
          <cell r="M3295">
            <v>4.5</v>
          </cell>
        </row>
        <row r="3296">
          <cell r="A3296" t="str">
            <v>HUNCD22013</v>
          </cell>
          <cell r="B3296" t="str">
            <v>HUN</v>
          </cell>
          <cell r="C3296" t="str">
            <v>Hungary</v>
          </cell>
          <cell r="D3296" t="str">
            <v>Item 19</v>
          </cell>
          <cell r="E3296" t="str">
            <v>CD2</v>
          </cell>
          <cell r="F3296" t="str">
            <v>Additional notification requirements in case of collective dismissals</v>
          </cell>
          <cell r="G3296">
            <v>2013</v>
          </cell>
          <cell r="H3296">
            <v>2013</v>
          </cell>
          <cell r="I3296"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96">
            <v>2</v>
          </cell>
          <cell r="M3296">
            <v>6</v>
          </cell>
        </row>
        <row r="3297">
          <cell r="A3297" t="str">
            <v>HUNCD32013</v>
          </cell>
          <cell r="B3297" t="str">
            <v>HUN</v>
          </cell>
          <cell r="C3297" t="str">
            <v>Hungary</v>
          </cell>
          <cell r="D3297" t="str">
            <v>Item 20</v>
          </cell>
          <cell r="E3297" t="str">
            <v>CD3</v>
          </cell>
          <cell r="F3297" t="str">
            <v>Additional delays involved in case of collective dismissals</v>
          </cell>
          <cell r="G3297">
            <v>2013</v>
          </cell>
          <cell r="H3297">
            <v>2013</v>
          </cell>
          <cell r="I3297"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1 day for individual dismissals= 51 days
</v>
          </cell>
          <cell r="J3297">
            <v>51</v>
          </cell>
          <cell r="M3297">
            <v>4</v>
          </cell>
        </row>
        <row r="3298">
          <cell r="A3298" t="str">
            <v>HUNCD42013</v>
          </cell>
          <cell r="B3298" t="str">
            <v>HUN</v>
          </cell>
          <cell r="C3298" t="str">
            <v>Hungary</v>
          </cell>
          <cell r="D3298" t="str">
            <v>Item 21</v>
          </cell>
          <cell r="E3298" t="str">
            <v>CD4</v>
          </cell>
          <cell r="F3298" t="str">
            <v>Other special costs to employers in case of collective dismissals</v>
          </cell>
          <cell r="G3298">
            <v>2013</v>
          </cell>
          <cell r="H3298">
            <v>2013</v>
          </cell>
          <cell r="I3298"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98">
            <v>0</v>
          </cell>
          <cell r="M3298">
            <v>0</v>
          </cell>
        </row>
        <row r="3299">
          <cell r="A3299" t="str">
            <v>GRCREG12012</v>
          </cell>
          <cell r="B3299" t="str">
            <v>GRC</v>
          </cell>
          <cell r="C3299" t="str">
            <v>Greece</v>
          </cell>
          <cell r="D3299" t="str">
            <v>Item 1</v>
          </cell>
          <cell r="E3299" t="str">
            <v>REG1</v>
          </cell>
          <cell r="F3299" t="str">
            <v>Notification procedures</v>
          </cell>
          <cell r="G3299">
            <v>2012</v>
          </cell>
          <cell r="H3299">
            <v>2012</v>
          </cell>
          <cell r="I3299" t="str">
            <v>Written notice to employee, plus additional notification to OAED local office (public employment service).  Previous warning in case of dismissal for poor performance may be advisable.</v>
          </cell>
          <cell r="J3299">
            <v>2</v>
          </cell>
          <cell r="M3299">
            <v>4</v>
          </cell>
        </row>
        <row r="3300">
          <cell r="A3300" t="str">
            <v>GRCREG22012</v>
          </cell>
          <cell r="B3300" t="str">
            <v>GRC</v>
          </cell>
          <cell r="C3300" t="str">
            <v>Greece</v>
          </cell>
          <cell r="D3300" t="str">
            <v>Item 2</v>
          </cell>
          <cell r="E3300" t="str">
            <v>REG2</v>
          </cell>
          <cell r="F3300" t="str">
            <v>Delay before notice can start</v>
          </cell>
          <cell r="G3300">
            <v>2012</v>
          </cell>
          <cell r="H3300">
            <v>2012</v>
          </cell>
          <cell r="I3300" t="str">
            <v xml:space="preserve">Letter sent by mail or handed directly to employee.
Advisable previous warning (conventionally evaluated at 6 days) counting for half weight (3 days) in the case of personal reasons.
Calculation: average of personal and economic reasons.
</v>
          </cell>
          <cell r="J3300">
            <v>2.5</v>
          </cell>
          <cell r="M3300">
            <v>1</v>
          </cell>
        </row>
        <row r="3301">
          <cell r="A3301" t="str">
            <v>GRCREG32012</v>
          </cell>
          <cell r="B3301" t="str">
            <v>GRC</v>
          </cell>
          <cell r="C3301" t="str">
            <v>Greece</v>
          </cell>
          <cell r="D3301" t="str">
            <v>Item 3</v>
          </cell>
          <cell r="E3301" t="str">
            <v>REG3A, REG3B, REG3C</v>
          </cell>
          <cell r="F3301" t="str">
            <v>Notice / tenure</v>
          </cell>
          <cell r="G3301">
            <v>2012</v>
          </cell>
          <cell r="H3301">
            <v>2012</v>
          </cell>
          <cell r="I3301"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3301">
            <v>0</v>
          </cell>
          <cell r="K3301">
            <v>1</v>
          </cell>
          <cell r="L3301">
            <v>3</v>
          </cell>
          <cell r="M3301">
            <v>0</v>
          </cell>
          <cell r="N3301">
            <v>2</v>
          </cell>
          <cell r="O3301">
            <v>2</v>
          </cell>
        </row>
        <row r="3302">
          <cell r="A3302" t="str">
            <v>GRCREG42012</v>
          </cell>
          <cell r="B3302" t="str">
            <v>GRC</v>
          </cell>
          <cell r="C3302" t="str">
            <v>Greece</v>
          </cell>
          <cell r="D3302" t="str">
            <v>Item 4</v>
          </cell>
          <cell r="E3302" t="str">
            <v>REG4A, REG4B, REG4C</v>
          </cell>
          <cell r="F3302" t="str">
            <v>Severance pay / tenure</v>
          </cell>
          <cell r="G3302">
            <v>2012</v>
          </cell>
          <cell r="H3302">
            <v>2012</v>
          </cell>
          <cell r="J3302">
            <v>0</v>
          </cell>
          <cell r="K3302">
            <v>1</v>
          </cell>
          <cell r="L3302">
            <v>6</v>
          </cell>
          <cell r="M3302">
            <v>0</v>
          </cell>
          <cell r="N3302">
            <v>2</v>
          </cell>
          <cell r="O3302">
            <v>2</v>
          </cell>
        </row>
        <row r="3303">
          <cell r="A3303" t="str">
            <v>GRCREG52012</v>
          </cell>
          <cell r="B3303" t="str">
            <v>GRC</v>
          </cell>
          <cell r="C3303" t="str">
            <v>Greece</v>
          </cell>
          <cell r="D3303" t="str">
            <v>Item 5</v>
          </cell>
          <cell r="E3303" t="str">
            <v>REG5</v>
          </cell>
          <cell r="F3303" t="str">
            <v>Definition of justified or unfair dismissal</v>
          </cell>
          <cell r="G3303">
            <v>2012</v>
          </cell>
          <cell r="H3303">
            <v>2012</v>
          </cell>
          <cell r="I3303"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03">
            <v>0.5</v>
          </cell>
          <cell r="M3303">
            <v>1</v>
          </cell>
        </row>
        <row r="3304">
          <cell r="A3304" t="str">
            <v>GRCREG62012</v>
          </cell>
          <cell r="B3304" t="str">
            <v>GRC</v>
          </cell>
          <cell r="C3304" t="str">
            <v>Greece</v>
          </cell>
          <cell r="D3304" t="str">
            <v>Item 6</v>
          </cell>
          <cell r="E3304" t="str">
            <v>REG6</v>
          </cell>
          <cell r="F3304" t="str">
            <v>Trial period</v>
          </cell>
          <cell r="G3304">
            <v>2012</v>
          </cell>
          <cell r="H3304">
            <v>2012</v>
          </cell>
          <cell r="I3304"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04">
            <v>6</v>
          </cell>
          <cell r="M3304">
            <v>3</v>
          </cell>
        </row>
        <row r="3305">
          <cell r="A3305" t="str">
            <v>GRCREG72012</v>
          </cell>
          <cell r="B3305" t="str">
            <v>GRC</v>
          </cell>
          <cell r="C3305" t="str">
            <v>Greece</v>
          </cell>
          <cell r="D3305" t="str">
            <v>Item 7</v>
          </cell>
          <cell r="E3305" t="str">
            <v>REG7</v>
          </cell>
          <cell r="F3305" t="str">
            <v xml:space="preserve">Compensation following unfair dismissal </v>
          </cell>
          <cell r="G3305">
            <v>2012</v>
          </cell>
          <cell r="H3305">
            <v>2012</v>
          </cell>
          <cell r="I3305"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05" t="str">
            <v>..</v>
          </cell>
          <cell r="M3305" t="e">
            <v>#N/A</v>
          </cell>
        </row>
        <row r="3306">
          <cell r="A3306" t="str">
            <v>GRCREG82012</v>
          </cell>
          <cell r="B3306" t="str">
            <v>GRC</v>
          </cell>
          <cell r="C3306" t="str">
            <v>Greece</v>
          </cell>
          <cell r="D3306" t="str">
            <v>Item 8</v>
          </cell>
          <cell r="E3306" t="str">
            <v>REG8</v>
          </cell>
          <cell r="F3306" t="str">
            <v>Possibility of reinstatement following unfair dismissal</v>
          </cell>
          <cell r="G3306">
            <v>2012</v>
          </cell>
          <cell r="H3306">
            <v>2012</v>
          </cell>
          <cell r="I3306" t="str">
            <v>Frequent reinstatement orders, accompanied by indemnity for the period of time between notice of termination and court ruling. No reinstatement if severance pay has been requested.</v>
          </cell>
          <cell r="J3306">
            <v>2</v>
          </cell>
          <cell r="M3306">
            <v>4</v>
          </cell>
        </row>
        <row r="3307">
          <cell r="A3307" t="str">
            <v>GRCREG92012</v>
          </cell>
          <cell r="B3307" t="str">
            <v>GRC</v>
          </cell>
          <cell r="C3307" t="str">
            <v>Greece</v>
          </cell>
          <cell r="D3307" t="str">
            <v>Item 9</v>
          </cell>
          <cell r="E3307" t="str">
            <v>REG9</v>
          </cell>
          <cell r="F3307" t="str">
            <v>Maximum time for claim</v>
          </cell>
          <cell r="G3307">
            <v>2012</v>
          </cell>
          <cell r="H3307">
            <v>2012</v>
          </cell>
          <cell r="I3307" t="str">
            <v>Three months.</v>
          </cell>
          <cell r="J3307">
            <v>3</v>
          </cell>
          <cell r="M3307">
            <v>2</v>
          </cell>
        </row>
        <row r="3308">
          <cell r="A3308" t="str">
            <v>GRCFTC12012</v>
          </cell>
          <cell r="B3308" t="str">
            <v>GRC</v>
          </cell>
          <cell r="C3308" t="str">
            <v>Greece</v>
          </cell>
          <cell r="D3308" t="str">
            <v>Item 10</v>
          </cell>
          <cell r="E3308" t="str">
            <v>FTC1</v>
          </cell>
          <cell r="F3308" t="str">
            <v>Valid cases for use of fixed-term contracts, other than  “objective”  or “material” situation</v>
          </cell>
          <cell r="G3308">
            <v>2012</v>
          </cell>
          <cell r="H3308">
            <v>2012</v>
          </cell>
          <cell r="I3308"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08">
            <v>1</v>
          </cell>
          <cell r="M3308">
            <v>4</v>
          </cell>
        </row>
        <row r="3309">
          <cell r="A3309" t="str">
            <v>GRCFTC22012</v>
          </cell>
          <cell r="B3309" t="str">
            <v>GRC</v>
          </cell>
          <cell r="C3309" t="str">
            <v>Greece</v>
          </cell>
          <cell r="D3309" t="str">
            <v>Item 11</v>
          </cell>
          <cell r="E3309" t="str">
            <v>FTC2</v>
          </cell>
          <cell r="F3309" t="str">
            <v>Maximum number of successive fixed-term contracts</v>
          </cell>
          <cell r="G3309">
            <v>2012</v>
          </cell>
          <cell r="H3309">
            <v>2012</v>
          </cell>
          <cell r="I3309"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09">
            <v>3</v>
          </cell>
          <cell r="M3309">
            <v>3</v>
          </cell>
          <cell r="P3309">
            <v>40725</v>
          </cell>
        </row>
        <row r="3310">
          <cell r="A3310" t="str">
            <v>GRCFTC32012</v>
          </cell>
          <cell r="B3310" t="str">
            <v>GRC</v>
          </cell>
          <cell r="C3310" t="str">
            <v>Greece</v>
          </cell>
          <cell r="D3310" t="str">
            <v>Item 12</v>
          </cell>
          <cell r="E3310" t="str">
            <v>FTC3</v>
          </cell>
          <cell r="F3310" t="str">
            <v>Maximum cumulated duration of successive fixed-term contracts</v>
          </cell>
          <cell r="G3310">
            <v>2012</v>
          </cell>
          <cell r="H3310">
            <v>2012</v>
          </cell>
          <cell r="I3310"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10">
            <v>36</v>
          </cell>
          <cell r="M3310">
            <v>1</v>
          </cell>
          <cell r="P3310">
            <v>40695</v>
          </cell>
        </row>
        <row r="3311">
          <cell r="A3311" t="str">
            <v>GRCTWA12012</v>
          </cell>
          <cell r="B3311" t="str">
            <v>GRC</v>
          </cell>
          <cell r="C3311" t="str">
            <v>Greece</v>
          </cell>
          <cell r="D3311" t="str">
            <v>Item 13</v>
          </cell>
          <cell r="E3311" t="str">
            <v>TWA1</v>
          </cell>
          <cell r="F3311" t="str">
            <v>Types of work for which TWA employment is legal</v>
          </cell>
          <cell r="G3311">
            <v>2012</v>
          </cell>
          <cell r="H3311">
            <v>2012</v>
          </cell>
          <cell r="I3311"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11">
            <v>3</v>
          </cell>
          <cell r="M3311">
            <v>1.5</v>
          </cell>
        </row>
        <row r="3312">
          <cell r="A3312" t="str">
            <v>GRCTWA22012</v>
          </cell>
          <cell r="B3312" t="str">
            <v>GRC</v>
          </cell>
          <cell r="C3312" t="str">
            <v>Greece</v>
          </cell>
          <cell r="D3312" t="str">
            <v>Item 14</v>
          </cell>
          <cell r="E3312" t="str">
            <v>TWA2A, TWA2B</v>
          </cell>
          <cell r="F3312" t="str">
            <v>Are there any restrictions on the number of renewals of a TWA contract?</v>
          </cell>
          <cell r="G3312">
            <v>2012</v>
          </cell>
          <cell r="H3312">
            <v>2012</v>
          </cell>
          <cell r="I3312" t="str">
            <v>No restriction in the number of renewals for employment in the indirect employer (user firm).</v>
          </cell>
          <cell r="J3312" t="str">
            <v>No</v>
          </cell>
          <cell r="K3312" t="str">
            <v>No</v>
          </cell>
          <cell r="M3312">
            <v>2</v>
          </cell>
          <cell r="N3312">
            <v>2</v>
          </cell>
        </row>
        <row r="3313">
          <cell r="A3313" t="str">
            <v>GRCTWA32012</v>
          </cell>
          <cell r="B3313" t="str">
            <v>GRC</v>
          </cell>
          <cell r="C3313" t="str">
            <v>Greece</v>
          </cell>
          <cell r="D3313" t="str">
            <v>Item 15</v>
          </cell>
          <cell r="E3313" t="str">
            <v>TWA3A, TWA3B</v>
          </cell>
          <cell r="F3313" t="str">
            <v>Maximum cumulated duration of temporary work contracts</v>
          </cell>
          <cell r="G3313">
            <v>2012</v>
          </cell>
          <cell r="H3313">
            <v>2012</v>
          </cell>
          <cell r="I3313" t="str">
            <v>Maximum duration for employment in the indirect employer (user firm), including any renewals has been prolonged to 36 months under Art. 17 para.6 L. 3899/2010.</v>
          </cell>
          <cell r="J3313">
            <v>36</v>
          </cell>
          <cell r="K3313">
            <v>36</v>
          </cell>
          <cell r="M3313">
            <v>1</v>
          </cell>
          <cell r="N3313">
            <v>1</v>
          </cell>
        </row>
        <row r="3314">
          <cell r="A3314" t="str">
            <v>GRCTWA42012</v>
          </cell>
          <cell r="B3314" t="str">
            <v>GRC</v>
          </cell>
          <cell r="C3314" t="str">
            <v>Greece</v>
          </cell>
          <cell r="D3314" t="str">
            <v>Item 16</v>
          </cell>
          <cell r="E3314" t="str">
            <v>TWA4</v>
          </cell>
          <cell r="F3314" t="str">
            <v>Authorisation and reporting obligations</v>
          </cell>
          <cell r="G3314">
            <v>2012</v>
          </cell>
          <cell r="H3314">
            <v>2012</v>
          </cell>
          <cell r="I3314"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14">
            <v>2.5</v>
          </cell>
          <cell r="M3314">
            <v>5</v>
          </cell>
          <cell r="P3314">
            <v>40581</v>
          </cell>
        </row>
        <row r="3315">
          <cell r="A3315" t="str">
            <v>GRCTWA52012</v>
          </cell>
          <cell r="B3315" t="str">
            <v>GRC</v>
          </cell>
          <cell r="C3315" t="str">
            <v>Greece</v>
          </cell>
          <cell r="D3315" t="str">
            <v>Item 17</v>
          </cell>
          <cell r="E3315" t="str">
            <v>TWA5</v>
          </cell>
          <cell r="F3315" t="str">
            <v>Equal treatment for TWA workers</v>
          </cell>
          <cell r="G3315">
            <v>2012</v>
          </cell>
          <cell r="H3315">
            <v>2012</v>
          </cell>
          <cell r="I3315" t="str">
            <v>Law 3846/2010 amended Art.22 of Law 2956/2001 and included clear regulations for non-discrimination in employment terms including payment for the TWA employees working in the firm of the indirect employer.</v>
          </cell>
          <cell r="J3315">
            <v>2</v>
          </cell>
          <cell r="M3315">
            <v>6</v>
          </cell>
        </row>
        <row r="3316">
          <cell r="A3316" t="str">
            <v>GRCCD12012</v>
          </cell>
          <cell r="B3316" t="str">
            <v>GRC</v>
          </cell>
          <cell r="C3316" t="str">
            <v>Greece</v>
          </cell>
          <cell r="D3316" t="str">
            <v>Item 18</v>
          </cell>
          <cell r="E3316" t="str">
            <v>CD1</v>
          </cell>
          <cell r="F3316" t="str">
            <v>Definition of collective dismissal</v>
          </cell>
          <cell r="G3316">
            <v>2012</v>
          </cell>
          <cell r="H3316">
            <v>2012</v>
          </cell>
          <cell r="I3316"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16">
            <v>4</v>
          </cell>
          <cell r="M3316">
            <v>6</v>
          </cell>
        </row>
        <row r="3317">
          <cell r="A3317" t="str">
            <v>GRCCD22012</v>
          </cell>
          <cell r="B3317" t="str">
            <v>GRC</v>
          </cell>
          <cell r="C3317" t="str">
            <v>Greece</v>
          </cell>
          <cell r="D3317" t="str">
            <v>Item 19</v>
          </cell>
          <cell r="E3317" t="str">
            <v>CD2</v>
          </cell>
          <cell r="F3317" t="str">
            <v>Additional notification requirements in case of collective dismissals</v>
          </cell>
          <cell r="G3317">
            <v>2012</v>
          </cell>
          <cell r="H3317">
            <v>2012</v>
          </cell>
          <cell r="I3317"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17">
            <v>1</v>
          </cell>
          <cell r="M3317">
            <v>3</v>
          </cell>
        </row>
        <row r="3318">
          <cell r="A3318" t="str">
            <v>GRCCD32012</v>
          </cell>
          <cell r="B3318" t="str">
            <v>GRC</v>
          </cell>
          <cell r="C3318" t="str">
            <v>Greece</v>
          </cell>
          <cell r="D3318" t="str">
            <v>Item 20</v>
          </cell>
          <cell r="E3318" t="str">
            <v>CD3</v>
          </cell>
          <cell r="F3318" t="str">
            <v>Additional delays involved in case of collective dismissals</v>
          </cell>
          <cell r="G3318">
            <v>2012</v>
          </cell>
          <cell r="H3318">
            <v>2012</v>
          </cell>
          <cell r="I3318"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18">
            <v>17.5</v>
          </cell>
          <cell r="M3318">
            <v>1</v>
          </cell>
        </row>
        <row r="3319">
          <cell r="A3319" t="str">
            <v>GRCCD42012</v>
          </cell>
          <cell r="B3319" t="str">
            <v>GRC</v>
          </cell>
          <cell r="C3319" t="str">
            <v>Greece</v>
          </cell>
          <cell r="D3319" t="str">
            <v>Item 21</v>
          </cell>
          <cell r="E3319" t="str">
            <v>CD4</v>
          </cell>
          <cell r="F3319" t="str">
            <v>Other special costs to employers in case of collective dismissals</v>
          </cell>
          <cell r="G3319">
            <v>2012</v>
          </cell>
          <cell r="H3319">
            <v>2012</v>
          </cell>
          <cell r="I3319"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19">
            <v>1</v>
          </cell>
          <cell r="M3319">
            <v>3</v>
          </cell>
        </row>
        <row r="3320">
          <cell r="A3320" t="str">
            <v>GRCREG12013</v>
          </cell>
          <cell r="B3320" t="str">
            <v>GRC</v>
          </cell>
          <cell r="C3320" t="str">
            <v>Greece</v>
          </cell>
          <cell r="D3320" t="str">
            <v>Item 1</v>
          </cell>
          <cell r="E3320" t="str">
            <v>REG1</v>
          </cell>
          <cell r="F3320" t="str">
            <v>Notification procedures</v>
          </cell>
          <cell r="G3320">
            <v>2013</v>
          </cell>
          <cell r="H3320">
            <v>2013</v>
          </cell>
          <cell r="I3320" t="str">
            <v>Written notice to employee, plus additional notification to OAED local office (public employment service).  Previous warning in case of dismissal for poor performance may be advisable.</v>
          </cell>
          <cell r="J3320">
            <v>2</v>
          </cell>
          <cell r="M3320">
            <v>4</v>
          </cell>
        </row>
        <row r="3321">
          <cell r="A3321" t="str">
            <v>GRCREG22013</v>
          </cell>
          <cell r="B3321" t="str">
            <v>GRC</v>
          </cell>
          <cell r="C3321" t="str">
            <v>Greece</v>
          </cell>
          <cell r="D3321" t="str">
            <v>Item 2</v>
          </cell>
          <cell r="E3321" t="str">
            <v>REG2</v>
          </cell>
          <cell r="F3321" t="str">
            <v>Delay before notice can start</v>
          </cell>
          <cell r="G3321">
            <v>2013</v>
          </cell>
          <cell r="H3321">
            <v>2013</v>
          </cell>
          <cell r="I3321" t="str">
            <v>Letter sent by mail or handed directly to employee.
In the case of termination of a private sector employee’s indefinite period employment contract, lasting more than twelve (12) months, the written notice period, comes into effect from the day after its notification to the employee.
Advisable previous warning (conventionally evaluated at 6 days) counting for half weight (3 days) in the case of personal reasons.
Calculation: average of personal and economic reasons</v>
          </cell>
          <cell r="J3321">
            <v>3.5</v>
          </cell>
          <cell r="M3321">
            <v>1</v>
          </cell>
          <cell r="P3321">
            <v>41225</v>
          </cell>
        </row>
        <row r="3322">
          <cell r="A3322" t="str">
            <v>GRCREG32013</v>
          </cell>
          <cell r="B3322" t="str">
            <v>GRC</v>
          </cell>
          <cell r="C3322" t="str">
            <v>Greece</v>
          </cell>
          <cell r="D3322" t="str">
            <v>Item 3</v>
          </cell>
          <cell r="E3322" t="str">
            <v>REG3A, REG3B, REG3C</v>
          </cell>
          <cell r="F3322" t="str">
            <v>Notice / tenure</v>
          </cell>
          <cell r="G3322">
            <v>2013</v>
          </cell>
          <cell r="H3322">
            <v>2013</v>
          </cell>
          <cell r="I3322" t="str">
            <v>Blue collar: None.
White collar: The employer can choose whether to notify the termination of employment or not. If the employer does not make prior notification severance pay is higher (see below). If notice periods are respected, notice period must be (according to Laws): 
0&lt;1y, 1m&lt;2y, 2m&lt;5y, 3m&lt;10y, 4m≥20y. 
9 months tenure: 0, 4 years tenure: 1 month, 20 years tenure: 2 months.
Calculation: average of blue and white collar notice periods, assuming that prior notification is given for white collars as this is less costly for the employer in most situations.</v>
          </cell>
          <cell r="J3322">
            <v>0</v>
          </cell>
          <cell r="K3322">
            <v>1</v>
          </cell>
          <cell r="L3322">
            <v>2</v>
          </cell>
          <cell r="M3322">
            <v>0</v>
          </cell>
          <cell r="N3322">
            <v>2</v>
          </cell>
          <cell r="O3322">
            <v>1</v>
          </cell>
          <cell r="P3322">
            <v>41225</v>
          </cell>
        </row>
        <row r="3323">
          <cell r="A3323" t="str">
            <v>GRCREG42013</v>
          </cell>
          <cell r="B3323" t="str">
            <v>GRC</v>
          </cell>
          <cell r="C3323" t="str">
            <v>Greece</v>
          </cell>
          <cell r="D3323" t="str">
            <v>Item 4</v>
          </cell>
          <cell r="E3323" t="str">
            <v>REG4A, REG4B, REG4C</v>
          </cell>
          <cell r="F3323" t="str">
            <v>Severance pay / tenure</v>
          </cell>
          <cell r="G3323">
            <v>2013</v>
          </cell>
          <cell r="H3323">
            <v>2013</v>
          </cell>
          <cell r="I3323"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12m for tenure duration of 16y and more. For the calculation, monthly wages capped at 8 times the daily wage of unskilled workers multiplied by 30. More generous severance pay for those who had at least 17 years of job tenure on 12-11-2012. 
Blue collar: 9 months tenure: 0 days, 4 years tenure: 15 days, 20 years tenure (completed but less than 25y): 4 months.
White collar: 9 months tenure: 0 days, 4 years tenure (completed): 1.5 months, 20 years tenure (completed): 6 months. (Calculated assuming that notice is given).
Score calculated as average of blue and white collars</v>
          </cell>
          <cell r="J3323">
            <v>0</v>
          </cell>
          <cell r="K3323">
            <v>1</v>
          </cell>
          <cell r="L3323">
            <v>5</v>
          </cell>
          <cell r="M3323">
            <v>0</v>
          </cell>
          <cell r="N3323">
            <v>2</v>
          </cell>
          <cell r="O3323">
            <v>2</v>
          </cell>
        </row>
        <row r="3324">
          <cell r="A3324" t="str">
            <v>GRCREG52013</v>
          </cell>
          <cell r="B3324" t="str">
            <v>GRC</v>
          </cell>
          <cell r="C3324" t="str">
            <v>Greece</v>
          </cell>
          <cell r="D3324" t="str">
            <v>Item 5</v>
          </cell>
          <cell r="E3324" t="str">
            <v>REG5</v>
          </cell>
          <cell r="F3324" t="str">
            <v>Definition of justified or unfair dismissal</v>
          </cell>
          <cell r="G3324">
            <v>2013</v>
          </cell>
          <cell r="H3324">
            <v>2013</v>
          </cell>
          <cell r="I3324"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24">
            <v>0.5</v>
          </cell>
          <cell r="M3324">
            <v>1</v>
          </cell>
        </row>
        <row r="3325">
          <cell r="A3325" t="str">
            <v>GRCREG62013</v>
          </cell>
          <cell r="B3325" t="str">
            <v>GRC</v>
          </cell>
          <cell r="C3325" t="str">
            <v>Greece</v>
          </cell>
          <cell r="D3325" t="str">
            <v>Item 6</v>
          </cell>
          <cell r="E3325" t="str">
            <v>REG6</v>
          </cell>
          <cell r="F3325" t="str">
            <v>Trial period</v>
          </cell>
          <cell r="G3325">
            <v>2013</v>
          </cell>
          <cell r="H3325">
            <v>2013</v>
          </cell>
          <cell r="I3325"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25">
            <v>6</v>
          </cell>
          <cell r="M3325">
            <v>3</v>
          </cell>
        </row>
        <row r="3326">
          <cell r="A3326" t="str">
            <v>GRCREG72013</v>
          </cell>
          <cell r="B3326" t="str">
            <v>GRC</v>
          </cell>
          <cell r="C3326" t="str">
            <v>Greece</v>
          </cell>
          <cell r="D3326" t="str">
            <v>Item 7</v>
          </cell>
          <cell r="E3326" t="str">
            <v>REG7</v>
          </cell>
          <cell r="F3326" t="str">
            <v xml:space="preserve">Compensation following unfair dismissal </v>
          </cell>
          <cell r="G3326">
            <v>2013</v>
          </cell>
          <cell r="H3326">
            <v>2013</v>
          </cell>
          <cell r="I3326"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26" t="str">
            <v>..</v>
          </cell>
          <cell r="M3326" t="e">
            <v>#N/A</v>
          </cell>
        </row>
        <row r="3327">
          <cell r="A3327" t="str">
            <v>GRCREG82013</v>
          </cell>
          <cell r="B3327" t="str">
            <v>GRC</v>
          </cell>
          <cell r="C3327" t="str">
            <v>Greece</v>
          </cell>
          <cell r="D3327" t="str">
            <v>Item 8</v>
          </cell>
          <cell r="E3327" t="str">
            <v>REG8</v>
          </cell>
          <cell r="F3327" t="str">
            <v>Possibility of reinstatement following unfair dismissal</v>
          </cell>
          <cell r="G3327">
            <v>2013</v>
          </cell>
          <cell r="H3327">
            <v>2013</v>
          </cell>
          <cell r="I3327" t="str">
            <v>Frequent reinstatement orders, accompanied by indemnity for the period of time between notice of termination and court ruling. No reinstatement if severance pay has been requested.</v>
          </cell>
          <cell r="J3327">
            <v>2</v>
          </cell>
          <cell r="M3327">
            <v>4</v>
          </cell>
        </row>
        <row r="3328">
          <cell r="A3328" t="str">
            <v>GRCREG92013</v>
          </cell>
          <cell r="B3328" t="str">
            <v>GRC</v>
          </cell>
          <cell r="C3328" t="str">
            <v>Greece</v>
          </cell>
          <cell r="D3328" t="str">
            <v>Item 9</v>
          </cell>
          <cell r="E3328" t="str">
            <v>REG9</v>
          </cell>
          <cell r="F3328" t="str">
            <v>Maximum time for claim</v>
          </cell>
          <cell r="G3328">
            <v>2013</v>
          </cell>
          <cell r="H3328">
            <v>2013</v>
          </cell>
          <cell r="I3328" t="str">
            <v>Three months.</v>
          </cell>
          <cell r="J3328">
            <v>3</v>
          </cell>
          <cell r="M3328">
            <v>2</v>
          </cell>
        </row>
        <row r="3329">
          <cell r="A3329" t="str">
            <v>GRCFTC12013</v>
          </cell>
          <cell r="B3329" t="str">
            <v>GRC</v>
          </cell>
          <cell r="C3329" t="str">
            <v>Greece</v>
          </cell>
          <cell r="D3329" t="str">
            <v>Item 10</v>
          </cell>
          <cell r="E3329" t="str">
            <v>FTC1</v>
          </cell>
          <cell r="F3329" t="str">
            <v>Valid cases for use of fixed-term contracts, other than  “objective”  or “material” situation</v>
          </cell>
          <cell r="G3329">
            <v>2013</v>
          </cell>
          <cell r="H3329">
            <v>2013</v>
          </cell>
          <cell r="I3329"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29">
            <v>1</v>
          </cell>
          <cell r="M3329">
            <v>4</v>
          </cell>
        </row>
        <row r="3330">
          <cell r="A3330" t="str">
            <v>GRCFTC22013</v>
          </cell>
          <cell r="B3330" t="str">
            <v>GRC</v>
          </cell>
          <cell r="C3330" t="str">
            <v>Greece</v>
          </cell>
          <cell r="D3330" t="str">
            <v>Item 11</v>
          </cell>
          <cell r="E3330" t="str">
            <v>FTC2</v>
          </cell>
          <cell r="F3330" t="str">
            <v>Maximum number of successive fixed-term contracts</v>
          </cell>
          <cell r="G3330">
            <v>2013</v>
          </cell>
          <cell r="H3330">
            <v>2013</v>
          </cell>
          <cell r="I3330"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30">
            <v>3</v>
          </cell>
          <cell r="M3330">
            <v>3</v>
          </cell>
        </row>
        <row r="3331">
          <cell r="A3331" t="str">
            <v>GRCFTC32013</v>
          </cell>
          <cell r="B3331" t="str">
            <v>GRC</v>
          </cell>
          <cell r="C3331" t="str">
            <v>Greece</v>
          </cell>
          <cell r="D3331" t="str">
            <v>Item 12</v>
          </cell>
          <cell r="E3331" t="str">
            <v>FTC3</v>
          </cell>
          <cell r="F3331" t="str">
            <v>Maximum cumulated duration of successive fixed-term contracts</v>
          </cell>
          <cell r="G3331">
            <v>2013</v>
          </cell>
          <cell r="H3331">
            <v>2013</v>
          </cell>
          <cell r="I3331"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31">
            <v>36</v>
          </cell>
          <cell r="M3331">
            <v>1</v>
          </cell>
        </row>
        <row r="3332">
          <cell r="A3332" t="str">
            <v>GRCTWA12013</v>
          </cell>
          <cell r="B3332" t="str">
            <v>GRC</v>
          </cell>
          <cell r="C3332" t="str">
            <v>Greece</v>
          </cell>
          <cell r="D3332" t="str">
            <v>Item 13</v>
          </cell>
          <cell r="E3332" t="str">
            <v>TWA1</v>
          </cell>
          <cell r="F3332" t="str">
            <v>Types of work for which TWA employment is legal</v>
          </cell>
          <cell r="G3332">
            <v>2013</v>
          </cell>
          <cell r="H3332">
            <v>2013</v>
          </cell>
          <cell r="I3332"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32">
            <v>3</v>
          </cell>
          <cell r="M3332">
            <v>1.5</v>
          </cell>
        </row>
        <row r="3333">
          <cell r="A3333" t="str">
            <v>GRCTWA22013</v>
          </cell>
          <cell r="B3333" t="str">
            <v>GRC</v>
          </cell>
          <cell r="C3333" t="str">
            <v>Greece</v>
          </cell>
          <cell r="D3333" t="str">
            <v>Item 14</v>
          </cell>
          <cell r="E3333" t="str">
            <v>TWA2A, TWA2B</v>
          </cell>
          <cell r="F3333" t="str">
            <v>Are there any restrictions on the number of renewals of a TWA contract?</v>
          </cell>
          <cell r="G3333">
            <v>2013</v>
          </cell>
          <cell r="H3333">
            <v>2013</v>
          </cell>
          <cell r="I3333" t="str">
            <v>No restriction in the number of renewals for employment in the indirect employer (user firm).</v>
          </cell>
          <cell r="J3333" t="str">
            <v>No</v>
          </cell>
          <cell r="K3333" t="str">
            <v>No</v>
          </cell>
          <cell r="M3333">
            <v>2</v>
          </cell>
          <cell r="N3333">
            <v>2</v>
          </cell>
        </row>
        <row r="3334">
          <cell r="A3334" t="str">
            <v>GRCTWA32013</v>
          </cell>
          <cell r="B3334" t="str">
            <v>GRC</v>
          </cell>
          <cell r="C3334" t="str">
            <v>Greece</v>
          </cell>
          <cell r="D3334" t="str">
            <v>Item 15</v>
          </cell>
          <cell r="E3334" t="str">
            <v>TWA3A, TWA3B</v>
          </cell>
          <cell r="F3334" t="str">
            <v>Maximum cumulated duration of temporary work contracts</v>
          </cell>
          <cell r="G3334">
            <v>2013</v>
          </cell>
          <cell r="H3334">
            <v>2013</v>
          </cell>
          <cell r="I3334" t="str">
            <v>Law 4052/2012, article 117 provides that 
the duration of the placement of an employee on an indirect employer, which includes any renewals made in writing, shall not be greater than thirty-six (36) months.</v>
          </cell>
          <cell r="J3334">
            <v>36</v>
          </cell>
          <cell r="K3334">
            <v>36</v>
          </cell>
          <cell r="M3334">
            <v>1</v>
          </cell>
          <cell r="N3334">
            <v>1</v>
          </cell>
        </row>
        <row r="3335">
          <cell r="A3335" t="str">
            <v>GRCTWA42013</v>
          </cell>
          <cell r="B3335" t="str">
            <v>GRC</v>
          </cell>
          <cell r="C3335" t="str">
            <v>Greece</v>
          </cell>
          <cell r="D3335" t="str">
            <v>Item 16</v>
          </cell>
          <cell r="E3335" t="str">
            <v>TWA4</v>
          </cell>
          <cell r="F3335" t="str">
            <v>Authorisation and reporting obligations</v>
          </cell>
          <cell r="G3335">
            <v>2013</v>
          </cell>
          <cell r="H3335">
            <v>2013</v>
          </cell>
          <cell r="I3335"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35">
            <v>2.5</v>
          </cell>
          <cell r="M3335">
            <v>5</v>
          </cell>
        </row>
        <row r="3336">
          <cell r="A3336" t="str">
            <v>GRCTWA52013</v>
          </cell>
          <cell r="B3336" t="str">
            <v>GRC</v>
          </cell>
          <cell r="C3336" t="str">
            <v>Greece</v>
          </cell>
          <cell r="D3336" t="str">
            <v>Item 17</v>
          </cell>
          <cell r="E3336" t="str">
            <v>TWA5</v>
          </cell>
          <cell r="F3336" t="str">
            <v>Equal treatment for TWA workers</v>
          </cell>
          <cell r="G3336">
            <v>2013</v>
          </cell>
          <cell r="H3336">
            <v>2013</v>
          </cell>
          <cell r="I3336" t="str">
            <v>Law 3846/2010 amended Art.22 of Law 2956/2001 and included clear regulations for non-discrimination in employment terms including payment for the TWA employees working in the firm of the indirect employer.</v>
          </cell>
          <cell r="J3336">
            <v>2</v>
          </cell>
          <cell r="M3336">
            <v>6</v>
          </cell>
        </row>
        <row r="3337">
          <cell r="A3337" t="str">
            <v>GRCCD12013</v>
          </cell>
          <cell r="B3337" t="str">
            <v>GRC</v>
          </cell>
          <cell r="C3337" t="str">
            <v>Greece</v>
          </cell>
          <cell r="D3337" t="str">
            <v>Item 18</v>
          </cell>
          <cell r="E3337" t="str">
            <v>CD1</v>
          </cell>
          <cell r="F3337" t="str">
            <v>Definition of collective dismissal</v>
          </cell>
          <cell r="G3337">
            <v>2013</v>
          </cell>
          <cell r="H3337">
            <v>2013</v>
          </cell>
          <cell r="I3337"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37">
            <v>4</v>
          </cell>
          <cell r="M3337">
            <v>6</v>
          </cell>
        </row>
        <row r="3338">
          <cell r="A3338" t="str">
            <v>GRCCD22013</v>
          </cell>
          <cell r="B3338" t="str">
            <v>GRC</v>
          </cell>
          <cell r="C3338" t="str">
            <v>Greece</v>
          </cell>
          <cell r="D3338" t="str">
            <v>Item 19</v>
          </cell>
          <cell r="E3338" t="str">
            <v>CD2</v>
          </cell>
          <cell r="F3338" t="str">
            <v>Additional notification requirements in case of collective dismissals</v>
          </cell>
          <cell r="G3338">
            <v>2013</v>
          </cell>
          <cell r="H3338">
            <v>2013</v>
          </cell>
          <cell r="I3338"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38">
            <v>1</v>
          </cell>
          <cell r="M3338">
            <v>3</v>
          </cell>
        </row>
        <row r="3339">
          <cell r="A3339" t="str">
            <v>GRCCD32013</v>
          </cell>
          <cell r="B3339" t="str">
            <v>GRC</v>
          </cell>
          <cell r="C3339" t="str">
            <v>Greece</v>
          </cell>
          <cell r="D3339" t="str">
            <v>Item 20</v>
          </cell>
          <cell r="E3339" t="str">
            <v>CD3</v>
          </cell>
          <cell r="F3339" t="str">
            <v>Additional delays involved in case of collective dismissals</v>
          </cell>
          <cell r="G3339">
            <v>2013</v>
          </cell>
          <cell r="H3339">
            <v>2013</v>
          </cell>
          <cell r="I3339"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39">
            <v>16.5</v>
          </cell>
          <cell r="M3339">
            <v>1</v>
          </cell>
          <cell r="P3339">
            <v>41225</v>
          </cell>
        </row>
        <row r="3340">
          <cell r="A3340" t="str">
            <v>GRCCD42013</v>
          </cell>
          <cell r="B3340" t="str">
            <v>GRC</v>
          </cell>
          <cell r="C3340" t="str">
            <v>Greece</v>
          </cell>
          <cell r="D3340" t="str">
            <v>Item 21</v>
          </cell>
          <cell r="E3340" t="str">
            <v>CD4</v>
          </cell>
          <cell r="F3340" t="str">
            <v>Other special costs to employers in case of collective dismissals</v>
          </cell>
          <cell r="G3340">
            <v>2013</v>
          </cell>
          <cell r="H3340">
            <v>2013</v>
          </cell>
          <cell r="I3340"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40">
            <v>1</v>
          </cell>
          <cell r="M3340">
            <v>3</v>
          </cell>
        </row>
        <row r="3341">
          <cell r="A3341" t="str">
            <v>ISRREG12013</v>
          </cell>
          <cell r="B3341" t="str">
            <v>ISR</v>
          </cell>
          <cell r="C3341" t="str">
            <v>Israel</v>
          </cell>
          <cell r="D3341" t="str">
            <v>Item 1</v>
          </cell>
          <cell r="E3341" t="str">
            <v>REG1</v>
          </cell>
          <cell r="F3341" t="str">
            <v>Notification procedures</v>
          </cell>
          <cell r="G3341">
            <v>2013</v>
          </cell>
          <cell r="H3341">
            <v>2013</v>
          </cell>
          <cell r="I3341"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3341">
            <v>2</v>
          </cell>
          <cell r="M3341">
            <v>4</v>
          </cell>
        </row>
        <row r="3342">
          <cell r="A3342" t="str">
            <v>ISRREG22013</v>
          </cell>
          <cell r="B3342" t="str">
            <v>ISR</v>
          </cell>
          <cell r="C3342" t="str">
            <v>Israel</v>
          </cell>
          <cell r="D3342" t="str">
            <v>Item 2</v>
          </cell>
          <cell r="E3342" t="str">
            <v>REG2</v>
          </cell>
          <cell r="F3342" t="str">
            <v>Delay before notice can start</v>
          </cell>
          <cell r="G3342">
            <v>2013</v>
          </cell>
          <cell r="H3342">
            <v>2013</v>
          </cell>
          <cell r="I3342"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3342">
            <v>1</v>
          </cell>
          <cell r="M3342">
            <v>0</v>
          </cell>
        </row>
        <row r="3343">
          <cell r="A3343" t="str">
            <v>ISRREG32013</v>
          </cell>
          <cell r="B3343" t="str">
            <v>ISR</v>
          </cell>
          <cell r="C3343" t="str">
            <v>Israel</v>
          </cell>
          <cell r="D3343" t="str">
            <v>Item 3</v>
          </cell>
          <cell r="E3343" t="str">
            <v>REG3A, REG3B, REG3C</v>
          </cell>
          <cell r="F3343" t="str">
            <v>Notice / tenure</v>
          </cell>
          <cell r="G3343">
            <v>2013</v>
          </cell>
          <cell r="H3343">
            <v>2013</v>
          </cell>
          <cell r="I3343"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3343">
            <v>0.4</v>
          </cell>
          <cell r="K3343">
            <v>1</v>
          </cell>
          <cell r="L3343">
            <v>1</v>
          </cell>
          <cell r="M3343">
            <v>1</v>
          </cell>
          <cell r="N3343">
            <v>2</v>
          </cell>
          <cell r="O3343">
            <v>1</v>
          </cell>
        </row>
        <row r="3344">
          <cell r="A3344" t="str">
            <v>ISRREG42013</v>
          </cell>
          <cell r="B3344" t="str">
            <v>ISR</v>
          </cell>
          <cell r="C3344" t="str">
            <v>Israel</v>
          </cell>
          <cell r="D3344" t="str">
            <v>Item 4</v>
          </cell>
          <cell r="E3344" t="str">
            <v>REG4A, REG4B, REG4C</v>
          </cell>
          <cell r="F3344" t="str">
            <v>Severance pay / tenure</v>
          </cell>
          <cell r="G3344">
            <v>2013</v>
          </cell>
          <cell r="H3344">
            <v>2013</v>
          </cell>
          <cell r="I3344"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3344">
            <v>0</v>
          </cell>
          <cell r="K3344">
            <v>4</v>
          </cell>
          <cell r="L3344">
            <v>20</v>
          </cell>
          <cell r="M3344">
            <v>0</v>
          </cell>
          <cell r="N3344">
            <v>6</v>
          </cell>
          <cell r="O3344">
            <v>6</v>
          </cell>
        </row>
        <row r="3345">
          <cell r="A3345" t="str">
            <v>ISRREG52013</v>
          </cell>
          <cell r="B3345" t="str">
            <v>ISR</v>
          </cell>
          <cell r="C3345" t="str">
            <v>Israel</v>
          </cell>
          <cell r="D3345" t="str">
            <v>Item 5</v>
          </cell>
          <cell r="E3345" t="str">
            <v>REG5</v>
          </cell>
          <cell r="F3345" t="str">
            <v>Definition of justified or unfair dismissal</v>
          </cell>
          <cell r="G3345">
            <v>2013</v>
          </cell>
          <cell r="H3345">
            <v>2013</v>
          </cell>
          <cell r="I3345"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3345">
            <v>0</v>
          </cell>
          <cell r="M3345">
            <v>0</v>
          </cell>
        </row>
        <row r="3346">
          <cell r="A3346" t="str">
            <v>ISRREG62013</v>
          </cell>
          <cell r="B3346" t="str">
            <v>ISR</v>
          </cell>
          <cell r="C3346" t="str">
            <v>Israel</v>
          </cell>
          <cell r="D3346" t="str">
            <v>Item 6</v>
          </cell>
          <cell r="E3346" t="str">
            <v>REG6</v>
          </cell>
          <cell r="F3346" t="str">
            <v>Trial period</v>
          </cell>
          <cell r="G3346">
            <v>2013</v>
          </cell>
          <cell r="H3346">
            <v>2013</v>
          </cell>
          <cell r="I3346"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3346">
            <v>12</v>
          </cell>
          <cell r="M3346">
            <v>2</v>
          </cell>
        </row>
        <row r="3347">
          <cell r="A3347" t="str">
            <v>ISRREG72013</v>
          </cell>
          <cell r="B3347" t="str">
            <v>ISR</v>
          </cell>
          <cell r="C3347" t="str">
            <v>Israel</v>
          </cell>
          <cell r="D3347" t="str">
            <v>Item 7</v>
          </cell>
          <cell r="E3347" t="str">
            <v>REG7</v>
          </cell>
          <cell r="F3347" t="str">
            <v xml:space="preserve">Compensation following unfair dismissal </v>
          </cell>
          <cell r="G3347">
            <v>2013</v>
          </cell>
          <cell r="H3347">
            <v>2013</v>
          </cell>
          <cell r="I3347"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3347">
            <v>7.5</v>
          </cell>
          <cell r="M3347">
            <v>1</v>
          </cell>
        </row>
        <row r="3348">
          <cell r="A3348" t="str">
            <v>ISRREG82013</v>
          </cell>
          <cell r="B3348" t="str">
            <v>ISR</v>
          </cell>
          <cell r="C3348" t="str">
            <v>Israel</v>
          </cell>
          <cell r="D3348" t="str">
            <v>Item 8</v>
          </cell>
          <cell r="E3348" t="str">
            <v>REG8</v>
          </cell>
          <cell r="F3348" t="str">
            <v>Possibility of reinstatement following unfair dismissal</v>
          </cell>
          <cell r="G3348">
            <v>2013</v>
          </cell>
          <cell r="H3348">
            <v>2013</v>
          </cell>
          <cell r="I3348"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3348">
            <v>1</v>
          </cell>
          <cell r="M3348">
            <v>2</v>
          </cell>
        </row>
        <row r="3349">
          <cell r="A3349" t="str">
            <v>ISRREG92013</v>
          </cell>
          <cell r="B3349" t="str">
            <v>ISR</v>
          </cell>
          <cell r="C3349" t="str">
            <v>Israel</v>
          </cell>
          <cell r="D3349" t="str">
            <v>Item 9</v>
          </cell>
          <cell r="E3349" t="str">
            <v>REG9</v>
          </cell>
          <cell r="F3349" t="str">
            <v>Maximum time for claim</v>
          </cell>
          <cell r="G3349">
            <v>2013</v>
          </cell>
          <cell r="H3349">
            <v>2013</v>
          </cell>
          <cell r="I3349"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3349">
            <v>84</v>
          </cell>
          <cell r="M3349">
            <v>6</v>
          </cell>
        </row>
        <row r="3350">
          <cell r="A3350" t="str">
            <v>ISRFTC12013</v>
          </cell>
          <cell r="B3350" t="str">
            <v>ISR</v>
          </cell>
          <cell r="C3350" t="str">
            <v>Israel</v>
          </cell>
          <cell r="D3350" t="str">
            <v>Item 10</v>
          </cell>
          <cell r="E3350" t="str">
            <v>FTC1</v>
          </cell>
          <cell r="F3350" t="str">
            <v>Valid cases for use of fixed-term contracts, other than  “objective”  or “material” situation</v>
          </cell>
          <cell r="G3350">
            <v>2013</v>
          </cell>
          <cell r="H3350">
            <v>2013</v>
          </cell>
          <cell r="I3350" t="str">
            <v>No restrictions on the use of fixed-term contracts.</v>
          </cell>
          <cell r="J3350">
            <v>3</v>
          </cell>
          <cell r="M3350">
            <v>0</v>
          </cell>
        </row>
        <row r="3351">
          <cell r="A3351" t="str">
            <v>ISRFTC22013</v>
          </cell>
          <cell r="B3351" t="str">
            <v>ISR</v>
          </cell>
          <cell r="C3351" t="str">
            <v>Israel</v>
          </cell>
          <cell r="D3351" t="str">
            <v>Item 11</v>
          </cell>
          <cell r="E3351" t="str">
            <v>FTC2</v>
          </cell>
          <cell r="F3351" t="str">
            <v>Maximum number of successive fixed-term contracts</v>
          </cell>
          <cell r="G3351">
            <v>2013</v>
          </cell>
          <cell r="H3351">
            <v>2013</v>
          </cell>
          <cell r="I3351" t="str">
            <v>No limit</v>
          </cell>
          <cell r="J3351">
            <v>100</v>
          </cell>
          <cell r="M3351">
            <v>0</v>
          </cell>
        </row>
        <row r="3352">
          <cell r="A3352" t="str">
            <v>ISRFTC32013</v>
          </cell>
          <cell r="B3352" t="str">
            <v>ISR</v>
          </cell>
          <cell r="C3352" t="str">
            <v>Israel</v>
          </cell>
          <cell r="D3352" t="str">
            <v>Item 12</v>
          </cell>
          <cell r="E3352" t="str">
            <v>FTC3</v>
          </cell>
          <cell r="F3352" t="str">
            <v>Maximum cumulated duration of successive fixed-term contracts</v>
          </cell>
          <cell r="G3352">
            <v>2013</v>
          </cell>
          <cell r="H3352">
            <v>2013</v>
          </cell>
          <cell r="I3352" t="str">
            <v>No limit</v>
          </cell>
          <cell r="J3352">
            <v>200</v>
          </cell>
          <cell r="M3352">
            <v>0</v>
          </cell>
        </row>
        <row r="3353">
          <cell r="A3353" t="str">
            <v>ISRTWA12013</v>
          </cell>
          <cell r="B3353" t="str">
            <v>ISR</v>
          </cell>
          <cell r="C3353" t="str">
            <v>Israel</v>
          </cell>
          <cell r="D3353" t="str">
            <v>Item 13</v>
          </cell>
          <cell r="E3353" t="str">
            <v>TWA1</v>
          </cell>
          <cell r="F3353" t="str">
            <v>Types of work for which TWA employment is legal</v>
          </cell>
          <cell r="G3353">
            <v>2013</v>
          </cell>
          <cell r="H3353">
            <v>2013</v>
          </cell>
          <cell r="I3353" t="str">
            <v>No restrictions</v>
          </cell>
          <cell r="J3353">
            <v>4</v>
          </cell>
          <cell r="M3353">
            <v>0</v>
          </cell>
        </row>
        <row r="3354">
          <cell r="A3354" t="str">
            <v>ISRTWA22013</v>
          </cell>
          <cell r="B3354" t="str">
            <v>ISR</v>
          </cell>
          <cell r="C3354" t="str">
            <v>Israel</v>
          </cell>
          <cell r="D3354" t="str">
            <v>Item 14</v>
          </cell>
          <cell r="E3354" t="str">
            <v>TWA2A, TWA2B</v>
          </cell>
          <cell r="F3354" t="str">
            <v>Are there any restrictions on the number of renewals of a TWA contract?</v>
          </cell>
          <cell r="G3354">
            <v>2013</v>
          </cell>
          <cell r="H3354">
            <v>2013</v>
          </cell>
          <cell r="I3354" t="str">
            <v>No, within maximum time for assignments.
No for the contracts between the agency and the worker.</v>
          </cell>
          <cell r="J3354" t="str">
            <v>No</v>
          </cell>
          <cell r="K3354" t="str">
            <v>No</v>
          </cell>
          <cell r="M3354">
            <v>2</v>
          </cell>
          <cell r="N3354">
            <v>2</v>
          </cell>
        </row>
        <row r="3355">
          <cell r="A3355" t="str">
            <v>ISRTWA32013</v>
          </cell>
          <cell r="B3355" t="str">
            <v>ISR</v>
          </cell>
          <cell r="C3355" t="str">
            <v>Israel</v>
          </cell>
          <cell r="D3355" t="str">
            <v>Item 15</v>
          </cell>
          <cell r="E3355" t="str">
            <v>TWA3A, TWA3B</v>
          </cell>
          <cell r="F3355" t="str">
            <v>Maximum cumulated duration of temporary work contracts</v>
          </cell>
          <cell r="G3355">
            <v>2013</v>
          </cell>
          <cell r="H3355">
            <v>2013</v>
          </cell>
          <cell r="I3355"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3355">
            <v>9</v>
          </cell>
          <cell r="K3355">
            <v>100</v>
          </cell>
          <cell r="M3355">
            <v>5</v>
          </cell>
          <cell r="N3355">
            <v>0</v>
          </cell>
        </row>
        <row r="3356">
          <cell r="A3356" t="str">
            <v>ISRTWA42013</v>
          </cell>
          <cell r="B3356" t="str">
            <v>ISR</v>
          </cell>
          <cell r="C3356" t="str">
            <v>Israel</v>
          </cell>
          <cell r="D3356" t="str">
            <v>Item 16</v>
          </cell>
          <cell r="E3356" t="str">
            <v>TWA4</v>
          </cell>
          <cell r="F3356" t="str">
            <v>Authorisation or reporting requirements</v>
          </cell>
          <cell r="G3356">
            <v>2013</v>
          </cell>
          <cell r="H3356">
            <v>2013</v>
          </cell>
          <cell r="I3356"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3356">
            <v>3</v>
          </cell>
          <cell r="M3356">
            <v>6</v>
          </cell>
        </row>
        <row r="3357">
          <cell r="A3357" t="str">
            <v>ISRTWA52013</v>
          </cell>
          <cell r="B3357" t="str">
            <v>ISR</v>
          </cell>
          <cell r="C3357" t="str">
            <v>Israel</v>
          </cell>
          <cell r="D3357" t="str">
            <v>Item 17</v>
          </cell>
          <cell r="E3357" t="str">
            <v>TWA5</v>
          </cell>
          <cell r="F3357" t="str">
            <v>Equal treatment for TWA workers</v>
          </cell>
          <cell r="G3357">
            <v>2013</v>
          </cell>
          <cell r="H3357">
            <v>2013</v>
          </cell>
          <cell r="I3357"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3357">
            <v>2</v>
          </cell>
          <cell r="M3357">
            <v>6</v>
          </cell>
        </row>
        <row r="3358">
          <cell r="A3358" t="str">
            <v>ISRCD12013</v>
          </cell>
          <cell r="B3358" t="str">
            <v>ISR</v>
          </cell>
          <cell r="C3358" t="str">
            <v>Israel</v>
          </cell>
          <cell r="D3358" t="str">
            <v>Item 18</v>
          </cell>
          <cell r="E3358" t="str">
            <v>CD1</v>
          </cell>
          <cell r="F3358" t="str">
            <v>Definition of collective dismissal</v>
          </cell>
          <cell r="G3358">
            <v>2013</v>
          </cell>
          <cell r="H3358">
            <v>2013</v>
          </cell>
          <cell r="I3358" t="str">
            <v>Ten or more workers in a period of one month. Collective agreements may contain different definitions of collective dismissal.</v>
          </cell>
          <cell r="J3358">
            <v>3</v>
          </cell>
          <cell r="M3358">
            <v>4.5</v>
          </cell>
        </row>
        <row r="3359">
          <cell r="A3359" t="str">
            <v>ISRCD22013</v>
          </cell>
          <cell r="B3359" t="str">
            <v>ISR</v>
          </cell>
          <cell r="C3359" t="str">
            <v>Israel</v>
          </cell>
          <cell r="D3359" t="str">
            <v>Item 19</v>
          </cell>
          <cell r="E3359" t="str">
            <v>CD2</v>
          </cell>
          <cell r="F3359" t="str">
            <v>Additional notification requirements in case of collective dismissals</v>
          </cell>
          <cell r="G3359">
            <v>2013</v>
          </cell>
          <cell r="H3359">
            <v>2013</v>
          </cell>
          <cell r="I3359" t="str">
            <v>The employer must give prior notice of dismissal to the Employment Service Bureau.</v>
          </cell>
          <cell r="J3359">
            <v>1</v>
          </cell>
          <cell r="M3359">
            <v>3</v>
          </cell>
        </row>
        <row r="3360">
          <cell r="A3360" t="str">
            <v>ISRCD32013</v>
          </cell>
          <cell r="B3360" t="str">
            <v>ISR</v>
          </cell>
          <cell r="C3360" t="str">
            <v>Israel</v>
          </cell>
          <cell r="D3360" t="str">
            <v>Item 20</v>
          </cell>
          <cell r="E3360" t="str">
            <v>CD3</v>
          </cell>
          <cell r="F3360" t="str">
            <v>Additional delays involved in case of collective dismissals</v>
          </cell>
          <cell r="G3360">
            <v>2013</v>
          </cell>
          <cell r="H3360">
            <v>2013</v>
          </cell>
          <cell r="I3360" t="str">
            <v>No additional delays</v>
          </cell>
          <cell r="J3360">
            <v>0</v>
          </cell>
          <cell r="M3360">
            <v>0</v>
          </cell>
        </row>
        <row r="3361">
          <cell r="A3361" t="str">
            <v>ISRCD42013</v>
          </cell>
          <cell r="B3361" t="str">
            <v>ISR</v>
          </cell>
          <cell r="C3361" t="str">
            <v>Israel</v>
          </cell>
          <cell r="D3361" t="str">
            <v>Item 21</v>
          </cell>
          <cell r="E3361" t="str">
            <v>CD4</v>
          </cell>
          <cell r="F3361" t="str">
            <v>Other special costs to employers in case of collective dismissals</v>
          </cell>
          <cell r="G3361">
            <v>2013</v>
          </cell>
          <cell r="H3361">
            <v>2013</v>
          </cell>
          <cell r="I3361" t="str">
            <v>No additional costs.</v>
          </cell>
          <cell r="J3361">
            <v>0</v>
          </cell>
          <cell r="M3361">
            <v>0</v>
          </cell>
        </row>
        <row r="3362">
          <cell r="A3362" t="str">
            <v>ARGREG12012</v>
          </cell>
          <cell r="B3362" t="str">
            <v>ARG</v>
          </cell>
          <cell r="C3362" t="str">
            <v>Argentina</v>
          </cell>
          <cell r="D3362" t="str">
            <v>Item 1</v>
          </cell>
          <cell r="E3362" t="str">
            <v>REG1</v>
          </cell>
          <cell r="F3362" t="str">
            <v>Notification procedures</v>
          </cell>
          <cell r="G3362">
            <v>2012</v>
          </cell>
          <cell r="H3362">
            <v>2012</v>
          </cell>
          <cell r="I3362" t="str">
            <v>Written notification (Art. 235 Labour Contract Act – Ley de Contrato de Trabajo, LCT hereafter), with indication of the reason if for just cause. The reason cannot be changed if the dismissal is challenged in courts (Art. 243 LCT). Just cause is not explicitly defined but typically corresponds to serious misconduct or offence.
A judicial procedure is required in order to terminate the contract of union representatives for just cause.</v>
          </cell>
          <cell r="J3362">
            <v>1</v>
          </cell>
          <cell r="M3362">
            <v>2</v>
          </cell>
        </row>
        <row r="3363">
          <cell r="A3363" t="str">
            <v>ARGREG22012</v>
          </cell>
          <cell r="B3363" t="str">
            <v>ARG</v>
          </cell>
          <cell r="C3363" t="str">
            <v>Argentina</v>
          </cell>
          <cell r="D3363" t="str">
            <v>Item 2</v>
          </cell>
          <cell r="E3363" t="str">
            <v>REG2</v>
          </cell>
          <cell r="F3363" t="str">
            <v>Delay before notice can start</v>
          </cell>
          <cell r="G3363">
            <v>2012</v>
          </cell>
          <cell r="H3363">
            <v>2012</v>
          </cell>
          <cell r="I3363" t="str">
            <v>Notice starts the day after its receipt by the worker. However, if the date of effective dismissal does not coincide with the end of the month, the worker is entitled to his/her normal salary until the end of the month (art. 233 LCT).
Calculation: 1 day for letter plus 15 extra days on average until the end of the month: 16 days</v>
          </cell>
          <cell r="J3363">
            <v>16</v>
          </cell>
          <cell r="M3363">
            <v>2</v>
          </cell>
        </row>
        <row r="3364">
          <cell r="A3364" t="str">
            <v>ARGREG32012</v>
          </cell>
          <cell r="B3364" t="str">
            <v>ARG</v>
          </cell>
          <cell r="C3364" t="str">
            <v>Argentina</v>
          </cell>
          <cell r="D3364" t="str">
            <v>Item 3</v>
          </cell>
          <cell r="E3364" t="str">
            <v>REG3A, REG3B, REG3C</v>
          </cell>
          <cell r="F3364" t="str">
            <v>Notice / tenure</v>
          </cell>
          <cell r="G3364">
            <v>2012</v>
          </cell>
          <cell r="H3364">
            <v>2012</v>
          </cell>
          <cell r="I3364" t="str">
            <v>All workers: 15d during the trial period. Then, 1m&lt;5y, 2m&gt;5y if no longer term is stipulated.
1 month for firms with fewer than 40 workers and turnover below a certain threshold.</v>
          </cell>
          <cell r="J3364">
            <v>1</v>
          </cell>
          <cell r="K3364">
            <v>1</v>
          </cell>
          <cell r="L3364">
            <v>2</v>
          </cell>
          <cell r="M3364">
            <v>3</v>
          </cell>
          <cell r="N3364">
            <v>2</v>
          </cell>
          <cell r="O3364">
            <v>1</v>
          </cell>
        </row>
        <row r="3365">
          <cell r="A3365" t="str">
            <v>ARGREG42012</v>
          </cell>
          <cell r="B3365" t="str">
            <v>ARG</v>
          </cell>
          <cell r="C3365" t="str">
            <v>Argentina</v>
          </cell>
          <cell r="D3365" t="str">
            <v>Item 4</v>
          </cell>
          <cell r="E3365" t="str">
            <v>REG4A, REG4B, REG4C</v>
          </cell>
          <cell r="F3365" t="str">
            <v>Severance pay / tenure</v>
          </cell>
          <cell r="G3365">
            <v>2012</v>
          </cell>
          <cell r="H3365">
            <v>2012</v>
          </cell>
          <cell r="I3365" t="str">
            <v>All workers, in the case of dismissal without justified reason (sin justa causa): one month per year of service (or fraction of year if exceeding 3 months; Art. 245 LCT)
All workers, in the case of redundancy (por falta o disminución de trabajo): half of the severance pay due in the case of absence of justified reason (Art. 247 LCT).
The Supreme Court of Justice of the Province of Buenos Aires has ruled that employers must also pay an additional 8.33% over the statutory severance pay within the province of Buenos Aires.
Calculation: average of redundancy and without justified reason.</v>
          </cell>
          <cell r="J3365">
            <v>0.75</v>
          </cell>
          <cell r="K3365">
            <v>3</v>
          </cell>
          <cell r="L3365">
            <v>15</v>
          </cell>
          <cell r="M3365">
            <v>2</v>
          </cell>
          <cell r="N3365">
            <v>4</v>
          </cell>
          <cell r="O3365">
            <v>5</v>
          </cell>
        </row>
        <row r="3366">
          <cell r="A3366" t="str">
            <v>ARGREG52012</v>
          </cell>
          <cell r="B3366" t="str">
            <v>ARG</v>
          </cell>
          <cell r="C3366" t="str">
            <v>Argentina</v>
          </cell>
          <cell r="D3366" t="str">
            <v>Item 5</v>
          </cell>
          <cell r="E3366" t="str">
            <v>REG5</v>
          </cell>
          <cell r="F3366" t="str">
            <v>Definition of justified or unfair dismissal</v>
          </cell>
          <cell r="G3366">
            <v>2012</v>
          </cell>
          <cell r="H3366">
            <v>2012</v>
          </cell>
          <cell r="I3366" t="str">
            <v>Prohibited grounds are discrimination on the basis of race, religion, nationality, ideology, political or union affiliation, sex, maternity, wedding, economic status, social condition, and/or physical characteristics.
Dismissal can be for force majeure, redundancy (por falta o disminución de trabajo), with justified reason (por justa causa) or with no justified reason (sin justa causa). In the case of redundancy the employer must prove that the reduction of activity is not his/her responsibility and must apply a last-in first-out rule. A justified reason for dismissal is not explicitly defined but typically corresponds to serious misconduct or offence.
However, employers can always dismiss workers with no justified reason (sin justa causa) provided that advance notice is respected and severance payments are observed, except in cases of discrimination and of those categories of employees enjoying special protection (i.e. pregnant women, union representatives). 
Calculation: average of redundancy (1) and without justified reason (0)</v>
          </cell>
          <cell r="J3366">
            <v>0.5</v>
          </cell>
          <cell r="M3366">
            <v>1</v>
          </cell>
        </row>
        <row r="3367">
          <cell r="A3367" t="str">
            <v>ARGREG62012</v>
          </cell>
          <cell r="B3367" t="str">
            <v>ARG</v>
          </cell>
          <cell r="C3367" t="str">
            <v>Argentina</v>
          </cell>
          <cell r="D3367" t="str">
            <v>Item 6</v>
          </cell>
          <cell r="E3367" t="str">
            <v>REG6</v>
          </cell>
          <cell r="F3367" t="str">
            <v>Trial period</v>
          </cell>
          <cell r="G3367">
            <v>2012</v>
          </cell>
          <cell r="H3367">
            <v>2012</v>
          </cell>
          <cell r="I3367" t="str">
            <v>3 months (art. 92bis LCT)</v>
          </cell>
          <cell r="J3367">
            <v>3</v>
          </cell>
          <cell r="M3367">
            <v>4</v>
          </cell>
        </row>
        <row r="3368">
          <cell r="A3368" t="str">
            <v>ARGREG72012</v>
          </cell>
          <cell r="B3368" t="str">
            <v>ARG</v>
          </cell>
          <cell r="C3368" t="str">
            <v>Argentina</v>
          </cell>
          <cell r="D3368" t="str">
            <v>Item 7</v>
          </cell>
          <cell r="E3368" t="str">
            <v>REG7</v>
          </cell>
          <cell r="F3368" t="str">
            <v xml:space="preserve">Compensation following unfair dismissal </v>
          </cell>
          <cell r="G3368">
            <v>2012</v>
          </cell>
          <cell r="H3368">
            <v>2012</v>
          </cell>
          <cell r="I3368" t="str">
            <v>Compensation equal to severance pay in the case of dismissal without justified reason.
In certain cases of discrimination additional 12 months of compensation can be ordered.
Calculation: compensation minus average severance pay. Typical compensation at 20 years of tenure: 5 months (20-15)</v>
          </cell>
          <cell r="J3368">
            <v>5</v>
          </cell>
          <cell r="M3368">
            <v>1</v>
          </cell>
        </row>
        <row r="3369">
          <cell r="A3369" t="str">
            <v>ARGREG82012</v>
          </cell>
          <cell r="B3369" t="str">
            <v>ARG</v>
          </cell>
          <cell r="C3369" t="str">
            <v>Argentina</v>
          </cell>
          <cell r="D3369" t="str">
            <v>Item 8</v>
          </cell>
          <cell r="E3369" t="str">
            <v>REG8</v>
          </cell>
          <cell r="F3369" t="str">
            <v>Possibility of reinstatement following unfair dismissal</v>
          </cell>
          <cell r="G3369">
            <v>2012</v>
          </cell>
          <cell r="H3369">
            <v>2012</v>
          </cell>
          <cell r="I3369" t="str">
            <v>No right or practice of reinstatement except in the case of discrimination on the grounds of race, religion, nationality, ideology, political or union affiliation, sex, economic status, social condition, and/or physical characteristics (Ley 23.592). In the case of collective dismissals (see below), reinstatement is also possible in the case the court considers that the collective redundancy was not justified.</v>
          </cell>
          <cell r="J3369">
            <v>0</v>
          </cell>
          <cell r="M3369">
            <v>0</v>
          </cell>
        </row>
        <row r="3370">
          <cell r="A3370" t="str">
            <v>ARGREG92012</v>
          </cell>
          <cell r="B3370" t="str">
            <v>ARG</v>
          </cell>
          <cell r="C3370" t="str">
            <v>Argentina</v>
          </cell>
          <cell r="D3370" t="str">
            <v>Item 9</v>
          </cell>
          <cell r="E3370" t="str">
            <v>REG9</v>
          </cell>
          <cell r="F3370" t="str">
            <v>Maximum time for claim</v>
          </cell>
          <cell r="G3370">
            <v>2012</v>
          </cell>
          <cell r="H3370">
            <v>2012</v>
          </cell>
          <cell r="I3370" t="str">
            <v>2 years (Art. 256 LCT)</v>
          </cell>
          <cell r="J3370">
            <v>24</v>
          </cell>
          <cell r="M3370">
            <v>6</v>
          </cell>
        </row>
        <row r="3371">
          <cell r="A3371" t="str">
            <v>ARGFTC12012</v>
          </cell>
          <cell r="B3371" t="str">
            <v>ARG</v>
          </cell>
          <cell r="C3371" t="str">
            <v>Argentina</v>
          </cell>
          <cell r="D3371" t="str">
            <v>Item 10</v>
          </cell>
          <cell r="E3371" t="str">
            <v>FTC1</v>
          </cell>
          <cell r="F3371" t="str">
            <v>Valid cases for use of fixed-term contracts, other than  “objective”  or “material” situation</v>
          </cell>
          <cell r="G3371">
            <v>2012</v>
          </cell>
          <cell r="H3371">
            <v>2012</v>
          </cell>
          <cell r="I3371" t="str">
            <v>No specific restrictions. But the use of fixed-term contracts is possible only if the type of task or activity justifies a fixed-term contract (Art. 90 LCT). The burden of proving the justification is on the employer (Art. 92 LCT).</v>
          </cell>
          <cell r="J3371">
            <v>1.5</v>
          </cell>
          <cell r="M3371">
            <v>3</v>
          </cell>
        </row>
        <row r="3372">
          <cell r="A3372" t="str">
            <v>ARGFTC22012</v>
          </cell>
          <cell r="B3372" t="str">
            <v>ARG</v>
          </cell>
          <cell r="C3372" t="str">
            <v>Argentina</v>
          </cell>
          <cell r="D3372" t="str">
            <v>Item 11</v>
          </cell>
          <cell r="E3372" t="str">
            <v>FTC2</v>
          </cell>
          <cell r="F3372" t="str">
            <v>Maximum number of successive fixed-term contracts</v>
          </cell>
          <cell r="G3372">
            <v>2012</v>
          </cell>
          <cell r="H3372">
            <v>2012</v>
          </cell>
          <cell r="I3372" t="str">
            <v>No limitation within the maximum duration but if more than one renewal is made, it would most likely considered as masking a long-term relationship.
Estimated number of successive contracts: 2</v>
          </cell>
          <cell r="J3372">
            <v>2</v>
          </cell>
          <cell r="M3372">
            <v>4</v>
          </cell>
        </row>
        <row r="3373">
          <cell r="A3373" t="str">
            <v>ARGFTC32012</v>
          </cell>
          <cell r="B3373" t="str">
            <v>ARG</v>
          </cell>
          <cell r="C3373" t="str">
            <v>Argentina</v>
          </cell>
          <cell r="D3373" t="str">
            <v>Item 12</v>
          </cell>
          <cell r="E3373" t="str">
            <v>FTC3</v>
          </cell>
          <cell r="F3373" t="str">
            <v>Maximum cumulated duration of successive fixed-term contracts</v>
          </cell>
          <cell r="G3373">
            <v>2012</v>
          </cell>
          <cell r="H3373">
            <v>2012</v>
          </cell>
          <cell r="I3373" t="str">
            <v>5 years</v>
          </cell>
          <cell r="J3373">
            <v>60</v>
          </cell>
          <cell r="M3373">
            <v>1</v>
          </cell>
        </row>
        <row r="3374">
          <cell r="A3374" t="str">
            <v>ARGTWA12012</v>
          </cell>
          <cell r="B3374" t="str">
            <v>ARG</v>
          </cell>
          <cell r="C3374" t="str">
            <v>Argentina</v>
          </cell>
          <cell r="D3374" t="str">
            <v>Item 13</v>
          </cell>
          <cell r="E3374" t="str">
            <v>TWA1</v>
          </cell>
          <cell r="F3374" t="str">
            <v>Types of work for which TWA employment is legal</v>
          </cell>
          <cell r="G3374">
            <v>2012</v>
          </cell>
          <cell r="H3374">
            <v>2012</v>
          </cell>
          <cell r="I3374" t="str">
            <v>Except in the rural sector, the construction industry and the public sector, TWA employment is allowed: to replace an absent or suspended employee, except when the suspension is the result of a strike or lack or reduction of work; in the case of temporary increase in activity requiring a greater number of workers; and to perform transitional tasks to be accomplished outside the usual and ordinary course of the business user.
The proportion of TWA workers in the user-firm must be reasonable.</v>
          </cell>
          <cell r="J3374">
            <v>2</v>
          </cell>
          <cell r="M3374">
            <v>3</v>
          </cell>
        </row>
        <row r="3375">
          <cell r="A3375" t="str">
            <v>ARGTWA22012</v>
          </cell>
          <cell r="B3375" t="str">
            <v>ARG</v>
          </cell>
          <cell r="C3375" t="str">
            <v>Argentina</v>
          </cell>
          <cell r="D3375" t="str">
            <v>Item 14</v>
          </cell>
          <cell r="E3375" t="str">
            <v>TWA2A, TWA2B</v>
          </cell>
          <cell r="F3375" t="str">
            <v>Are there any restrictions on the number of renewals of a TWA contract?</v>
          </cell>
          <cell r="G3375">
            <v>2012</v>
          </cell>
          <cell r="H3375">
            <v>2012</v>
          </cell>
          <cell r="I3375" t="str">
            <v>No limitations for both assignments and contracts (same limitations as for standard FTCs if contracts are fixed-term).</v>
          </cell>
          <cell r="J3375" t="str">
            <v>No</v>
          </cell>
          <cell r="K3375" t="str">
            <v>No</v>
          </cell>
          <cell r="M3375">
            <v>2</v>
          </cell>
          <cell r="N3375">
            <v>2</v>
          </cell>
        </row>
        <row r="3376">
          <cell r="A3376" t="str">
            <v>ARGTWA32012</v>
          </cell>
          <cell r="B3376" t="str">
            <v>ARG</v>
          </cell>
          <cell r="C3376" t="str">
            <v>Argentina</v>
          </cell>
          <cell r="D3376" t="str">
            <v>Item 15</v>
          </cell>
          <cell r="E3376" t="str">
            <v>TWA3A, TWA3B</v>
          </cell>
          <cell r="F3376" t="str">
            <v>Maximum cumulated duration of temporary work contracts</v>
          </cell>
          <cell r="G3376">
            <v>2012</v>
          </cell>
          <cell r="H3376">
            <v>2012</v>
          </cell>
          <cell r="I3376" t="str">
            <v>No limitations for both assignments and contracts (same limitations as for standard FTCs if contracts are fixed-term).</v>
          </cell>
          <cell r="J3376">
            <v>100</v>
          </cell>
          <cell r="K3376">
            <v>100</v>
          </cell>
          <cell r="M3376">
            <v>0</v>
          </cell>
          <cell r="N3376">
            <v>0</v>
          </cell>
        </row>
        <row r="3377">
          <cell r="A3377" t="str">
            <v>ARGTWA42012</v>
          </cell>
          <cell r="B3377" t="str">
            <v>ARG</v>
          </cell>
          <cell r="C3377" t="str">
            <v>Argentina</v>
          </cell>
          <cell r="D3377" t="str">
            <v>Item 16</v>
          </cell>
          <cell r="E3377" t="str">
            <v>TWA4</v>
          </cell>
          <cell r="F3377" t="str">
            <v>Authorisation or reporting requirements</v>
          </cell>
          <cell r="G3377">
            <v>2012</v>
          </cell>
          <cell r="H3377">
            <v>2012</v>
          </cell>
          <cell r="I3377" t="str">
            <v>The set-up of a TWA requires registration and authorisation. There is also an obligation to regularly report to public authorities on operational statistics.</v>
          </cell>
          <cell r="J3377">
            <v>3</v>
          </cell>
          <cell r="M3377">
            <v>6</v>
          </cell>
        </row>
        <row r="3378">
          <cell r="A3378" t="str">
            <v>ARGTWA52012</v>
          </cell>
          <cell r="B3378" t="str">
            <v>ARG</v>
          </cell>
          <cell r="C3378" t="str">
            <v>Argentina</v>
          </cell>
          <cell r="D3378" t="str">
            <v>Item 17</v>
          </cell>
          <cell r="E3378" t="str">
            <v>TWA5</v>
          </cell>
          <cell r="F3378" t="str">
            <v>Equal treatment for TWA workers</v>
          </cell>
          <cell r="G3378">
            <v>2012</v>
          </cell>
          <cell r="H3378">
            <v>2012</v>
          </cell>
          <cell r="I3378" t="str">
            <v>Pay is negotiated between unions, employers' organizations and government in the sector where the temporary agency workers are assigned. The principle of equal treatment is applied</v>
          </cell>
          <cell r="J3378">
            <v>2</v>
          </cell>
          <cell r="M3378">
            <v>6</v>
          </cell>
        </row>
        <row r="3379">
          <cell r="A3379" t="str">
            <v>ARGCD12012</v>
          </cell>
          <cell r="B3379" t="str">
            <v>ARG</v>
          </cell>
          <cell r="C3379" t="str">
            <v>Argentina</v>
          </cell>
          <cell r="D3379" t="str">
            <v>Item 18</v>
          </cell>
          <cell r="E3379" t="str">
            <v>CD1</v>
          </cell>
          <cell r="F3379" t="str">
            <v>Definition of collective dismissal</v>
          </cell>
          <cell r="G3379">
            <v>2012</v>
          </cell>
          <cell r="H3379">
            <v>2012</v>
          </cell>
          <cell r="I3379" t="str">
            <v>Collective redundancy when involving:
- more than 15% of workers in undertakings employing less than 400 workers;
- more than 10% of workers in undertakings employing between 400 and 1000 workers;
- more than 5% of workers in undertakings employing more than 1000 workers</v>
          </cell>
          <cell r="J3379">
            <v>4</v>
          </cell>
          <cell r="M3379">
            <v>6</v>
          </cell>
        </row>
        <row r="3380">
          <cell r="A3380" t="str">
            <v>ARGCD22012</v>
          </cell>
          <cell r="B3380" t="str">
            <v>ARG</v>
          </cell>
          <cell r="C3380" t="str">
            <v>Argentina</v>
          </cell>
          <cell r="D3380" t="str">
            <v>Item 19</v>
          </cell>
          <cell r="E3380" t="str">
            <v>CD2</v>
          </cell>
          <cell r="F3380" t="str">
            <v>Additional notification requirements in case of collective dismissals</v>
          </cell>
          <cell r="G3380">
            <v>2012</v>
          </cell>
          <cell r="H3380">
            <v>2012</v>
          </cell>
          <cell r="I3380" t="str">
            <v>Compulsory negotiations with unions before the Ministry of Labour and Social Security</v>
          </cell>
          <cell r="J3380">
            <v>2</v>
          </cell>
          <cell r="M3380">
            <v>6</v>
          </cell>
        </row>
        <row r="3381">
          <cell r="A3381" t="str">
            <v>ARGCD32012</v>
          </cell>
          <cell r="B3381" t="str">
            <v>ARG</v>
          </cell>
          <cell r="C3381" t="str">
            <v>Argentina</v>
          </cell>
          <cell r="D3381" t="str">
            <v>Item 20</v>
          </cell>
          <cell r="E3381" t="str">
            <v>CD3</v>
          </cell>
          <cell r="F3381" t="str">
            <v>Additional delays involved in case of collective dismissals</v>
          </cell>
          <cell r="G3381">
            <v>2012</v>
          </cell>
          <cell r="H3381">
            <v>2012</v>
          </cell>
          <cell r="I3381" t="str">
            <v>The employer submits his/her plan to the Ministry of Labour and Social Security. The parties are invited to a meeting by the Ministry of Labour and Social Security within 2 days, and a first attempt of negotiation in front of the labour authority is performed for a duration of 5 days. If no agreement is reached, parties are given 10 additional days for negotiating. The revised plan (with or without the agreement of unions) is then assessed by the Ministry of Labour and Social Security within 10 days. The employer can proceed to dismissal even in the absence of homologation by the Ministry of Labour and Social Security but only at the end of this process.</v>
          </cell>
          <cell r="J3381">
            <v>27</v>
          </cell>
          <cell r="M3381">
            <v>2</v>
          </cell>
        </row>
        <row r="3382">
          <cell r="A3382" t="str">
            <v>ARGCD42012</v>
          </cell>
          <cell r="B3382" t="str">
            <v>ARG</v>
          </cell>
          <cell r="C3382" t="str">
            <v>Argentina</v>
          </cell>
          <cell r="D3382" t="str">
            <v>Item 21</v>
          </cell>
          <cell r="E3382" t="str">
            <v>CD4</v>
          </cell>
          <cell r="F3382" t="str">
            <v>Other special costs to employers in case of collective dismissals</v>
          </cell>
          <cell r="G3382">
            <v>2012</v>
          </cell>
          <cell r="H3382">
            <v>2012</v>
          </cell>
          <cell r="I3382" t="str">
            <v>Firms with more than 50 workers must indicate in their initial plan the proposed compensation for involved workers. Although not being a strict requirement, proposing additional severance pay is advisable.</v>
          </cell>
          <cell r="J3382">
            <v>0.5</v>
          </cell>
          <cell r="M3382">
            <v>1.5</v>
          </cell>
        </row>
        <row r="3383">
          <cell r="A3383" t="str">
            <v>SVNREG141395</v>
          </cell>
          <cell r="B3383" t="str">
            <v>SVN</v>
          </cell>
          <cell r="C3383" t="str">
            <v>Slovenia</v>
          </cell>
          <cell r="D3383" t="str">
            <v>Item 1</v>
          </cell>
          <cell r="E3383" t="str">
            <v>REG1</v>
          </cell>
          <cell r="F3383" t="str">
            <v>Notification procedures</v>
          </cell>
          <cell r="G3383">
            <v>41395</v>
          </cell>
          <cell r="H3383">
            <v>41395</v>
          </cell>
          <cell r="I3383" t="str">
            <v>Notice must be served in writing (Art. 87, Employment Relationship Act, ERA-1 hereafter),
Prior to dismissal for reasons of incapacity, the employer must allow the worker to offer a defence within a reasonable deadline, which must not be shorter than three working days (Art. 85 ERA-1), except where circumstances exist for which reason it would be unjustified to expect the employer to provide this for the worker.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six days. The employer is entitled to terminate the employment contract, even if (the works council or trade union or workers' representative) expresses a negative opinion (Art. 86, ERA-1).</v>
          </cell>
          <cell r="J3383">
            <v>2</v>
          </cell>
          <cell r="M3383">
            <v>4</v>
          </cell>
          <cell r="P3383">
            <v>41376</v>
          </cell>
        </row>
        <row r="3384">
          <cell r="A3384" t="str">
            <v>SVNREG241395</v>
          </cell>
          <cell r="B3384" t="str">
            <v>SVN</v>
          </cell>
          <cell r="C3384" t="str">
            <v>Slovenia</v>
          </cell>
          <cell r="D3384" t="str">
            <v>Item 2</v>
          </cell>
          <cell r="E3384" t="str">
            <v>REG2</v>
          </cell>
          <cell r="F3384" t="str">
            <v>Delay before notice can start</v>
          </cell>
          <cell r="G3384">
            <v>41395</v>
          </cell>
          <cell r="H3384">
            <v>41395</v>
          </cell>
          <cell r="I338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3384">
            <v>3</v>
          </cell>
          <cell r="M3384">
            <v>1</v>
          </cell>
        </row>
        <row r="3385">
          <cell r="A3385" t="str">
            <v>SVNREG341395</v>
          </cell>
          <cell r="B3385" t="str">
            <v>SVN</v>
          </cell>
          <cell r="C3385" t="str">
            <v>Slovenia</v>
          </cell>
          <cell r="D3385" t="str">
            <v>Item 3</v>
          </cell>
          <cell r="E3385" t="str">
            <v>REG3A, REG3B, REG3C</v>
          </cell>
          <cell r="F3385" t="str">
            <v>Notice / tenure</v>
          </cell>
          <cell r="G3385">
            <v>41395</v>
          </cell>
          <cell r="H3385">
            <v>41395</v>
          </cell>
          <cell r="I3385" t="str">
            <v>Business reasons: 15 days for less than 1 year of tenure, 30 days for one year or more but less than 2 years of tenure; then mandatory notice periods increase of 2 days per year of tenure with a maximum of 60 days. , 80 days for workers with more than 25 years of tenure (for the latter category a collective agreements can stipulate otherwise, but no less than 60 days)
Reasons of incapacity - 15 days for less than 1 year of tenure, 30 days for one year or more but less than 3 years of tenure. Then mandatory notice periods increase of 2 days per year of tenure with a maximum of 60 days. A collective agreement can stipulate 80 days for workers with more than 25 years of tenure.
Calculation: average of the two situations: 9 months: 15 days; 4 years: 34 days; 20 years: 60 days. 
Shorter notice periods are allowed for small employers (10 employees or less) by collective agreement.</v>
          </cell>
          <cell r="J3385">
            <v>0.5</v>
          </cell>
          <cell r="K3385">
            <v>1.1000000000000001</v>
          </cell>
          <cell r="L3385">
            <v>2</v>
          </cell>
          <cell r="M3385">
            <v>2</v>
          </cell>
          <cell r="N3385">
            <v>2</v>
          </cell>
          <cell r="O3385">
            <v>1</v>
          </cell>
        </row>
        <row r="3386">
          <cell r="A3386" t="str">
            <v>SVNREG441395</v>
          </cell>
          <cell r="B3386" t="str">
            <v>SVN</v>
          </cell>
          <cell r="C3386" t="str">
            <v>Slovenia</v>
          </cell>
          <cell r="D3386" t="str">
            <v>Item 4</v>
          </cell>
          <cell r="E3386" t="str">
            <v>REG4A, REG4B, REG4C</v>
          </cell>
          <cell r="F3386" t="str">
            <v>Severance pay / tenure</v>
          </cell>
          <cell r="G3386">
            <v>41395</v>
          </cell>
          <cell r="H3386">
            <v>41395</v>
          </cell>
          <cell r="I338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10 years; 1/4 months for each year of work if employed from 10 to 20 years; 1/3 months for each year of work if employed more than 20 years. The amount of severance pay may not exceed 10 months pay (art. 108, ERA-1).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3386">
            <v>0</v>
          </cell>
          <cell r="K3386">
            <v>0.8</v>
          </cell>
          <cell r="L3386">
            <v>5</v>
          </cell>
          <cell r="M3386">
            <v>0</v>
          </cell>
          <cell r="N3386">
            <v>2</v>
          </cell>
          <cell r="O3386">
            <v>2</v>
          </cell>
        </row>
        <row r="3387">
          <cell r="A3387" t="str">
            <v>SVNREG541395</v>
          </cell>
          <cell r="B3387" t="str">
            <v>SVN</v>
          </cell>
          <cell r="C3387" t="str">
            <v>Slovenia</v>
          </cell>
          <cell r="D3387" t="str">
            <v>Item 5</v>
          </cell>
          <cell r="E3387" t="str">
            <v>REG5</v>
          </cell>
          <cell r="F3387" t="str">
            <v>Definition of justified or unfair dismissal</v>
          </cell>
          <cell r="G3387">
            <v>41395</v>
          </cell>
          <cell r="H3387">
            <v>41395</v>
          </cell>
          <cell r="I3387" t="str">
            <v>Fair: Cancellation is legitimate if there exists a justified reason for cancellation which prevents continued work under the conditions from the employment contract..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J3387">
            <v>0</v>
          </cell>
          <cell r="M3387">
            <v>0</v>
          </cell>
        </row>
        <row r="3388">
          <cell r="A3388" t="str">
            <v>SVNREG641395</v>
          </cell>
          <cell r="B3388" t="str">
            <v>SVN</v>
          </cell>
          <cell r="C3388" t="str">
            <v>Slovenia</v>
          </cell>
          <cell r="D3388" t="str">
            <v>Item 6</v>
          </cell>
          <cell r="E3388" t="str">
            <v>REG6</v>
          </cell>
          <cell r="F3388" t="str">
            <v>Trial period</v>
          </cell>
          <cell r="G3388">
            <v>41395</v>
          </cell>
          <cell r="H3388">
            <v>41395</v>
          </cell>
          <cell r="I3388" t="str">
            <v>Probation can last a maximum of six months. It can be extended in the event of temporary absence from work. Unsuccessful completion of probation is a reason for dismissal with a short notice period of 7 days (Articles 125 and 94 of ERA-1).</v>
          </cell>
          <cell r="J3388">
            <v>6</v>
          </cell>
          <cell r="M3388">
            <v>3</v>
          </cell>
        </row>
        <row r="3389">
          <cell r="A3389" t="str">
            <v>SVNREG741395</v>
          </cell>
          <cell r="B3389" t="str">
            <v>SVN</v>
          </cell>
          <cell r="C3389" t="str">
            <v>Slovenia</v>
          </cell>
          <cell r="D3389" t="str">
            <v>Item 7</v>
          </cell>
          <cell r="E3389" t="str">
            <v>REG7</v>
          </cell>
          <cell r="F3389" t="str">
            <v xml:space="preserve">Compensation following unfair dismissal </v>
          </cell>
          <cell r="G3389">
            <v>41395</v>
          </cell>
          <cell r="H3389">
            <v>41395</v>
          </cell>
          <cell r="I3389"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
</v>
          </cell>
          <cell r="J3389">
            <v>13</v>
          </cell>
          <cell r="M3389">
            <v>3</v>
          </cell>
        </row>
        <row r="3390">
          <cell r="A3390" t="str">
            <v>SVNREG841395</v>
          </cell>
          <cell r="B3390" t="str">
            <v>SVN</v>
          </cell>
          <cell r="C3390" t="str">
            <v>Slovenia</v>
          </cell>
          <cell r="D3390" t="str">
            <v>Item 8</v>
          </cell>
          <cell r="E3390" t="str">
            <v>REG8</v>
          </cell>
          <cell r="F3390" t="str">
            <v>Possibility of reinstatement following unfair dismissal</v>
          </cell>
          <cell r="G3390">
            <v>41395</v>
          </cell>
          <cell r="H3390">
            <v>41395</v>
          </cell>
          <cell r="I3390" t="str">
            <v>If the court determines that the employer's cancellation is not legitimate, but the worker does not wish to continue the employment, it may, on the proposal of either the worker or the employ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or the employer’s proposal (Art. 118, ERA-1).</v>
          </cell>
          <cell r="J3390">
            <v>2</v>
          </cell>
          <cell r="M3390">
            <v>4</v>
          </cell>
        </row>
        <row r="3391">
          <cell r="A3391" t="str">
            <v>SVNREG941395</v>
          </cell>
          <cell r="B3391" t="str">
            <v>SVN</v>
          </cell>
          <cell r="C3391" t="str">
            <v>Slovenia</v>
          </cell>
          <cell r="D3391" t="str">
            <v>Item 9</v>
          </cell>
          <cell r="E3391" t="str">
            <v>REG9</v>
          </cell>
          <cell r="F3391" t="str">
            <v>Maximum time for claim</v>
          </cell>
          <cell r="G3391">
            <v>41395</v>
          </cell>
          <cell r="H3391">
            <v>41395</v>
          </cell>
          <cell r="I3391" t="str">
            <v xml:space="preserve">The worker may request a determination of the illegitimacy of the dismissal within a deadline of 30 days from the day of being served notice of termination.
Since the average notice period is 30 days after the dismissal notification, the deadline for claiming unfair dismissal falls within the period before the dismissal takes effect.  
</v>
          </cell>
          <cell r="J3391">
            <v>0</v>
          </cell>
          <cell r="M3391">
            <v>0</v>
          </cell>
        </row>
        <row r="3392">
          <cell r="A3392" t="str">
            <v>SVNFTC141395</v>
          </cell>
          <cell r="B3392" t="str">
            <v>SVN</v>
          </cell>
          <cell r="C3392" t="str">
            <v>Slovenia</v>
          </cell>
          <cell r="D3392" t="str">
            <v>Item 10</v>
          </cell>
          <cell r="E3392" t="str">
            <v>FTC1</v>
          </cell>
          <cell r="F3392" t="str">
            <v>Valid cases for use of fixed-term contracts, other than  “objective”  or “material” situation</v>
          </cell>
          <cell r="G3392">
            <v>41395</v>
          </cell>
          <cell r="H3392">
            <v>41395</v>
          </cell>
          <cell r="I339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3392">
            <v>2</v>
          </cell>
          <cell r="M3392">
            <v>2</v>
          </cell>
        </row>
        <row r="3393">
          <cell r="A3393" t="str">
            <v>SVNFTC241395</v>
          </cell>
          <cell r="B3393" t="str">
            <v>SVN</v>
          </cell>
          <cell r="C3393" t="str">
            <v>Slovenia</v>
          </cell>
          <cell r="D3393" t="str">
            <v>Item 11</v>
          </cell>
          <cell r="E3393" t="str">
            <v>FTC2</v>
          </cell>
          <cell r="F3393" t="str">
            <v>Maximum number of successive fixed-term contracts</v>
          </cell>
          <cell r="G3393">
            <v>41395</v>
          </cell>
          <cell r="H3393">
            <v>41395</v>
          </cell>
          <cell r="I3393" t="str">
            <v>No limit, within 2-year time limit for fixed term contracts.</v>
          </cell>
          <cell r="J3393">
            <v>100</v>
          </cell>
          <cell r="M3393">
            <v>0</v>
          </cell>
        </row>
        <row r="3394">
          <cell r="A3394" t="str">
            <v>SVNFTC341395</v>
          </cell>
          <cell r="B3394" t="str">
            <v>SVN</v>
          </cell>
          <cell r="C3394" t="str">
            <v>Slovenia</v>
          </cell>
          <cell r="D3394" t="str">
            <v>Item 12</v>
          </cell>
          <cell r="E3394" t="str">
            <v>FTC3</v>
          </cell>
          <cell r="F3394" t="str">
            <v>Maximum cumulated duration of successive fixed-term contracts</v>
          </cell>
          <cell r="G3394">
            <v>41395</v>
          </cell>
          <cell r="H3394">
            <v>41395</v>
          </cell>
          <cell r="I3394" t="str">
            <v>Employers may not conclude one or more successive fixed-term employment contracts for the same job for which the uninterrupted duration would be longer than two years. Exceptions: individual cases set out in law (such as project work, substitution, management workers).</v>
          </cell>
          <cell r="J3394">
            <v>24</v>
          </cell>
          <cell r="M3394">
            <v>3</v>
          </cell>
        </row>
        <row r="3395">
          <cell r="A3395" t="str">
            <v>SVNTWA141395</v>
          </cell>
          <cell r="B3395" t="str">
            <v>SVN</v>
          </cell>
          <cell r="C3395" t="str">
            <v>Slovenia</v>
          </cell>
          <cell r="D3395" t="str">
            <v>Item 13</v>
          </cell>
          <cell r="E3395" t="str">
            <v>TWA1</v>
          </cell>
          <cell r="F3395" t="str">
            <v>Types of work for which TWA employment is legal</v>
          </cell>
          <cell r="G3395">
            <v>41395</v>
          </cell>
          <cell r="H3395">
            <v>41395</v>
          </cell>
          <cell r="I339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 TWA employment cannot exceed 25% of employment at the user firm, except if a collective agreement establishes otherwise (Art. 59, ERA-1)</v>
          </cell>
          <cell r="J3395">
            <v>3</v>
          </cell>
          <cell r="M3395">
            <v>1.5</v>
          </cell>
        </row>
        <row r="3396">
          <cell r="A3396" t="str">
            <v>SVNTWA241395</v>
          </cell>
          <cell r="B3396" t="str">
            <v>SVN</v>
          </cell>
          <cell r="C3396" t="str">
            <v>Slovenia</v>
          </cell>
          <cell r="D3396" t="str">
            <v>Item 14</v>
          </cell>
          <cell r="E3396" t="str">
            <v>TWA2A, TWA2B</v>
          </cell>
          <cell r="F3396" t="str">
            <v>Are there any restrictions on the number of renewals of a TWA contract?</v>
          </cell>
          <cell r="G3396">
            <v>41395</v>
          </cell>
          <cell r="H3396">
            <v>41395</v>
          </cell>
          <cell r="I3396" t="str">
            <v>No restrictions.</v>
          </cell>
          <cell r="J3396" t="str">
            <v>No</v>
          </cell>
          <cell r="K3396" t="str">
            <v>No</v>
          </cell>
          <cell r="M3396">
            <v>2</v>
          </cell>
          <cell r="N3396">
            <v>2</v>
          </cell>
        </row>
        <row r="3397">
          <cell r="A3397" t="str">
            <v>SVNTWA341395</v>
          </cell>
          <cell r="B3397" t="str">
            <v>SVN</v>
          </cell>
          <cell r="C3397" t="str">
            <v>Slovenia</v>
          </cell>
          <cell r="D3397" t="str">
            <v>Item 15</v>
          </cell>
          <cell r="E3397" t="str">
            <v>TWA3A, TWA3B</v>
          </cell>
          <cell r="F3397" t="str">
            <v>Maximum cumulated duration of temporary work contracts</v>
          </cell>
          <cell r="G3397">
            <v>41395</v>
          </cell>
          <cell r="H3397">
            <v>41395</v>
          </cell>
          <cell r="I3397" t="str">
            <v>No limit if the contract between the agency and the worker is open-ended. Otherwise same rules as for FTCs.</v>
          </cell>
          <cell r="J3397">
            <v>100</v>
          </cell>
          <cell r="K3397">
            <v>100</v>
          </cell>
          <cell r="M3397">
            <v>0</v>
          </cell>
          <cell r="N3397">
            <v>0</v>
          </cell>
        </row>
        <row r="3398">
          <cell r="A3398" t="str">
            <v>SVNTWA441395</v>
          </cell>
          <cell r="B3398" t="str">
            <v>SVN</v>
          </cell>
          <cell r="C3398" t="str">
            <v>Slovenia</v>
          </cell>
          <cell r="D3398" t="str">
            <v>Item 16</v>
          </cell>
          <cell r="E3398" t="str">
            <v>TWA4</v>
          </cell>
          <cell r="F3398" t="str">
            <v>Authorisation or reporting requirements</v>
          </cell>
          <cell r="G3398">
            <v>41395</v>
          </cell>
          <cell r="H3398">
            <v>41395</v>
          </cell>
          <cell r="I3398" t="str">
            <v>Agencies must be entered into the register of agencies. Agencies must upon a specific request from the Ministry also provide a report on their work and on any changes regarding the compliance with staff, organisational, spatial and other requirements that may affect the pursuit of activity (Article 27 of Labour Market Regulation Act)</v>
          </cell>
          <cell r="J3398">
            <v>2</v>
          </cell>
          <cell r="M3398">
            <v>4</v>
          </cell>
        </row>
        <row r="3399">
          <cell r="A3399" t="str">
            <v>SVNTWA541395</v>
          </cell>
          <cell r="B3399" t="str">
            <v>SVN</v>
          </cell>
          <cell r="C3399" t="str">
            <v>Slovenia</v>
          </cell>
          <cell r="D3399" t="str">
            <v>Item 17</v>
          </cell>
          <cell r="E3399" t="str">
            <v>TWA5</v>
          </cell>
          <cell r="F3399" t="str">
            <v>Equal treatment for TWA workers</v>
          </cell>
          <cell r="G3399">
            <v>41395</v>
          </cell>
          <cell r="H3399">
            <v>41395</v>
          </cell>
          <cell r="I339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3399">
            <v>2</v>
          </cell>
          <cell r="M3399">
            <v>6</v>
          </cell>
        </row>
        <row r="3400">
          <cell r="A3400" t="str">
            <v>SVNCD141395</v>
          </cell>
          <cell r="B3400" t="str">
            <v>SVN</v>
          </cell>
          <cell r="C3400" t="str">
            <v>Slovenia</v>
          </cell>
          <cell r="D3400" t="str">
            <v>Item 18</v>
          </cell>
          <cell r="E3400" t="str">
            <v>CD1</v>
          </cell>
          <cell r="F3400" t="str">
            <v>Definition of collective dismissal</v>
          </cell>
          <cell r="G3400">
            <v>41395</v>
          </cell>
          <cell r="H3400">
            <v>41395</v>
          </cell>
          <cell r="I3400" t="str">
            <v xml:space="preserve">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v>
          </cell>
          <cell r="J3400">
            <v>3</v>
          </cell>
          <cell r="M3400">
            <v>4.5</v>
          </cell>
        </row>
        <row r="3401">
          <cell r="A3401" t="str">
            <v>SVNCD241395</v>
          </cell>
          <cell r="B3401" t="str">
            <v>SVN</v>
          </cell>
          <cell r="C3401" t="str">
            <v>Slovenia</v>
          </cell>
          <cell r="D3401" t="str">
            <v>Item 19</v>
          </cell>
          <cell r="E3401" t="str">
            <v>CD2</v>
          </cell>
          <cell r="F3401" t="str">
            <v>Additional notification requirements in case of collective dismissals</v>
          </cell>
          <cell r="G3401">
            <v>41395</v>
          </cell>
          <cell r="H3401">
            <v>41395</v>
          </cell>
          <cell r="I3401" t="str">
            <v>The obligation to inform and consult with the union and the obligation to notify the Employment Service</v>
          </cell>
          <cell r="J3401">
            <v>1</v>
          </cell>
          <cell r="M3401">
            <v>3</v>
          </cell>
        </row>
        <row r="3402">
          <cell r="A3402" t="str">
            <v>SVNCD341395</v>
          </cell>
          <cell r="B3402" t="str">
            <v>SVN</v>
          </cell>
          <cell r="C3402" t="str">
            <v>Slovenia</v>
          </cell>
          <cell r="D3402" t="str">
            <v>Item 20</v>
          </cell>
          <cell r="E3402" t="str">
            <v>CD3</v>
          </cell>
          <cell r="F3402" t="str">
            <v>Additional delays involved in case of collective dismissals</v>
          </cell>
          <cell r="G3402">
            <v>41395</v>
          </cell>
          <cell r="H3402">
            <v>41395</v>
          </cell>
          <cell r="I340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3402">
            <v>30</v>
          </cell>
          <cell r="M3402">
            <v>3</v>
          </cell>
        </row>
        <row r="3403">
          <cell r="A3403" t="str">
            <v>SVNCD441395</v>
          </cell>
          <cell r="B3403" t="str">
            <v>SVN</v>
          </cell>
          <cell r="C3403" t="str">
            <v>Slovenia</v>
          </cell>
          <cell r="D3403" t="str">
            <v>Item 21</v>
          </cell>
          <cell r="E3403" t="str">
            <v>CD4</v>
          </cell>
          <cell r="F3403" t="str">
            <v>Other special costs to employers in case of collective dismissals</v>
          </cell>
          <cell r="G3403">
            <v>41395</v>
          </cell>
          <cell r="H3403">
            <v>41395</v>
          </cell>
          <cell r="I340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3403">
            <v>1</v>
          </cell>
          <cell r="M3403">
            <v>3</v>
          </cell>
        </row>
        <row r="3404">
          <cell r="A3404" t="str">
            <v>GBRREG141395</v>
          </cell>
          <cell r="B3404" t="str">
            <v>GBR</v>
          </cell>
          <cell r="C3404" t="str">
            <v>United Kingdom</v>
          </cell>
          <cell r="D3404" t="str">
            <v>Item 1</v>
          </cell>
          <cell r="E3404" t="str">
            <v>REG1</v>
          </cell>
          <cell r="F3404" t="str">
            <v>Notification procedures</v>
          </cell>
          <cell r="G3404">
            <v>41395</v>
          </cell>
          <cell r="H3404">
            <v>41395</v>
          </cell>
          <cell r="I3404"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3404">
            <v>1.25</v>
          </cell>
          <cell r="M3404">
            <v>2.5</v>
          </cell>
        </row>
        <row r="3405">
          <cell r="A3405" t="str">
            <v>GBRREG241395</v>
          </cell>
          <cell r="B3405" t="str">
            <v>GBR</v>
          </cell>
          <cell r="C3405" t="str">
            <v>United Kingdom</v>
          </cell>
          <cell r="D3405" t="str">
            <v>Item 2</v>
          </cell>
          <cell r="E3405" t="str">
            <v>REG2</v>
          </cell>
          <cell r="F3405" t="str">
            <v>Delay before notice can start</v>
          </cell>
          <cell r="G3405">
            <v>41395</v>
          </cell>
          <cell r="H3405">
            <v>41395</v>
          </cell>
          <cell r="I3405" t="str">
            <v xml:space="preserve">Individual termination: Written or oral notification.
</v>
          </cell>
          <cell r="J3405">
            <v>1</v>
          </cell>
          <cell r="M3405">
            <v>0</v>
          </cell>
        </row>
        <row r="3406">
          <cell r="A3406" t="str">
            <v>GBRREG341395</v>
          </cell>
          <cell r="B3406" t="str">
            <v>GBR</v>
          </cell>
          <cell r="C3406" t="str">
            <v>United Kingdom</v>
          </cell>
          <cell r="D3406" t="str">
            <v>Item 3</v>
          </cell>
          <cell r="E3406" t="str">
            <v>REG3A, REG3B, REG3C</v>
          </cell>
          <cell r="F3406" t="str">
            <v>Notice / tenure</v>
          </cell>
          <cell r="G3406">
            <v>41395</v>
          </cell>
          <cell r="H3406">
            <v>41395</v>
          </cell>
          <cell r="I3406" t="str">
            <v>All workers: 0&lt;1m, 1w&lt;2y, plus one additional week of notice per year of service up to a maximum of 12 weeks.
9 months tenure: 1 week, 4 years tenure: 4 weeks, 20 years tenure: 12 weeks.</v>
          </cell>
          <cell r="J3406">
            <v>0.25</v>
          </cell>
          <cell r="K3406">
            <v>1</v>
          </cell>
          <cell r="L3406">
            <v>3</v>
          </cell>
          <cell r="M3406">
            <v>1</v>
          </cell>
          <cell r="N3406">
            <v>2</v>
          </cell>
          <cell r="O3406">
            <v>2</v>
          </cell>
        </row>
        <row r="3407">
          <cell r="A3407" t="str">
            <v>GBRREG441395</v>
          </cell>
          <cell r="B3407" t="str">
            <v>GBR</v>
          </cell>
          <cell r="C3407" t="str">
            <v>United Kingdom</v>
          </cell>
          <cell r="D3407" t="str">
            <v>Item 4</v>
          </cell>
          <cell r="E3407" t="str">
            <v>REG4A, REG4B, REG4C</v>
          </cell>
          <cell r="F3407" t="str">
            <v>Severance pay / tenure</v>
          </cell>
          <cell r="G3407">
            <v>41395</v>
          </cell>
          <cell r="H3407">
            <v>41395</v>
          </cell>
          <cell r="I3407"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3407">
            <v>0</v>
          </cell>
          <cell r="K3407">
            <v>0.5</v>
          </cell>
          <cell r="L3407">
            <v>2.5</v>
          </cell>
          <cell r="M3407">
            <v>0</v>
          </cell>
          <cell r="N3407">
            <v>1</v>
          </cell>
          <cell r="O3407">
            <v>1</v>
          </cell>
        </row>
        <row r="3408">
          <cell r="A3408" t="str">
            <v>GBRREG541395</v>
          </cell>
          <cell r="B3408" t="str">
            <v>GBR</v>
          </cell>
          <cell r="C3408" t="str">
            <v>United Kingdom</v>
          </cell>
          <cell r="D3408" t="str">
            <v>Item 5</v>
          </cell>
          <cell r="E3408" t="str">
            <v>REG5</v>
          </cell>
          <cell r="F3408" t="str">
            <v>Definition of justified or unfair dismissal</v>
          </cell>
          <cell r="G3408">
            <v>41395</v>
          </cell>
          <cell r="H3408">
            <v>41395</v>
          </cell>
          <cell r="I3408"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3408">
            <v>0</v>
          </cell>
          <cell r="M3408">
            <v>0</v>
          </cell>
        </row>
        <row r="3409">
          <cell r="A3409" t="str">
            <v>GBRREG641395</v>
          </cell>
          <cell r="B3409" t="str">
            <v>GBR</v>
          </cell>
          <cell r="C3409" t="str">
            <v>United Kingdom</v>
          </cell>
          <cell r="D3409" t="str">
            <v>Item 6</v>
          </cell>
          <cell r="E3409" t="str">
            <v>REG6</v>
          </cell>
          <cell r="F3409" t="str">
            <v>Trial period</v>
          </cell>
          <cell r="G3409">
            <v>41395</v>
          </cell>
          <cell r="H3409">
            <v>41395</v>
          </cell>
          <cell r="I3409" t="str">
            <v>Trial periods are for agreement between employer and employee, but do not affect the employee’s statutory employment rights. Claims under unfair dismissal legislation are not normally possible until 2 year’s service has been completed.</v>
          </cell>
          <cell r="J3409">
            <v>24</v>
          </cell>
          <cell r="M3409">
            <v>0</v>
          </cell>
        </row>
        <row r="3410">
          <cell r="A3410" t="str">
            <v>GBRREG741395</v>
          </cell>
          <cell r="B3410" t="str">
            <v>GBR</v>
          </cell>
          <cell r="C3410" t="str">
            <v>United Kingdom</v>
          </cell>
          <cell r="D3410" t="str">
            <v>Item 7</v>
          </cell>
          <cell r="E3410" t="str">
            <v>REG7</v>
          </cell>
          <cell r="F3410" t="str">
            <v xml:space="preserve">Compensation following unfair dismissal </v>
          </cell>
          <cell r="G3410">
            <v>41395</v>
          </cell>
          <cell r="H3410">
            <v>41395</v>
          </cell>
          <cell r="I3410"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3410">
            <v>5.5</v>
          </cell>
          <cell r="M3410">
            <v>1</v>
          </cell>
        </row>
        <row r="3411">
          <cell r="A3411" t="str">
            <v>GBRREG841395</v>
          </cell>
          <cell r="B3411" t="str">
            <v>GBR</v>
          </cell>
          <cell r="C3411" t="str">
            <v>United Kingdom</v>
          </cell>
          <cell r="D3411" t="str">
            <v>Item 8</v>
          </cell>
          <cell r="E3411" t="str">
            <v>REG8</v>
          </cell>
          <cell r="F3411" t="str">
            <v>Possibility of reinstatement following unfair dismissal</v>
          </cell>
          <cell r="G3411">
            <v>41395</v>
          </cell>
          <cell r="H3411">
            <v>41395</v>
          </cell>
          <cell r="I3411" t="str">
            <v> Employers are not obliged to reinstate but if a tribunal orders reinstatement or re-engagement in a comparable job and the employer refuses to comply, the tribunal may make an additional award on top of the basic and compensatory awards.</v>
          </cell>
          <cell r="J3411">
            <v>1</v>
          </cell>
          <cell r="M3411">
            <v>2</v>
          </cell>
        </row>
        <row r="3412">
          <cell r="A3412" t="str">
            <v>GBRREG941395</v>
          </cell>
          <cell r="B3412" t="str">
            <v>GBR</v>
          </cell>
          <cell r="C3412" t="str">
            <v>United Kingdom</v>
          </cell>
          <cell r="D3412" t="str">
            <v>Item 9</v>
          </cell>
          <cell r="E3412" t="str">
            <v>REG9</v>
          </cell>
          <cell r="F3412" t="str">
            <v>Maximum time for claim</v>
          </cell>
          <cell r="G3412">
            <v>41395</v>
          </cell>
          <cell r="H3412">
            <v>41395</v>
          </cell>
          <cell r="I3412"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3412">
            <v>3</v>
          </cell>
          <cell r="M3412">
            <v>2</v>
          </cell>
        </row>
        <row r="3413">
          <cell r="A3413" t="str">
            <v>GBRFTC141395</v>
          </cell>
          <cell r="B3413" t="str">
            <v>GBR</v>
          </cell>
          <cell r="C3413" t="str">
            <v>United Kingdom</v>
          </cell>
          <cell r="D3413" t="str">
            <v>Item 10</v>
          </cell>
          <cell r="E3413" t="str">
            <v>FTC1</v>
          </cell>
          <cell r="F3413" t="str">
            <v>Valid cases for use of fixed-term contracts, other than  “objective”  or “material” situation</v>
          </cell>
          <cell r="G3413">
            <v>41395</v>
          </cell>
          <cell r="H3413">
            <v>41395</v>
          </cell>
          <cell r="I3413" t="str">
            <v> No restrictions.</v>
          </cell>
          <cell r="J3413">
            <v>3</v>
          </cell>
          <cell r="M3413">
            <v>0</v>
          </cell>
        </row>
        <row r="3414">
          <cell r="A3414" t="str">
            <v>GBRFTC241395</v>
          </cell>
          <cell r="B3414" t="str">
            <v>GBR</v>
          </cell>
          <cell r="C3414" t="str">
            <v>United Kingdom</v>
          </cell>
          <cell r="D3414" t="str">
            <v>Item 11</v>
          </cell>
          <cell r="E3414" t="str">
            <v>FTC2</v>
          </cell>
          <cell r="F3414" t="str">
            <v>Maximum number of successive fixed-term contracts</v>
          </cell>
          <cell r="G3414">
            <v>41395</v>
          </cell>
          <cell r="H3414">
            <v>41395</v>
          </cell>
          <cell r="I3414" t="str">
            <v> No limit</v>
          </cell>
          <cell r="J3414">
            <v>100</v>
          </cell>
          <cell r="M3414">
            <v>0</v>
          </cell>
        </row>
        <row r="3415">
          <cell r="A3415" t="str">
            <v>GBRFTC341395</v>
          </cell>
          <cell r="B3415" t="str">
            <v>GBR</v>
          </cell>
          <cell r="C3415" t="str">
            <v>United Kingdom</v>
          </cell>
          <cell r="D3415" t="str">
            <v>Item 12</v>
          </cell>
          <cell r="E3415" t="str">
            <v>FTC3</v>
          </cell>
          <cell r="F3415" t="str">
            <v>Maximum cumulated duration of successive fixed-term contracts</v>
          </cell>
          <cell r="G3415">
            <v>41395</v>
          </cell>
          <cell r="H3415">
            <v>41395</v>
          </cell>
          <cell r="I3415" t="str">
            <v> 4 years, after which will be treated as a permanent employee.</v>
          </cell>
          <cell r="J3415">
            <v>48</v>
          </cell>
          <cell r="M3415">
            <v>1</v>
          </cell>
        </row>
        <row r="3416">
          <cell r="A3416" t="str">
            <v>GBRTWA141395</v>
          </cell>
          <cell r="B3416" t="str">
            <v>GBR</v>
          </cell>
          <cell r="C3416" t="str">
            <v>United Kingdom</v>
          </cell>
          <cell r="D3416" t="str">
            <v>Item 13</v>
          </cell>
          <cell r="E3416" t="str">
            <v>TWA1</v>
          </cell>
          <cell r="F3416" t="str">
            <v>Types of work for which TWA employment is legal</v>
          </cell>
          <cell r="G3416">
            <v>41395</v>
          </cell>
          <cell r="H3416">
            <v>41395</v>
          </cell>
          <cell r="I3416" t="str">
            <v> General</v>
          </cell>
          <cell r="J3416">
            <v>4</v>
          </cell>
          <cell r="M3416">
            <v>0</v>
          </cell>
        </row>
        <row r="3417">
          <cell r="A3417" t="str">
            <v>GBRTWA241395</v>
          </cell>
          <cell r="B3417" t="str">
            <v>GBR</v>
          </cell>
          <cell r="C3417" t="str">
            <v>United Kingdom</v>
          </cell>
          <cell r="D3417" t="str">
            <v>Item 14</v>
          </cell>
          <cell r="E3417" t="str">
            <v>TWA2A, TWA2B</v>
          </cell>
          <cell r="F3417" t="str">
            <v>Are there any restrictions on the number of renewals of a TWA contract?</v>
          </cell>
          <cell r="G3417">
            <v>41395</v>
          </cell>
          <cell r="H3417">
            <v>41395</v>
          </cell>
          <cell r="I3417" t="str">
            <v> No</v>
          </cell>
          <cell r="J3417" t="str">
            <v>No</v>
          </cell>
          <cell r="K3417" t="str">
            <v>No</v>
          </cell>
          <cell r="M3417">
            <v>2</v>
          </cell>
          <cell r="N3417">
            <v>2</v>
          </cell>
        </row>
        <row r="3418">
          <cell r="A3418" t="str">
            <v>GBRTWA341395</v>
          </cell>
          <cell r="B3418" t="str">
            <v>GBR</v>
          </cell>
          <cell r="C3418" t="str">
            <v>United Kingdom</v>
          </cell>
          <cell r="D3418" t="str">
            <v>Item 15</v>
          </cell>
          <cell r="E3418" t="str">
            <v>TWA3A, TWA3B</v>
          </cell>
          <cell r="F3418" t="str">
            <v>Maximum cumulated duration of temporary work contracts</v>
          </cell>
          <cell r="G3418">
            <v>41395</v>
          </cell>
          <cell r="H3418">
            <v>41395</v>
          </cell>
          <cell r="I3418" t="str">
            <v>No limit</v>
          </cell>
          <cell r="J3418">
            <v>100</v>
          </cell>
          <cell r="K3418">
            <v>100</v>
          </cell>
          <cell r="M3418">
            <v>0</v>
          </cell>
          <cell r="N3418">
            <v>0</v>
          </cell>
        </row>
        <row r="3419">
          <cell r="A3419" t="str">
            <v>GBRTWA441395</v>
          </cell>
          <cell r="B3419" t="str">
            <v>GBR</v>
          </cell>
          <cell r="C3419" t="str">
            <v>United Kingdom</v>
          </cell>
          <cell r="D3419" t="str">
            <v>Item 16</v>
          </cell>
          <cell r="E3419" t="str">
            <v>TWA4</v>
          </cell>
          <cell r="F3419" t="str">
            <v>Authorisation and reporting obligations</v>
          </cell>
          <cell r="G3419">
            <v>41395</v>
          </cell>
          <cell r="H3419">
            <v>41395</v>
          </cell>
          <cell r="I3419" t="str">
            <v>No authorisation or reporting requirements.</v>
          </cell>
          <cell r="J3419">
            <v>0</v>
          </cell>
          <cell r="M3419">
            <v>0</v>
          </cell>
        </row>
        <row r="3420">
          <cell r="A3420" t="str">
            <v>GBRTWA541395</v>
          </cell>
          <cell r="B3420" t="str">
            <v>GBR</v>
          </cell>
          <cell r="C3420" t="str">
            <v>United Kingdom</v>
          </cell>
          <cell r="D3420" t="str">
            <v>Item 17</v>
          </cell>
          <cell r="E3420" t="str">
            <v>TWA5</v>
          </cell>
          <cell r="F3420" t="str">
            <v>Equal treatment for TWA workers</v>
          </cell>
          <cell r="G3420">
            <v>41395</v>
          </cell>
          <cell r="H3420">
            <v>41395</v>
          </cell>
          <cell r="I3420"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3420">
            <v>1</v>
          </cell>
          <cell r="M3420">
            <v>3</v>
          </cell>
        </row>
        <row r="3421">
          <cell r="A3421" t="str">
            <v>GBRCD141395</v>
          </cell>
          <cell r="B3421" t="str">
            <v>GBR</v>
          </cell>
          <cell r="C3421" t="str">
            <v>United Kingdom</v>
          </cell>
          <cell r="D3421" t="str">
            <v>Item 18</v>
          </cell>
          <cell r="E3421" t="str">
            <v>CD1</v>
          </cell>
          <cell r="F3421" t="str">
            <v>Definition of collective dismissal</v>
          </cell>
          <cell r="G3421">
            <v>41395</v>
          </cell>
          <cell r="H3421">
            <v>41395</v>
          </cell>
          <cell r="I3421" t="str">
            <v xml:space="preserve"> For collective redundancies (defined as “dismissal for a reason not related to the individual concerned” by section 195 of the Trade Union and Labour Relations Act, TULRA), regulations apply for dismissal of 20+ employees within 90 days.</v>
          </cell>
          <cell r="J3421">
            <v>2</v>
          </cell>
          <cell r="M3421">
            <v>3</v>
          </cell>
        </row>
        <row r="3422">
          <cell r="A3422" t="str">
            <v>GBRCD241395</v>
          </cell>
          <cell r="B3422" t="str">
            <v>GBR</v>
          </cell>
          <cell r="C3422" t="str">
            <v>United Kingdom</v>
          </cell>
          <cell r="D3422" t="str">
            <v>Item 19</v>
          </cell>
          <cell r="E3422" t="str">
            <v>CD2</v>
          </cell>
          <cell r="F3422" t="str">
            <v>Additional notification requirements in case of collective dismissals</v>
          </cell>
          <cell r="G3422">
            <v>41395</v>
          </cell>
          <cell r="H3422">
            <v>41395</v>
          </cell>
          <cell r="I3422"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3422">
            <v>1.5</v>
          </cell>
          <cell r="M3422">
            <v>4.5</v>
          </cell>
        </row>
        <row r="3423">
          <cell r="A3423" t="str">
            <v>GBRCD341395</v>
          </cell>
          <cell r="B3423" t="str">
            <v>GBR</v>
          </cell>
          <cell r="C3423" t="str">
            <v>United Kingdom</v>
          </cell>
          <cell r="D3423" t="str">
            <v>Item 20</v>
          </cell>
          <cell r="E3423" t="str">
            <v>CD3</v>
          </cell>
          <cell r="F3423" t="str">
            <v>Additional delays involved in case of collective dismissals</v>
          </cell>
          <cell r="G3423">
            <v>41395</v>
          </cell>
          <cell r="H3423">
            <v>41395</v>
          </cell>
          <cell r="I3423" t="str">
            <v xml:space="preserve">Dismissals may not take effect until 30 days after notifying BIS if 20-99 workers are involved, and 45 days when 100+ workers are involved. </v>
          </cell>
          <cell r="J3423">
            <v>37.5</v>
          </cell>
          <cell r="M3423">
            <v>3</v>
          </cell>
          <cell r="P3423">
            <v>41370</v>
          </cell>
        </row>
        <row r="3424">
          <cell r="A3424" t="str">
            <v>GBRCD441395</v>
          </cell>
          <cell r="B3424" t="str">
            <v>GBR</v>
          </cell>
          <cell r="C3424" t="str">
            <v>United Kingdom</v>
          </cell>
          <cell r="D3424" t="str">
            <v>Item 21</v>
          </cell>
          <cell r="E3424" t="str">
            <v>CD4</v>
          </cell>
          <cell r="F3424" t="str">
            <v>Other special costs to employers in case of collective dismissals</v>
          </cell>
          <cell r="G3424">
            <v>41395</v>
          </cell>
          <cell r="H3424">
            <v>41395</v>
          </cell>
          <cell r="I3424"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3424">
            <v>0</v>
          </cell>
          <cell r="M3424">
            <v>0</v>
          </cell>
        </row>
      </sheetData>
      <sheetData sheetId="1">
        <row r="9">
          <cell r="B9" t="str">
            <v>COU</v>
          </cell>
          <cell r="C9" t="str">
            <v>year</v>
          </cell>
          <cell r="D9" t="str">
            <v>EP_v1</v>
          </cell>
          <cell r="E9" t="str">
            <v>EP_v2</v>
          </cell>
          <cell r="F9" t="str">
            <v>EP_v3</v>
          </cell>
          <cell r="G9" t="str">
            <v>EPR_v1</v>
          </cell>
          <cell r="H9" t="str">
            <v>EPR_v3</v>
          </cell>
          <cell r="I9" t="str">
            <v>EPT_v1</v>
          </cell>
          <cell r="J9" t="str">
            <v>EPT_v3</v>
          </cell>
          <cell r="K9" t="str">
            <v>EPC</v>
          </cell>
          <cell r="L9" t="str">
            <v>REGULAR1</v>
          </cell>
          <cell r="M9" t="str">
            <v>REGULAR2</v>
          </cell>
          <cell r="N9" t="str">
            <v>REGULAR3_v1</v>
          </cell>
          <cell r="O9" t="str">
            <v>REGULAR3_v3</v>
          </cell>
          <cell r="P9" t="str">
            <v>TEMPORARY1</v>
          </cell>
          <cell r="Q9" t="str">
            <v>TEMPORARY2_v1</v>
          </cell>
          <cell r="R9" t="str">
            <v>TEMPORARY2_v3</v>
          </cell>
          <cell r="S9" t="str">
            <v>REG1</v>
          </cell>
          <cell r="T9" t="str">
            <v>REG2</v>
          </cell>
          <cell r="U9" t="str">
            <v>REG3A</v>
          </cell>
          <cell r="V9" t="str">
            <v>REG3B</v>
          </cell>
          <cell r="W9" t="str">
            <v>REG3C</v>
          </cell>
          <cell r="X9" t="str">
            <v>REG4A</v>
          </cell>
          <cell r="Y9" t="str">
            <v>REG4B</v>
          </cell>
          <cell r="Z9" t="str">
            <v>REG4C</v>
          </cell>
          <cell r="AA9" t="str">
            <v>REG5</v>
          </cell>
          <cell r="AB9" t="str">
            <v>REG6</v>
          </cell>
          <cell r="AC9" t="str">
            <v>REG7</v>
          </cell>
          <cell r="AD9" t="str">
            <v>REG8</v>
          </cell>
          <cell r="AE9" t="str">
            <v>REG9</v>
          </cell>
          <cell r="AF9" t="str">
            <v>FTC1</v>
          </cell>
          <cell r="AG9" t="str">
            <v>FTC2</v>
          </cell>
          <cell r="AH9" t="str">
            <v>FTC3</v>
          </cell>
          <cell r="AI9" t="str">
            <v>TWA1</v>
          </cell>
          <cell r="AJ9" t="str">
            <v>TWA2A</v>
          </cell>
          <cell r="AK9" t="str">
            <v>TWA2B</v>
          </cell>
          <cell r="AL9" t="str">
            <v>TWA3A</v>
          </cell>
          <cell r="AM9" t="str">
            <v>TWA3B</v>
          </cell>
          <cell r="AN9" t="str">
            <v>TWA4</v>
          </cell>
          <cell r="AO9" t="str">
            <v>TWA5</v>
          </cell>
          <cell r="AP9" t="str">
            <v>CD1</v>
          </cell>
          <cell r="AQ9" t="str">
            <v>CD2</v>
          </cell>
          <cell r="AR9" t="str">
            <v>CD3</v>
          </cell>
          <cell r="AS9" t="str">
            <v>CD4</v>
          </cell>
        </row>
        <row r="10">
          <cell r="A10" t="str">
            <v>AUS2008</v>
          </cell>
          <cell r="B10" t="str">
            <v>AUS</v>
          </cell>
          <cell r="C10">
            <v>2008</v>
          </cell>
          <cell r="D10">
            <v>1.0208333333333335</v>
          </cell>
          <cell r="E10">
            <v>1.3298611111111112</v>
          </cell>
          <cell r="F10">
            <v>1.2812500000000002</v>
          </cell>
          <cell r="G10">
            <v>1.1666666666666667</v>
          </cell>
          <cell r="H10">
            <v>1.1333333333333335</v>
          </cell>
          <cell r="I10">
            <v>0.875</v>
          </cell>
          <cell r="J10">
            <v>0.79166666666666663</v>
          </cell>
          <cell r="K10">
            <v>2.875</v>
          </cell>
          <cell r="L10">
            <v>1</v>
          </cell>
          <cell r="M10">
            <v>1</v>
          </cell>
          <cell r="N10">
            <v>1.5</v>
          </cell>
          <cell r="O10">
            <v>1.4000000000000001</v>
          </cell>
          <cell r="P10">
            <v>1.25</v>
          </cell>
          <cell r="Q10">
            <v>0.5</v>
          </cell>
          <cell r="R10">
            <v>0.33333333333333331</v>
          </cell>
          <cell r="S10">
            <v>1</v>
          </cell>
          <cell r="T10">
            <v>1</v>
          </cell>
          <cell r="U10">
            <v>1</v>
          </cell>
          <cell r="V10">
            <v>1</v>
          </cell>
          <cell r="W10">
            <v>1</v>
          </cell>
          <cell r="X10">
            <v>0</v>
          </cell>
          <cell r="Y10">
            <v>2</v>
          </cell>
          <cell r="Z10">
            <v>1</v>
          </cell>
          <cell r="AA10">
            <v>0</v>
          </cell>
          <cell r="AB10">
            <v>3</v>
          </cell>
          <cell r="AC10">
            <v>1</v>
          </cell>
          <cell r="AD10">
            <v>2</v>
          </cell>
          <cell r="AE10">
            <v>1</v>
          </cell>
          <cell r="AF10">
            <v>0</v>
          </cell>
          <cell r="AG10">
            <v>5</v>
          </cell>
          <cell r="AH10">
            <v>0</v>
          </cell>
          <cell r="AI10">
            <v>0</v>
          </cell>
          <cell r="AJ10">
            <v>2</v>
          </cell>
          <cell r="AK10">
            <v>2</v>
          </cell>
          <cell r="AL10">
            <v>0</v>
          </cell>
          <cell r="AM10">
            <v>0</v>
          </cell>
          <cell r="AN10">
            <v>0</v>
          </cell>
          <cell r="AO10">
            <v>0</v>
          </cell>
          <cell r="AP10">
            <v>4.5</v>
          </cell>
          <cell r="AQ10">
            <v>6</v>
          </cell>
          <cell r="AR10">
            <v>1</v>
          </cell>
          <cell r="AS10">
            <v>0</v>
          </cell>
        </row>
        <row r="11">
          <cell r="A11" t="str">
            <v>AUT2008</v>
          </cell>
          <cell r="B11" t="str">
            <v>AUT</v>
          </cell>
          <cell r="C11">
            <v>2008</v>
          </cell>
          <cell r="D11">
            <v>1.8407738095238095</v>
          </cell>
          <cell r="E11">
            <v>2.0756448412698409</v>
          </cell>
          <cell r="F11">
            <v>2.3273809523809521</v>
          </cell>
          <cell r="G11">
            <v>2.3690476190476191</v>
          </cell>
          <cell r="H11">
            <v>2.1190476190476191</v>
          </cell>
          <cell r="I11">
            <v>1.3125</v>
          </cell>
          <cell r="J11">
            <v>2.1666666666666665</v>
          </cell>
          <cell r="K11">
            <v>3.25</v>
          </cell>
          <cell r="L11">
            <v>2.5</v>
          </cell>
          <cell r="M11">
            <v>0.85714285714285698</v>
          </cell>
          <cell r="N11">
            <v>3.75</v>
          </cell>
          <cell r="O11">
            <v>3</v>
          </cell>
          <cell r="P11">
            <v>1.75</v>
          </cell>
          <cell r="Q11">
            <v>0.875</v>
          </cell>
          <cell r="R11">
            <v>2.583333333333333</v>
          </cell>
          <cell r="S11">
            <v>4</v>
          </cell>
          <cell r="T11">
            <v>1</v>
          </cell>
          <cell r="U11">
            <v>3</v>
          </cell>
          <cell r="V11">
            <v>2</v>
          </cell>
          <cell r="W11">
            <v>1</v>
          </cell>
          <cell r="X11">
            <v>0</v>
          </cell>
          <cell r="Y11">
            <v>0</v>
          </cell>
          <cell r="Z11">
            <v>0</v>
          </cell>
          <cell r="AA11">
            <v>2</v>
          </cell>
          <cell r="AB11">
            <v>6</v>
          </cell>
          <cell r="AC11">
            <v>1</v>
          </cell>
          <cell r="AD11">
            <v>6</v>
          </cell>
          <cell r="AE11">
            <v>0</v>
          </cell>
          <cell r="AF11">
            <v>1</v>
          </cell>
          <cell r="AG11">
            <v>5</v>
          </cell>
          <cell r="AH11">
            <v>0</v>
          </cell>
          <cell r="AI11">
            <v>0.75</v>
          </cell>
          <cell r="AJ11">
            <v>2</v>
          </cell>
          <cell r="AK11">
            <v>4</v>
          </cell>
          <cell r="AL11">
            <v>0</v>
          </cell>
          <cell r="AM11">
            <v>0</v>
          </cell>
          <cell r="AN11">
            <v>6</v>
          </cell>
          <cell r="AO11">
            <v>6</v>
          </cell>
          <cell r="AP11">
            <v>6</v>
          </cell>
          <cell r="AQ11">
            <v>3</v>
          </cell>
          <cell r="AR11">
            <v>1</v>
          </cell>
          <cell r="AS11">
            <v>3</v>
          </cell>
        </row>
        <row r="12">
          <cell r="A12" t="str">
            <v>BEL2008</v>
          </cell>
          <cell r="B12" t="str">
            <v>BEL</v>
          </cell>
          <cell r="C12">
            <v>2008</v>
          </cell>
          <cell r="D12">
            <v>2.0922619047619047</v>
          </cell>
          <cell r="E12">
            <v>2.597718253968254</v>
          </cell>
          <cell r="F12">
            <v>2.7261904761904763</v>
          </cell>
          <cell r="G12">
            <v>1.8095238095238095</v>
          </cell>
          <cell r="H12">
            <v>2.0761904761904764</v>
          </cell>
          <cell r="I12">
            <v>2.375</v>
          </cell>
          <cell r="J12">
            <v>2.416666666666667</v>
          </cell>
          <cell r="K12">
            <v>5.125</v>
          </cell>
          <cell r="L12">
            <v>2</v>
          </cell>
          <cell r="M12">
            <v>2.4285714285714284</v>
          </cell>
          <cell r="N12">
            <v>1</v>
          </cell>
          <cell r="O12">
            <v>1.8</v>
          </cell>
          <cell r="P12">
            <v>1</v>
          </cell>
          <cell r="Q12">
            <v>3.75</v>
          </cell>
          <cell r="R12">
            <v>3.8333333333333335</v>
          </cell>
          <cell r="S12">
            <v>2</v>
          </cell>
          <cell r="T12">
            <v>2</v>
          </cell>
          <cell r="U12">
            <v>6</v>
          </cell>
          <cell r="V12">
            <v>5</v>
          </cell>
          <cell r="W12">
            <v>6</v>
          </cell>
          <cell r="X12">
            <v>0</v>
          </cell>
          <cell r="Y12">
            <v>0</v>
          </cell>
          <cell r="Z12">
            <v>0</v>
          </cell>
          <cell r="AA12">
            <v>0</v>
          </cell>
          <cell r="AB12">
            <v>4</v>
          </cell>
          <cell r="AC12">
            <v>0</v>
          </cell>
          <cell r="AD12">
            <v>0</v>
          </cell>
          <cell r="AE12">
            <v>5</v>
          </cell>
          <cell r="AF12">
            <v>0</v>
          </cell>
          <cell r="AG12">
            <v>2</v>
          </cell>
          <cell r="AH12">
            <v>2</v>
          </cell>
          <cell r="AI12">
            <v>3</v>
          </cell>
          <cell r="AJ12">
            <v>4</v>
          </cell>
          <cell r="AK12">
            <v>2</v>
          </cell>
          <cell r="AL12">
            <v>5</v>
          </cell>
          <cell r="AM12">
            <v>0</v>
          </cell>
          <cell r="AN12">
            <v>2</v>
          </cell>
          <cell r="AO12">
            <v>6</v>
          </cell>
          <cell r="AP12">
            <v>4.5</v>
          </cell>
          <cell r="AQ12">
            <v>6</v>
          </cell>
          <cell r="AR12">
            <v>4</v>
          </cell>
          <cell r="AS12">
            <v>6</v>
          </cell>
        </row>
        <row r="13">
          <cell r="A13" t="str">
            <v>CAN2008</v>
          </cell>
          <cell r="B13" t="str">
            <v>CAN</v>
          </cell>
          <cell r="C13">
            <v>2008</v>
          </cell>
          <cell r="D13">
            <v>0.58531746031746024</v>
          </cell>
          <cell r="E13">
            <v>0.98255621693121697</v>
          </cell>
          <cell r="F13">
            <v>0.96588955026455026</v>
          </cell>
          <cell r="G13">
            <v>0.92063492063492058</v>
          </cell>
          <cell r="H13">
            <v>0.92063492063492058</v>
          </cell>
          <cell r="I13">
            <v>0.25</v>
          </cell>
          <cell r="J13">
            <v>0.21</v>
          </cell>
          <cell r="K13">
            <v>2.96875</v>
          </cell>
          <cell r="L13">
            <v>1</v>
          </cell>
          <cell r="M13">
            <v>0.76190476190476186</v>
          </cell>
          <cell r="N13">
            <v>1</v>
          </cell>
          <cell r="O13">
            <v>1</v>
          </cell>
          <cell r="P13">
            <v>0</v>
          </cell>
          <cell r="Q13">
            <v>0.5</v>
          </cell>
          <cell r="R13">
            <v>0.42</v>
          </cell>
          <cell r="S13">
            <v>2</v>
          </cell>
          <cell r="T13">
            <v>0</v>
          </cell>
          <cell r="U13">
            <v>1</v>
          </cell>
          <cell r="V13">
            <v>2</v>
          </cell>
          <cell r="W13">
            <v>1</v>
          </cell>
          <cell r="X13">
            <v>0</v>
          </cell>
          <cell r="Y13">
            <v>0</v>
          </cell>
          <cell r="Z13">
            <v>1</v>
          </cell>
          <cell r="AA13">
            <v>0</v>
          </cell>
          <cell r="AB13" t="str">
            <v>..</v>
          </cell>
          <cell r="AC13" t="str">
            <v>..</v>
          </cell>
          <cell r="AD13">
            <v>2</v>
          </cell>
          <cell r="AE13">
            <v>1</v>
          </cell>
          <cell r="AF13">
            <v>0</v>
          </cell>
          <cell r="AG13">
            <v>0</v>
          </cell>
          <cell r="AH13">
            <v>0</v>
          </cell>
          <cell r="AI13">
            <v>0</v>
          </cell>
          <cell r="AJ13">
            <v>2</v>
          </cell>
          <cell r="AK13">
            <v>2</v>
          </cell>
          <cell r="AL13">
            <v>0</v>
          </cell>
          <cell r="AM13">
            <v>0</v>
          </cell>
          <cell r="AN13">
            <v>0.52</v>
          </cell>
          <cell r="AO13">
            <v>0</v>
          </cell>
          <cell r="AP13">
            <v>2.7450000000000001</v>
          </cell>
          <cell r="AQ13">
            <v>4.29</v>
          </cell>
          <cell r="AR13">
            <v>4</v>
          </cell>
          <cell r="AS13">
            <v>0.84000000000000008</v>
          </cell>
        </row>
        <row r="14">
          <cell r="A14" t="str">
            <v>CZE2008</v>
          </cell>
          <cell r="B14" t="str">
            <v>CZE</v>
          </cell>
          <cell r="C14">
            <v>2008</v>
          </cell>
          <cell r="D14">
            <v>2.0882936507936511</v>
          </cell>
          <cell r="E14">
            <v>2.0944113756613758</v>
          </cell>
          <cell r="F14">
            <v>2.3860780423280423</v>
          </cell>
          <cell r="G14">
            <v>3.0515873015873018</v>
          </cell>
          <cell r="H14">
            <v>3.0015873015873016</v>
          </cell>
          <cell r="I14">
            <v>1.125</v>
          </cell>
          <cell r="J14">
            <v>1.875</v>
          </cell>
          <cell r="K14">
            <v>2.125</v>
          </cell>
          <cell r="L14">
            <v>3.5</v>
          </cell>
          <cell r="M14">
            <v>2.9047619047619042</v>
          </cell>
          <cell r="N14">
            <v>2.75</v>
          </cell>
          <cell r="O14">
            <v>2.6</v>
          </cell>
          <cell r="P14">
            <v>0.75</v>
          </cell>
          <cell r="Q14">
            <v>1.5</v>
          </cell>
          <cell r="R14">
            <v>3</v>
          </cell>
          <cell r="S14">
            <v>4</v>
          </cell>
          <cell r="T14">
            <v>3</v>
          </cell>
          <cell r="U14">
            <v>6</v>
          </cell>
          <cell r="V14">
            <v>4</v>
          </cell>
          <cell r="W14">
            <v>1</v>
          </cell>
          <cell r="X14">
            <v>3</v>
          </cell>
          <cell r="Y14">
            <v>3</v>
          </cell>
          <cell r="Z14">
            <v>1</v>
          </cell>
          <cell r="AA14">
            <v>0</v>
          </cell>
          <cell r="AB14">
            <v>4</v>
          </cell>
          <cell r="AC14">
            <v>1</v>
          </cell>
          <cell r="AD14">
            <v>6</v>
          </cell>
          <cell r="AE14">
            <v>2</v>
          </cell>
          <cell r="AF14">
            <v>0</v>
          </cell>
          <cell r="AG14">
            <v>0</v>
          </cell>
          <cell r="AH14">
            <v>3</v>
          </cell>
          <cell r="AI14">
            <v>0</v>
          </cell>
          <cell r="AJ14">
            <v>2</v>
          </cell>
          <cell r="AK14">
            <v>2</v>
          </cell>
          <cell r="AL14">
            <v>4</v>
          </cell>
          <cell r="AM14">
            <v>2</v>
          </cell>
          <cell r="AN14">
            <v>6</v>
          </cell>
          <cell r="AO14">
            <v>6</v>
          </cell>
          <cell r="AP14">
            <v>4.5</v>
          </cell>
          <cell r="AQ14">
            <v>3</v>
          </cell>
          <cell r="AR14">
            <v>1</v>
          </cell>
          <cell r="AS14">
            <v>0</v>
          </cell>
        </row>
        <row r="15">
          <cell r="A15" t="str">
            <v>DNK2008</v>
          </cell>
          <cell r="B15" t="str">
            <v>DNK</v>
          </cell>
          <cell r="C15">
            <v>2008</v>
          </cell>
          <cell r="D15">
            <v>1.7549603174603174</v>
          </cell>
          <cell r="E15">
            <v>1.9416335978835979</v>
          </cell>
          <cell r="F15">
            <v>2.0735780423280419</v>
          </cell>
          <cell r="G15">
            <v>2.1349206349206349</v>
          </cell>
          <cell r="H15">
            <v>2.0349206349206348</v>
          </cell>
          <cell r="I15">
            <v>1.375</v>
          </cell>
          <cell r="J15">
            <v>1.7916666666666665</v>
          </cell>
          <cell r="K15">
            <v>2.875</v>
          </cell>
          <cell r="L15">
            <v>3</v>
          </cell>
          <cell r="M15">
            <v>1.9047619047619044</v>
          </cell>
          <cell r="N15">
            <v>1.5</v>
          </cell>
          <cell r="O15">
            <v>1.2000000000000002</v>
          </cell>
          <cell r="P15">
            <v>2.25</v>
          </cell>
          <cell r="Q15">
            <v>0.5</v>
          </cell>
          <cell r="R15">
            <v>1.3333333333333333</v>
          </cell>
          <cell r="S15">
            <v>4</v>
          </cell>
          <cell r="T15">
            <v>2</v>
          </cell>
          <cell r="U15">
            <v>5</v>
          </cell>
          <cell r="V15">
            <v>5</v>
          </cell>
          <cell r="W15">
            <v>2</v>
          </cell>
          <cell r="X15">
            <v>0</v>
          </cell>
          <cell r="Y15">
            <v>0</v>
          </cell>
          <cell r="Z15">
            <v>1</v>
          </cell>
          <cell r="AA15">
            <v>0</v>
          </cell>
          <cell r="AB15">
            <v>3</v>
          </cell>
          <cell r="AC15">
            <v>1</v>
          </cell>
          <cell r="AD15">
            <v>2</v>
          </cell>
          <cell r="AE15">
            <v>0</v>
          </cell>
          <cell r="AF15">
            <v>1</v>
          </cell>
          <cell r="AG15">
            <v>4</v>
          </cell>
          <cell r="AH15">
            <v>3</v>
          </cell>
          <cell r="AI15">
            <v>0</v>
          </cell>
          <cell r="AJ15">
            <v>2</v>
          </cell>
          <cell r="AK15">
            <v>2</v>
          </cell>
          <cell r="AL15">
            <v>0</v>
          </cell>
          <cell r="AM15">
            <v>0</v>
          </cell>
          <cell r="AN15">
            <v>0</v>
          </cell>
          <cell r="AO15">
            <v>6</v>
          </cell>
          <cell r="AP15">
            <v>4.5</v>
          </cell>
          <cell r="AQ15">
            <v>3</v>
          </cell>
          <cell r="AR15">
            <v>1</v>
          </cell>
          <cell r="AS15">
            <v>3</v>
          </cell>
        </row>
        <row r="16">
          <cell r="A16" t="str">
            <v>FIN2008</v>
          </cell>
          <cell r="B16" t="str">
            <v>FIN</v>
          </cell>
          <cell r="C16">
            <v>2008</v>
          </cell>
          <cell r="D16">
            <v>1.8645833333333333</v>
          </cell>
          <cell r="E16">
            <v>1.8246527777777775</v>
          </cell>
          <cell r="F16">
            <v>2.0451388888888888</v>
          </cell>
          <cell r="G16">
            <v>2.1666666666666665</v>
          </cell>
          <cell r="H16">
            <v>2.3833333333333333</v>
          </cell>
          <cell r="I16">
            <v>1.5625</v>
          </cell>
          <cell r="J16">
            <v>1.875</v>
          </cell>
          <cell r="K16">
            <v>1.625</v>
          </cell>
          <cell r="L16">
            <v>2.75</v>
          </cell>
          <cell r="M16">
            <v>1</v>
          </cell>
          <cell r="N16">
            <v>2.75</v>
          </cell>
          <cell r="O16">
            <v>3.4000000000000004</v>
          </cell>
          <cell r="P16">
            <v>2</v>
          </cell>
          <cell r="Q16">
            <v>1.125</v>
          </cell>
          <cell r="R16">
            <v>1.75</v>
          </cell>
          <cell r="S16">
            <v>3.5</v>
          </cell>
          <cell r="T16">
            <v>2</v>
          </cell>
          <cell r="U16">
            <v>2</v>
          </cell>
          <cell r="V16">
            <v>2</v>
          </cell>
          <cell r="W16">
            <v>3</v>
          </cell>
          <cell r="X16">
            <v>0</v>
          </cell>
          <cell r="Y16">
            <v>0</v>
          </cell>
          <cell r="Z16">
            <v>0</v>
          </cell>
          <cell r="AA16">
            <v>4</v>
          </cell>
          <cell r="AB16">
            <v>4</v>
          </cell>
          <cell r="AC16">
            <v>3</v>
          </cell>
          <cell r="AD16">
            <v>0</v>
          </cell>
          <cell r="AE16">
            <v>6</v>
          </cell>
          <cell r="AF16">
            <v>2</v>
          </cell>
          <cell r="AG16">
            <v>4</v>
          </cell>
          <cell r="AH16">
            <v>0</v>
          </cell>
          <cell r="AI16">
            <v>0.75</v>
          </cell>
          <cell r="AJ16">
            <v>2</v>
          </cell>
          <cell r="AK16">
            <v>4</v>
          </cell>
          <cell r="AL16">
            <v>1</v>
          </cell>
          <cell r="AM16">
            <v>0</v>
          </cell>
          <cell r="AN16">
            <v>0</v>
          </cell>
          <cell r="AO16">
            <v>6</v>
          </cell>
          <cell r="AP16">
            <v>4.5</v>
          </cell>
          <cell r="AQ16">
            <v>0</v>
          </cell>
          <cell r="AR16">
            <v>2</v>
          </cell>
          <cell r="AS16">
            <v>0</v>
          </cell>
        </row>
        <row r="17">
          <cell r="A17" t="str">
            <v>FRA2008</v>
          </cell>
          <cell r="B17" t="str">
            <v>FRA</v>
          </cell>
          <cell r="C17">
            <v>2008</v>
          </cell>
          <cell r="D17">
            <v>3.0049603174603172</v>
          </cell>
          <cell r="E17">
            <v>3.0666335978835981</v>
          </cell>
          <cell r="F17">
            <v>3.2089947089947088</v>
          </cell>
          <cell r="G17">
            <v>2.3849206349206349</v>
          </cell>
          <cell r="H17">
            <v>2.6015873015873017</v>
          </cell>
          <cell r="I17">
            <v>3.625</v>
          </cell>
          <cell r="J17">
            <v>3.75</v>
          </cell>
          <cell r="K17">
            <v>3.375</v>
          </cell>
          <cell r="L17">
            <v>2.5</v>
          </cell>
          <cell r="M17">
            <v>1.9047619047619047</v>
          </cell>
          <cell r="N17">
            <v>2.75</v>
          </cell>
          <cell r="O17">
            <v>3.4000000000000004</v>
          </cell>
          <cell r="P17">
            <v>4</v>
          </cell>
          <cell r="Q17">
            <v>3.25</v>
          </cell>
          <cell r="R17">
            <v>3.5</v>
          </cell>
          <cell r="S17">
            <v>3</v>
          </cell>
          <cell r="T17">
            <v>2</v>
          </cell>
          <cell r="U17">
            <v>3</v>
          </cell>
          <cell r="V17">
            <v>4</v>
          </cell>
          <cell r="W17">
            <v>1</v>
          </cell>
          <cell r="X17">
            <v>0</v>
          </cell>
          <cell r="Y17">
            <v>2</v>
          </cell>
          <cell r="Z17">
            <v>2</v>
          </cell>
          <cell r="AA17">
            <v>4</v>
          </cell>
          <cell r="AB17">
            <v>4</v>
          </cell>
          <cell r="AC17">
            <v>3</v>
          </cell>
          <cell r="AD17">
            <v>0</v>
          </cell>
          <cell r="AE17">
            <v>6</v>
          </cell>
          <cell r="AF17">
            <v>4</v>
          </cell>
          <cell r="AG17">
            <v>4</v>
          </cell>
          <cell r="AH17">
            <v>4</v>
          </cell>
          <cell r="AI17">
            <v>3</v>
          </cell>
          <cell r="AJ17">
            <v>4</v>
          </cell>
          <cell r="AK17">
            <v>4</v>
          </cell>
          <cell r="AL17">
            <v>3</v>
          </cell>
          <cell r="AM17">
            <v>3</v>
          </cell>
          <cell r="AN17">
            <v>2</v>
          </cell>
          <cell r="AO17">
            <v>6</v>
          </cell>
          <cell r="AP17">
            <v>4.5</v>
          </cell>
          <cell r="AQ17">
            <v>3</v>
          </cell>
          <cell r="AR17">
            <v>3</v>
          </cell>
          <cell r="AS17">
            <v>3</v>
          </cell>
        </row>
        <row r="18">
          <cell r="A18" t="str">
            <v>DEU2008</v>
          </cell>
          <cell r="B18" t="str">
            <v>DEU</v>
          </cell>
          <cell r="C18">
            <v>2008</v>
          </cell>
          <cell r="D18">
            <v>1.9345238095238095</v>
          </cell>
          <cell r="E18">
            <v>2.2162698412698414</v>
          </cell>
          <cell r="F18">
            <v>2.3794642857142851</v>
          </cell>
          <cell r="G18">
            <v>2.8690476190476191</v>
          </cell>
          <cell r="H18">
            <v>2.7190476190476187</v>
          </cell>
          <cell r="I18">
            <v>1</v>
          </cell>
          <cell r="J18">
            <v>1.5416666666666665</v>
          </cell>
          <cell r="K18">
            <v>3.625</v>
          </cell>
          <cell r="L18">
            <v>3.5</v>
          </cell>
          <cell r="M18">
            <v>1.857142857142857</v>
          </cell>
          <cell r="N18">
            <v>3.25</v>
          </cell>
          <cell r="O18">
            <v>2.8000000000000003</v>
          </cell>
          <cell r="P18">
            <v>0.75</v>
          </cell>
          <cell r="Q18">
            <v>1.25</v>
          </cell>
          <cell r="R18">
            <v>2.333333333333333</v>
          </cell>
          <cell r="S18">
            <v>5</v>
          </cell>
          <cell r="T18">
            <v>2</v>
          </cell>
          <cell r="U18">
            <v>3</v>
          </cell>
          <cell r="V18">
            <v>2</v>
          </cell>
          <cell r="W18">
            <v>4</v>
          </cell>
          <cell r="X18">
            <v>1</v>
          </cell>
          <cell r="Y18">
            <v>1</v>
          </cell>
          <cell r="Z18">
            <v>1</v>
          </cell>
          <cell r="AA18">
            <v>4</v>
          </cell>
          <cell r="AB18">
            <v>3</v>
          </cell>
          <cell r="AC18">
            <v>3</v>
          </cell>
          <cell r="AD18">
            <v>3</v>
          </cell>
          <cell r="AE18">
            <v>1</v>
          </cell>
          <cell r="AF18">
            <v>0</v>
          </cell>
          <cell r="AG18">
            <v>2</v>
          </cell>
          <cell r="AH18">
            <v>1</v>
          </cell>
          <cell r="AI18">
            <v>1.5</v>
          </cell>
          <cell r="AJ18">
            <v>2</v>
          </cell>
          <cell r="AK18">
            <v>4</v>
          </cell>
          <cell r="AL18">
            <v>0</v>
          </cell>
          <cell r="AM18">
            <v>0</v>
          </cell>
          <cell r="AN18">
            <v>6</v>
          </cell>
          <cell r="AO18">
            <v>3</v>
          </cell>
          <cell r="AP18">
            <v>6</v>
          </cell>
          <cell r="AQ18">
            <v>3</v>
          </cell>
          <cell r="AR18">
            <v>1</v>
          </cell>
          <cell r="AS18">
            <v>4.5</v>
          </cell>
        </row>
        <row r="19">
          <cell r="A19" t="str">
            <v>GRC2008</v>
          </cell>
          <cell r="B19" t="str">
            <v>GRC</v>
          </cell>
          <cell r="C19">
            <v>2008</v>
          </cell>
          <cell r="D19">
            <v>2.7757936507936511</v>
          </cell>
          <cell r="E19">
            <v>2.8548280423280423</v>
          </cell>
          <cell r="F19">
            <v>2.9821428571428568</v>
          </cell>
          <cell r="G19">
            <v>2.8015873015873018</v>
          </cell>
          <cell r="H19">
            <v>2.6904761904761902</v>
          </cell>
          <cell r="I19">
            <v>2.75</v>
          </cell>
          <cell r="J19">
            <v>3.1666666666666665</v>
          </cell>
          <cell r="K19">
            <v>3.25</v>
          </cell>
          <cell r="L19">
            <v>2.5</v>
          </cell>
          <cell r="M19">
            <v>2.2380952380952381</v>
          </cell>
          <cell r="N19">
            <v>3.6666666666666665</v>
          </cell>
          <cell r="O19">
            <v>3.3333333333333335</v>
          </cell>
          <cell r="P19">
            <v>3.5</v>
          </cell>
          <cell r="Q19">
            <v>2</v>
          </cell>
          <cell r="R19">
            <v>2.833333333333333</v>
          </cell>
          <cell r="S19">
            <v>4</v>
          </cell>
          <cell r="T19">
            <v>1</v>
          </cell>
          <cell r="U19">
            <v>2</v>
          </cell>
          <cell r="V19">
            <v>3</v>
          </cell>
          <cell r="W19">
            <v>4</v>
          </cell>
          <cell r="X19">
            <v>1</v>
          </cell>
          <cell r="Y19">
            <v>2</v>
          </cell>
          <cell r="Z19">
            <v>2</v>
          </cell>
          <cell r="AA19">
            <v>1</v>
          </cell>
          <cell r="AB19">
            <v>6</v>
          </cell>
          <cell r="AC19" t="str">
            <v>..</v>
          </cell>
          <cell r="AD19">
            <v>4</v>
          </cell>
          <cell r="AE19">
            <v>2</v>
          </cell>
          <cell r="AF19">
            <v>4</v>
          </cell>
          <cell r="AG19">
            <v>3</v>
          </cell>
          <cell r="AH19">
            <v>3</v>
          </cell>
          <cell r="AI19">
            <v>0</v>
          </cell>
          <cell r="AJ19">
            <v>4</v>
          </cell>
          <cell r="AK19">
            <v>4</v>
          </cell>
          <cell r="AL19">
            <v>4</v>
          </cell>
          <cell r="AM19">
            <v>4</v>
          </cell>
          <cell r="AN19">
            <v>6</v>
          </cell>
          <cell r="AO19">
            <v>3</v>
          </cell>
          <cell r="AP19">
            <v>6</v>
          </cell>
          <cell r="AQ19">
            <v>3</v>
          </cell>
          <cell r="AR19">
            <v>1</v>
          </cell>
          <cell r="AS19">
            <v>3</v>
          </cell>
        </row>
        <row r="20">
          <cell r="A20" t="str">
            <v>HUN2008</v>
          </cell>
          <cell r="B20" t="str">
            <v>HUN</v>
          </cell>
          <cell r="C20">
            <v>2008</v>
          </cell>
          <cell r="D20">
            <v>1.564484126984127</v>
          </cell>
          <cell r="E20">
            <v>1.8662367724867726</v>
          </cell>
          <cell r="F20">
            <v>2.1197089947089944</v>
          </cell>
          <cell r="G20">
            <v>2.003968253968254</v>
          </cell>
          <cell r="H20">
            <v>1.8206349206349206</v>
          </cell>
          <cell r="I20">
            <v>1.125</v>
          </cell>
          <cell r="J20">
            <v>1.9166666666666665</v>
          </cell>
          <cell r="K20">
            <v>3.375</v>
          </cell>
          <cell r="L20">
            <v>1.5</v>
          </cell>
          <cell r="M20">
            <v>1.7619047619047619</v>
          </cell>
          <cell r="N20">
            <v>2.75</v>
          </cell>
          <cell r="O20">
            <v>2.2000000000000002</v>
          </cell>
          <cell r="P20">
            <v>1.75</v>
          </cell>
          <cell r="Q20">
            <v>0.5</v>
          </cell>
          <cell r="R20">
            <v>2.083333333333333</v>
          </cell>
          <cell r="S20">
            <v>2</v>
          </cell>
          <cell r="T20">
            <v>1</v>
          </cell>
          <cell r="U20">
            <v>3</v>
          </cell>
          <cell r="V20">
            <v>2</v>
          </cell>
          <cell r="W20">
            <v>2</v>
          </cell>
          <cell r="X20">
            <v>0</v>
          </cell>
          <cell r="Y20">
            <v>2</v>
          </cell>
          <cell r="Z20">
            <v>2</v>
          </cell>
          <cell r="AA20">
            <v>0</v>
          </cell>
          <cell r="AB20">
            <v>4</v>
          </cell>
          <cell r="AC20">
            <v>3</v>
          </cell>
          <cell r="AD20">
            <v>4</v>
          </cell>
          <cell r="AE20">
            <v>0</v>
          </cell>
          <cell r="AF20">
            <v>1</v>
          </cell>
          <cell r="AG20">
            <v>4</v>
          </cell>
          <cell r="AH20">
            <v>1</v>
          </cell>
          <cell r="AI20">
            <v>0</v>
          </cell>
          <cell r="AJ20">
            <v>2</v>
          </cell>
          <cell r="AK20">
            <v>2</v>
          </cell>
          <cell r="AL20">
            <v>0</v>
          </cell>
          <cell r="AM20">
            <v>0</v>
          </cell>
          <cell r="AN20">
            <v>6</v>
          </cell>
          <cell r="AO20">
            <v>4.5</v>
          </cell>
          <cell r="AP20">
            <v>4.5</v>
          </cell>
          <cell r="AQ20">
            <v>6</v>
          </cell>
          <cell r="AR20">
            <v>3</v>
          </cell>
          <cell r="AS20">
            <v>0</v>
          </cell>
        </row>
        <row r="21">
          <cell r="A21" t="str">
            <v>ISL2008</v>
          </cell>
          <cell r="B21" t="str">
            <v>ISL</v>
          </cell>
          <cell r="C21">
            <v>2008</v>
          </cell>
          <cell r="D21">
            <v>1.1775793650793651</v>
          </cell>
          <cell r="E21">
            <v>1.5646494708994707</v>
          </cell>
          <cell r="F21">
            <v>1.9720568783068781</v>
          </cell>
          <cell r="G21">
            <v>1.73015873015873</v>
          </cell>
          <cell r="H21">
            <v>2.0412698412698411</v>
          </cell>
          <cell r="I21">
            <v>0.625</v>
          </cell>
          <cell r="J21">
            <v>1.2916666666666665</v>
          </cell>
          <cell r="K21">
            <v>3.5</v>
          </cell>
          <cell r="L21">
            <v>2</v>
          </cell>
          <cell r="M21">
            <v>1.8571428571428568</v>
          </cell>
          <cell r="N21">
            <v>1.3333333333333333</v>
          </cell>
          <cell r="O21">
            <v>2.2666666666666666</v>
          </cell>
          <cell r="P21">
            <v>0.75</v>
          </cell>
          <cell r="Q21">
            <v>0.5</v>
          </cell>
          <cell r="R21">
            <v>1.8333333333333333</v>
          </cell>
          <cell r="S21">
            <v>2</v>
          </cell>
          <cell r="T21">
            <v>2</v>
          </cell>
          <cell r="U21">
            <v>6</v>
          </cell>
          <cell r="V21">
            <v>5</v>
          </cell>
          <cell r="W21">
            <v>2</v>
          </cell>
          <cell r="X21">
            <v>0</v>
          </cell>
          <cell r="Y21">
            <v>0</v>
          </cell>
          <cell r="Z21">
            <v>0</v>
          </cell>
          <cell r="AA21">
            <v>0</v>
          </cell>
          <cell r="AB21">
            <v>4</v>
          </cell>
          <cell r="AC21" t="str">
            <v>..</v>
          </cell>
          <cell r="AD21">
            <v>0</v>
          </cell>
          <cell r="AE21">
            <v>6</v>
          </cell>
          <cell r="AF21">
            <v>0</v>
          </cell>
          <cell r="AG21">
            <v>0</v>
          </cell>
          <cell r="AH21">
            <v>3</v>
          </cell>
          <cell r="AI21">
            <v>0</v>
          </cell>
          <cell r="AJ21">
            <v>2</v>
          </cell>
          <cell r="AK21">
            <v>2</v>
          </cell>
          <cell r="AL21">
            <v>0</v>
          </cell>
          <cell r="AM21">
            <v>0</v>
          </cell>
          <cell r="AN21">
            <v>6</v>
          </cell>
          <cell r="AO21">
            <v>3</v>
          </cell>
          <cell r="AP21">
            <v>4.5</v>
          </cell>
          <cell r="AQ21">
            <v>6</v>
          </cell>
          <cell r="AR21" t="str">
            <v>..</v>
          </cell>
          <cell r="AS21">
            <v>0</v>
          </cell>
        </row>
        <row r="22">
          <cell r="A22" t="str">
            <v>IRL2008</v>
          </cell>
          <cell r="B22" t="str">
            <v>IRL</v>
          </cell>
          <cell r="C22">
            <v>2008</v>
          </cell>
          <cell r="D22">
            <v>0.94742063492063489</v>
          </cell>
          <cell r="E22">
            <v>1.3728505291005293</v>
          </cell>
          <cell r="F22">
            <v>1.4492394179894179</v>
          </cell>
          <cell r="G22">
            <v>1.2698412698412698</v>
          </cell>
          <cell r="H22">
            <v>1.3698412698412696</v>
          </cell>
          <cell r="I22">
            <v>0.625</v>
          </cell>
          <cell r="J22">
            <v>0.70833333333333326</v>
          </cell>
          <cell r="K22">
            <v>3.5</v>
          </cell>
          <cell r="L22">
            <v>1.5</v>
          </cell>
          <cell r="M22">
            <v>0.80952380952380953</v>
          </cell>
          <cell r="N22">
            <v>1.5</v>
          </cell>
          <cell r="O22">
            <v>1.8000000000000003</v>
          </cell>
          <cell r="P22">
            <v>0.75</v>
          </cell>
          <cell r="Q22">
            <v>0.5</v>
          </cell>
          <cell r="R22">
            <v>0.66666666666666663</v>
          </cell>
          <cell r="S22">
            <v>2</v>
          </cell>
          <cell r="T22">
            <v>1</v>
          </cell>
          <cell r="U22">
            <v>1</v>
          </cell>
          <cell r="V22">
            <v>1</v>
          </cell>
          <cell r="W22">
            <v>1</v>
          </cell>
          <cell r="X22">
            <v>0</v>
          </cell>
          <cell r="Y22">
            <v>1</v>
          </cell>
          <cell r="Z22">
            <v>1</v>
          </cell>
          <cell r="AA22">
            <v>0</v>
          </cell>
          <cell r="AB22">
            <v>2</v>
          </cell>
          <cell r="AC22">
            <v>2</v>
          </cell>
          <cell r="AD22">
            <v>2</v>
          </cell>
          <cell r="AE22">
            <v>3</v>
          </cell>
          <cell r="AF22">
            <v>1</v>
          </cell>
          <cell r="AG22">
            <v>0</v>
          </cell>
          <cell r="AH22">
            <v>1</v>
          </cell>
          <cell r="AI22">
            <v>0</v>
          </cell>
          <cell r="AJ22">
            <v>2</v>
          </cell>
          <cell r="AK22">
            <v>2</v>
          </cell>
          <cell r="AL22">
            <v>0</v>
          </cell>
          <cell r="AM22">
            <v>0</v>
          </cell>
          <cell r="AN22">
            <v>2</v>
          </cell>
          <cell r="AO22">
            <v>0</v>
          </cell>
          <cell r="AP22">
            <v>6</v>
          </cell>
          <cell r="AQ22">
            <v>6</v>
          </cell>
          <cell r="AR22">
            <v>2</v>
          </cell>
          <cell r="AS22">
            <v>0</v>
          </cell>
        </row>
        <row r="23">
          <cell r="A23" t="str">
            <v>ITA2008</v>
          </cell>
          <cell r="B23" t="str">
            <v>ITA</v>
          </cell>
          <cell r="C23">
            <v>2008</v>
          </cell>
          <cell r="D23">
            <v>2.3809523809523805</v>
          </cell>
          <cell r="E23">
            <v>2.6716269841269837</v>
          </cell>
          <cell r="F23">
            <v>2.8973214285714284</v>
          </cell>
          <cell r="G23">
            <v>2.7619047619047614</v>
          </cell>
          <cell r="H23">
            <v>2.5952380952380953</v>
          </cell>
          <cell r="I23">
            <v>2</v>
          </cell>
          <cell r="J23">
            <v>2.708333333333333</v>
          </cell>
          <cell r="K23">
            <v>4.125</v>
          </cell>
          <cell r="L23">
            <v>2.5</v>
          </cell>
          <cell r="M23">
            <v>1.2857142857142856</v>
          </cell>
          <cell r="N23">
            <v>4.5</v>
          </cell>
          <cell r="O23">
            <v>4</v>
          </cell>
          <cell r="P23">
            <v>2.25</v>
          </cell>
          <cell r="Q23">
            <v>1.75</v>
          </cell>
          <cell r="R23">
            <v>3.1666666666666665</v>
          </cell>
          <cell r="S23">
            <v>3</v>
          </cell>
          <cell r="T23">
            <v>2</v>
          </cell>
          <cell r="U23">
            <v>4</v>
          </cell>
          <cell r="V23">
            <v>3</v>
          </cell>
          <cell r="W23">
            <v>2</v>
          </cell>
          <cell r="X23">
            <v>0</v>
          </cell>
          <cell r="Y23">
            <v>0</v>
          </cell>
          <cell r="Z23">
            <v>0</v>
          </cell>
          <cell r="AA23">
            <v>4</v>
          </cell>
          <cell r="AB23">
            <v>4</v>
          </cell>
          <cell r="AC23">
            <v>4</v>
          </cell>
          <cell r="AD23">
            <v>6</v>
          </cell>
          <cell r="AE23">
            <v>2</v>
          </cell>
          <cell r="AF23">
            <v>2</v>
          </cell>
          <cell r="AG23">
            <v>4</v>
          </cell>
          <cell r="AH23">
            <v>1</v>
          </cell>
          <cell r="AI23">
            <v>1.5</v>
          </cell>
          <cell r="AJ23">
            <v>4</v>
          </cell>
          <cell r="AK23">
            <v>2</v>
          </cell>
          <cell r="AL23">
            <v>0</v>
          </cell>
          <cell r="AM23">
            <v>0</v>
          </cell>
          <cell r="AN23">
            <v>6</v>
          </cell>
          <cell r="AO23">
            <v>6</v>
          </cell>
          <cell r="AP23">
            <v>6</v>
          </cell>
          <cell r="AQ23">
            <v>4.5</v>
          </cell>
          <cell r="AR23">
            <v>3</v>
          </cell>
          <cell r="AS23">
            <v>3</v>
          </cell>
        </row>
        <row r="24">
          <cell r="A24" t="str">
            <v>JPN2008</v>
          </cell>
          <cell r="B24" t="str">
            <v>JPN</v>
          </cell>
          <cell r="C24">
            <v>2008</v>
          </cell>
          <cell r="D24">
            <v>1.1220238095238093</v>
          </cell>
          <cell r="E24">
            <v>1.4766865079365079</v>
          </cell>
          <cell r="F24">
            <v>1.7371031746031744</v>
          </cell>
          <cell r="G24">
            <v>1.3690476190476188</v>
          </cell>
          <cell r="H24">
            <v>1.6190476190476188</v>
          </cell>
          <cell r="I24">
            <v>0.875</v>
          </cell>
          <cell r="J24">
            <v>1.25</v>
          </cell>
          <cell r="K24">
            <v>3.25</v>
          </cell>
          <cell r="L24">
            <v>1</v>
          </cell>
          <cell r="M24">
            <v>0.85714285714285698</v>
          </cell>
          <cell r="N24">
            <v>2.25</v>
          </cell>
          <cell r="O24">
            <v>3</v>
          </cell>
          <cell r="P24">
            <v>0.25</v>
          </cell>
          <cell r="Q24">
            <v>1.5</v>
          </cell>
          <cell r="R24">
            <v>2.25</v>
          </cell>
          <cell r="S24">
            <v>2</v>
          </cell>
          <cell r="T24">
            <v>0</v>
          </cell>
          <cell r="U24">
            <v>3</v>
          </cell>
          <cell r="V24">
            <v>2</v>
          </cell>
          <cell r="W24">
            <v>1</v>
          </cell>
          <cell r="X24">
            <v>0</v>
          </cell>
          <cell r="Y24">
            <v>0</v>
          </cell>
          <cell r="Z24">
            <v>0</v>
          </cell>
          <cell r="AA24">
            <v>2</v>
          </cell>
          <cell r="AB24">
            <v>4</v>
          </cell>
          <cell r="AC24">
            <v>1</v>
          </cell>
          <cell r="AD24">
            <v>2</v>
          </cell>
          <cell r="AE24">
            <v>6</v>
          </cell>
          <cell r="AF24">
            <v>0</v>
          </cell>
          <cell r="AG24">
            <v>1</v>
          </cell>
          <cell r="AH24">
            <v>0</v>
          </cell>
          <cell r="AI24">
            <v>1.5</v>
          </cell>
          <cell r="AJ24">
            <v>2</v>
          </cell>
          <cell r="AK24">
            <v>2</v>
          </cell>
          <cell r="AL24">
            <v>1</v>
          </cell>
          <cell r="AM24">
            <v>1</v>
          </cell>
          <cell r="AN24">
            <v>6</v>
          </cell>
          <cell r="AO24">
            <v>1.5</v>
          </cell>
          <cell r="AP24">
            <v>3</v>
          </cell>
          <cell r="AQ24">
            <v>6</v>
          </cell>
          <cell r="AR24">
            <v>1</v>
          </cell>
          <cell r="AS24">
            <v>3</v>
          </cell>
        </row>
        <row r="25">
          <cell r="A25" t="str">
            <v>KOR2008</v>
          </cell>
          <cell r="B25" t="str">
            <v>KOR</v>
          </cell>
          <cell r="C25">
            <v>2008</v>
          </cell>
          <cell r="D25">
            <v>2.2470238095238093</v>
          </cell>
          <cell r="E25">
            <v>2.1850198412698409</v>
          </cell>
          <cell r="F25">
            <v>2.3239087301587298</v>
          </cell>
          <cell r="G25">
            <v>2.3690476190476191</v>
          </cell>
          <cell r="H25">
            <v>2.2857142857142856</v>
          </cell>
          <cell r="I25">
            <v>2.125</v>
          </cell>
          <cell r="J25">
            <v>2.5416666666666665</v>
          </cell>
          <cell r="K25">
            <v>1.875</v>
          </cell>
          <cell r="L25">
            <v>3</v>
          </cell>
          <cell r="M25">
            <v>0.85714285714285698</v>
          </cell>
          <cell r="N25">
            <v>3.25</v>
          </cell>
          <cell r="O25">
            <v>3</v>
          </cell>
          <cell r="P25">
            <v>0.75</v>
          </cell>
          <cell r="Q25">
            <v>3.5</v>
          </cell>
          <cell r="R25">
            <v>4.333333333333333</v>
          </cell>
          <cell r="S25">
            <v>3</v>
          </cell>
          <cell r="T25">
            <v>3</v>
          </cell>
          <cell r="U25">
            <v>3</v>
          </cell>
          <cell r="V25">
            <v>2</v>
          </cell>
          <cell r="W25">
            <v>1</v>
          </cell>
          <cell r="X25">
            <v>0</v>
          </cell>
          <cell r="Y25">
            <v>0</v>
          </cell>
          <cell r="Z25">
            <v>0</v>
          </cell>
          <cell r="AA25">
            <v>2</v>
          </cell>
          <cell r="AB25">
            <v>4</v>
          </cell>
          <cell r="AC25">
            <v>1</v>
          </cell>
          <cell r="AD25">
            <v>6</v>
          </cell>
          <cell r="AE25">
            <v>2</v>
          </cell>
          <cell r="AF25">
            <v>0</v>
          </cell>
          <cell r="AG25">
            <v>0</v>
          </cell>
          <cell r="AH25">
            <v>3</v>
          </cell>
          <cell r="AI25">
            <v>3</v>
          </cell>
          <cell r="AJ25">
            <v>4</v>
          </cell>
          <cell r="AK25">
            <v>2</v>
          </cell>
          <cell r="AL25">
            <v>4</v>
          </cell>
          <cell r="AM25">
            <v>0</v>
          </cell>
          <cell r="AN25">
            <v>6</v>
          </cell>
          <cell r="AO25">
            <v>6</v>
          </cell>
          <cell r="AP25">
            <v>4.5</v>
          </cell>
          <cell r="AQ25">
            <v>3</v>
          </cell>
          <cell r="AR25">
            <v>0</v>
          </cell>
          <cell r="AS25">
            <v>0</v>
          </cell>
        </row>
        <row r="26">
          <cell r="A26" t="str">
            <v>LUX2008</v>
          </cell>
          <cell r="B26" t="str">
            <v>LUX</v>
          </cell>
          <cell r="C26">
            <v>2008</v>
          </cell>
          <cell r="D26">
            <v>2.998015873015873</v>
          </cell>
          <cell r="E26">
            <v>3.1441798941798944</v>
          </cell>
          <cell r="F26">
            <v>3.1927910052910056</v>
          </cell>
          <cell r="G26">
            <v>2.246031746031746</v>
          </cell>
          <cell r="H26">
            <v>2.2793650793650797</v>
          </cell>
          <cell r="I26">
            <v>3.75</v>
          </cell>
          <cell r="J26">
            <v>3.833333333333333</v>
          </cell>
          <cell r="K26">
            <v>3.875</v>
          </cell>
          <cell r="L26">
            <v>3</v>
          </cell>
          <cell r="M26">
            <v>2.2380952380952381</v>
          </cell>
          <cell r="N26">
            <v>1.5</v>
          </cell>
          <cell r="O26">
            <v>1.6</v>
          </cell>
          <cell r="P26">
            <v>4</v>
          </cell>
          <cell r="Q26">
            <v>3.5</v>
          </cell>
          <cell r="R26">
            <v>3.6666666666666665</v>
          </cell>
          <cell r="S26">
            <v>4</v>
          </cell>
          <cell r="T26">
            <v>2</v>
          </cell>
          <cell r="U26">
            <v>6</v>
          </cell>
          <cell r="V26">
            <v>4</v>
          </cell>
          <cell r="W26">
            <v>3</v>
          </cell>
          <cell r="X26">
            <v>0</v>
          </cell>
          <cell r="Y26">
            <v>0</v>
          </cell>
          <cell r="Z26">
            <v>2</v>
          </cell>
          <cell r="AA26">
            <v>2</v>
          </cell>
          <cell r="AB26">
            <v>3</v>
          </cell>
          <cell r="AC26">
            <v>1</v>
          </cell>
          <cell r="AD26">
            <v>0</v>
          </cell>
          <cell r="AE26">
            <v>2</v>
          </cell>
          <cell r="AF26">
            <v>5</v>
          </cell>
          <cell r="AG26">
            <v>3</v>
          </cell>
          <cell r="AH26">
            <v>3</v>
          </cell>
          <cell r="AI26">
            <v>3</v>
          </cell>
          <cell r="AJ26">
            <v>4</v>
          </cell>
          <cell r="AK26">
            <v>4</v>
          </cell>
          <cell r="AL26">
            <v>4</v>
          </cell>
          <cell r="AM26">
            <v>4</v>
          </cell>
          <cell r="AN26">
            <v>2</v>
          </cell>
          <cell r="AO26">
            <v>6</v>
          </cell>
          <cell r="AP26">
            <v>6</v>
          </cell>
          <cell r="AQ26">
            <v>3</v>
          </cell>
          <cell r="AR26">
            <v>2</v>
          </cell>
          <cell r="AS26">
            <v>4.5</v>
          </cell>
        </row>
        <row r="27">
          <cell r="A27" t="str">
            <v>MEX2008</v>
          </cell>
          <cell r="B27" t="str">
            <v>MEX</v>
          </cell>
          <cell r="C27">
            <v>2008</v>
          </cell>
          <cell r="D27">
            <v>3.0972222222222223</v>
          </cell>
          <cell r="E27">
            <v>3.3101851851851851</v>
          </cell>
          <cell r="F27">
            <v>3.282407407407407</v>
          </cell>
          <cell r="G27">
            <v>2.1944444444444442</v>
          </cell>
          <cell r="H27">
            <v>2.0444444444444443</v>
          </cell>
          <cell r="I27">
            <v>4</v>
          </cell>
          <cell r="J27">
            <v>4.083333333333333</v>
          </cell>
          <cell r="K27">
            <v>4.375</v>
          </cell>
          <cell r="L27">
            <v>1</v>
          </cell>
          <cell r="M27">
            <v>1.3333333333333333</v>
          </cell>
          <cell r="N27">
            <v>4.25</v>
          </cell>
          <cell r="O27">
            <v>3.8000000000000003</v>
          </cell>
          <cell r="P27">
            <v>2.5</v>
          </cell>
          <cell r="Q27">
            <v>5.5</v>
          </cell>
          <cell r="R27">
            <v>5.6666666666666661</v>
          </cell>
          <cell r="S27">
            <v>2</v>
          </cell>
          <cell r="T27">
            <v>0</v>
          </cell>
          <cell r="U27">
            <v>0</v>
          </cell>
          <cell r="V27">
            <v>0</v>
          </cell>
          <cell r="W27">
            <v>0</v>
          </cell>
          <cell r="X27">
            <v>2</v>
          </cell>
          <cell r="Y27">
            <v>4</v>
          </cell>
          <cell r="Z27">
            <v>1</v>
          </cell>
          <cell r="AA27">
            <v>5</v>
          </cell>
          <cell r="AB27">
            <v>6</v>
          </cell>
          <cell r="AC27">
            <v>3</v>
          </cell>
          <cell r="AD27">
            <v>3</v>
          </cell>
          <cell r="AE27">
            <v>2</v>
          </cell>
          <cell r="AF27">
            <v>5</v>
          </cell>
          <cell r="AG27">
            <v>0</v>
          </cell>
          <cell r="AH27">
            <v>0</v>
          </cell>
          <cell r="AI27">
            <v>6</v>
          </cell>
          <cell r="AJ27">
            <v>4</v>
          </cell>
          <cell r="AK27">
            <v>4</v>
          </cell>
          <cell r="AL27">
            <v>6</v>
          </cell>
          <cell r="AM27">
            <v>6</v>
          </cell>
          <cell r="AN27">
            <v>6</v>
          </cell>
          <cell r="AO27">
            <v>6</v>
          </cell>
          <cell r="AP27">
            <v>6</v>
          </cell>
          <cell r="AQ27">
            <v>6</v>
          </cell>
          <cell r="AR27">
            <v>1</v>
          </cell>
          <cell r="AS27">
            <v>4.5</v>
          </cell>
        </row>
        <row r="28">
          <cell r="A28" t="str">
            <v>NLD2008</v>
          </cell>
          <cell r="B28" t="str">
            <v>NLD</v>
          </cell>
          <cell r="C28">
            <v>2008</v>
          </cell>
          <cell r="D28">
            <v>1.9112103174603174</v>
          </cell>
          <cell r="E28">
            <v>2.0926752645502642</v>
          </cell>
          <cell r="F28">
            <v>2.19510582010582</v>
          </cell>
          <cell r="G28">
            <v>2.8849206349206349</v>
          </cell>
          <cell r="H28">
            <v>2.9015873015873019</v>
          </cell>
          <cell r="I28">
            <v>0.9375</v>
          </cell>
          <cell r="J28">
            <v>1.1666666666666665</v>
          </cell>
          <cell r="K28">
            <v>3</v>
          </cell>
          <cell r="L28">
            <v>4</v>
          </cell>
          <cell r="M28">
            <v>1.9047619047619047</v>
          </cell>
          <cell r="N28">
            <v>2.75</v>
          </cell>
          <cell r="O28">
            <v>2.8000000000000003</v>
          </cell>
          <cell r="P28">
            <v>1</v>
          </cell>
          <cell r="Q28">
            <v>0.875</v>
          </cell>
          <cell r="R28">
            <v>1.3333333333333333</v>
          </cell>
          <cell r="S28">
            <v>5</v>
          </cell>
          <cell r="T28">
            <v>3</v>
          </cell>
          <cell r="U28">
            <v>2</v>
          </cell>
          <cell r="V28">
            <v>1</v>
          </cell>
          <cell r="W28">
            <v>1</v>
          </cell>
          <cell r="X28">
            <v>0</v>
          </cell>
          <cell r="Y28">
            <v>3</v>
          </cell>
          <cell r="Z28">
            <v>4</v>
          </cell>
          <cell r="AA28">
            <v>3</v>
          </cell>
          <cell r="AB28">
            <v>5</v>
          </cell>
          <cell r="AC28">
            <v>1</v>
          </cell>
          <cell r="AD28">
            <v>2</v>
          </cell>
          <cell r="AE28">
            <v>3</v>
          </cell>
          <cell r="AF28">
            <v>0</v>
          </cell>
          <cell r="AG28">
            <v>3</v>
          </cell>
          <cell r="AH28">
            <v>1</v>
          </cell>
          <cell r="AI28">
            <v>0.75</v>
          </cell>
          <cell r="AJ28">
            <v>2</v>
          </cell>
          <cell r="AK28">
            <v>4</v>
          </cell>
          <cell r="AL28">
            <v>0</v>
          </cell>
          <cell r="AM28">
            <v>0</v>
          </cell>
          <cell r="AN28">
            <v>0</v>
          </cell>
          <cell r="AO28">
            <v>4.5</v>
          </cell>
          <cell r="AP28">
            <v>3</v>
          </cell>
          <cell r="AQ28">
            <v>3</v>
          </cell>
          <cell r="AR28">
            <v>3</v>
          </cell>
          <cell r="AS28">
            <v>3</v>
          </cell>
        </row>
        <row r="29">
          <cell r="A29" t="str">
            <v>NZL2008</v>
          </cell>
          <cell r="B29" t="str">
            <v>NZL</v>
          </cell>
          <cell r="C29">
            <v>2008</v>
          </cell>
          <cell r="D29">
            <v>1.2797619047619047</v>
          </cell>
          <cell r="E29">
            <v>1.066468253968254</v>
          </cell>
          <cell r="F29">
            <v>1.0248015873015872</v>
          </cell>
          <cell r="G29">
            <v>1.5595238095238095</v>
          </cell>
          <cell r="H29">
            <v>1.5428571428571427</v>
          </cell>
          <cell r="I29">
            <v>1</v>
          </cell>
          <cell r="J29">
            <v>0.91666666666666663</v>
          </cell>
          <cell r="K29">
            <v>0</v>
          </cell>
          <cell r="L29">
            <v>2</v>
          </cell>
          <cell r="M29">
            <v>0.42857142857142855</v>
          </cell>
          <cell r="N29">
            <v>2.25</v>
          </cell>
          <cell r="O29">
            <v>2.2000000000000002</v>
          </cell>
          <cell r="P29">
            <v>1.5</v>
          </cell>
          <cell r="Q29">
            <v>0.5</v>
          </cell>
          <cell r="R29">
            <v>0.33333333333333331</v>
          </cell>
          <cell r="S29">
            <v>3</v>
          </cell>
          <cell r="T29">
            <v>1</v>
          </cell>
          <cell r="U29">
            <v>2</v>
          </cell>
          <cell r="V29">
            <v>1</v>
          </cell>
          <cell r="W29">
            <v>0</v>
          </cell>
          <cell r="X29">
            <v>0</v>
          </cell>
          <cell r="Y29">
            <v>0</v>
          </cell>
          <cell r="Z29">
            <v>0</v>
          </cell>
          <cell r="AA29">
            <v>0</v>
          </cell>
          <cell r="AB29">
            <v>6</v>
          </cell>
          <cell r="AC29">
            <v>1</v>
          </cell>
          <cell r="AD29">
            <v>2</v>
          </cell>
          <cell r="AE29">
            <v>2</v>
          </cell>
          <cell r="AF29">
            <v>2</v>
          </cell>
          <cell r="AG29">
            <v>2</v>
          </cell>
          <cell r="AH29">
            <v>0</v>
          </cell>
          <cell r="AI29">
            <v>0</v>
          </cell>
          <cell r="AJ29">
            <v>2</v>
          </cell>
          <cell r="AK29">
            <v>4</v>
          </cell>
          <cell r="AL29">
            <v>0</v>
          </cell>
          <cell r="AM29">
            <v>0</v>
          </cell>
          <cell r="AN29">
            <v>0</v>
          </cell>
          <cell r="AO29">
            <v>0</v>
          </cell>
          <cell r="AP29">
            <v>0</v>
          </cell>
          <cell r="AQ29">
            <v>0</v>
          </cell>
          <cell r="AR29">
            <v>0</v>
          </cell>
          <cell r="AS29">
            <v>0</v>
          </cell>
        </row>
        <row r="30">
          <cell r="A30" t="str">
            <v>NOR2008</v>
          </cell>
          <cell r="B30" t="str">
            <v>NOR</v>
          </cell>
          <cell r="C30">
            <v>2008</v>
          </cell>
          <cell r="D30">
            <v>2.666666666666667</v>
          </cell>
          <cell r="E30">
            <v>2.6388888888888888</v>
          </cell>
          <cell r="F30">
            <v>2.6145833333333335</v>
          </cell>
          <cell r="G30">
            <v>2.3333333333333335</v>
          </cell>
          <cell r="H30">
            <v>2.2333333333333334</v>
          </cell>
          <cell r="I30">
            <v>3</v>
          </cell>
          <cell r="J30">
            <v>3.041666666666667</v>
          </cell>
          <cell r="K30">
            <v>2.5</v>
          </cell>
          <cell r="L30">
            <v>2.5</v>
          </cell>
          <cell r="M30">
            <v>0.99999999999999989</v>
          </cell>
          <cell r="N30">
            <v>3.5</v>
          </cell>
          <cell r="O30">
            <v>3.2</v>
          </cell>
          <cell r="P30">
            <v>3.5</v>
          </cell>
          <cell r="Q30">
            <v>2.5</v>
          </cell>
          <cell r="R30">
            <v>2.5833333333333335</v>
          </cell>
          <cell r="S30">
            <v>3</v>
          </cell>
          <cell r="T30">
            <v>2</v>
          </cell>
          <cell r="U30">
            <v>3</v>
          </cell>
          <cell r="V30">
            <v>2</v>
          </cell>
          <cell r="W30">
            <v>2</v>
          </cell>
          <cell r="X30">
            <v>0</v>
          </cell>
          <cell r="Y30">
            <v>0</v>
          </cell>
          <cell r="Z30">
            <v>0</v>
          </cell>
          <cell r="AA30">
            <v>5</v>
          </cell>
          <cell r="AB30">
            <v>3</v>
          </cell>
          <cell r="AC30">
            <v>2</v>
          </cell>
          <cell r="AD30">
            <v>4</v>
          </cell>
          <cell r="AE30">
            <v>2</v>
          </cell>
          <cell r="AF30">
            <v>4</v>
          </cell>
          <cell r="AG30">
            <v>5</v>
          </cell>
          <cell r="AH30">
            <v>1</v>
          </cell>
          <cell r="AI30">
            <v>3</v>
          </cell>
          <cell r="AJ30">
            <v>3</v>
          </cell>
          <cell r="AK30">
            <v>3</v>
          </cell>
          <cell r="AL30">
            <v>1</v>
          </cell>
          <cell r="AM30">
            <v>0</v>
          </cell>
          <cell r="AN30">
            <v>4</v>
          </cell>
          <cell r="AO30">
            <v>1.5</v>
          </cell>
          <cell r="AP30">
            <v>4.5</v>
          </cell>
          <cell r="AQ30">
            <v>4.5</v>
          </cell>
          <cell r="AR30">
            <v>1</v>
          </cell>
          <cell r="AS30">
            <v>0</v>
          </cell>
        </row>
        <row r="31">
          <cell r="A31" t="str">
            <v>POL2008</v>
          </cell>
          <cell r="B31" t="str">
            <v>POL</v>
          </cell>
          <cell r="C31">
            <v>2008</v>
          </cell>
          <cell r="D31">
            <v>1.9900793650793649</v>
          </cell>
          <cell r="E31">
            <v>2.1375661375661372</v>
          </cell>
          <cell r="F31">
            <v>2.3667328042328037</v>
          </cell>
          <cell r="G31">
            <v>2.2301587301587298</v>
          </cell>
          <cell r="H31">
            <v>2.1968253968253966</v>
          </cell>
          <cell r="I31">
            <v>1.75</v>
          </cell>
          <cell r="J31">
            <v>2.333333333333333</v>
          </cell>
          <cell r="K31">
            <v>2.875</v>
          </cell>
          <cell r="L31">
            <v>3</v>
          </cell>
          <cell r="M31">
            <v>2.1904761904761902</v>
          </cell>
          <cell r="N31">
            <v>1.5</v>
          </cell>
          <cell r="O31">
            <v>1.4000000000000001</v>
          </cell>
          <cell r="P31">
            <v>1</v>
          </cell>
          <cell r="Q31">
            <v>2.5</v>
          </cell>
          <cell r="R31">
            <v>3.6666666666666665</v>
          </cell>
          <cell r="S31">
            <v>4</v>
          </cell>
          <cell r="T31">
            <v>2</v>
          </cell>
          <cell r="U31">
            <v>3</v>
          </cell>
          <cell r="V31">
            <v>5</v>
          </cell>
          <cell r="W31">
            <v>2</v>
          </cell>
          <cell r="X31">
            <v>1</v>
          </cell>
          <cell r="Y31">
            <v>2</v>
          </cell>
          <cell r="Z31">
            <v>1</v>
          </cell>
          <cell r="AA31">
            <v>0</v>
          </cell>
          <cell r="AB31">
            <v>4</v>
          </cell>
          <cell r="AC31">
            <v>0</v>
          </cell>
          <cell r="AD31">
            <v>2</v>
          </cell>
          <cell r="AE31">
            <v>1</v>
          </cell>
          <cell r="AF31">
            <v>0</v>
          </cell>
          <cell r="AG31">
            <v>4</v>
          </cell>
          <cell r="AH31">
            <v>0</v>
          </cell>
          <cell r="AI31">
            <v>3</v>
          </cell>
          <cell r="AJ31">
            <v>2</v>
          </cell>
          <cell r="AK31">
            <v>2</v>
          </cell>
          <cell r="AL31">
            <v>2</v>
          </cell>
          <cell r="AM31">
            <v>0</v>
          </cell>
          <cell r="AN31">
            <v>6</v>
          </cell>
          <cell r="AO31">
            <v>6</v>
          </cell>
          <cell r="AP31">
            <v>4.5</v>
          </cell>
          <cell r="AQ31">
            <v>3</v>
          </cell>
          <cell r="AR31">
            <v>1</v>
          </cell>
          <cell r="AS31">
            <v>3</v>
          </cell>
        </row>
        <row r="32">
          <cell r="A32" t="str">
            <v>PRT2008</v>
          </cell>
          <cell r="B32" t="str">
            <v>PRT</v>
          </cell>
          <cell r="C32">
            <v>2008</v>
          </cell>
          <cell r="D32">
            <v>3.1770833333333335</v>
          </cell>
          <cell r="E32">
            <v>2.9600694444444446</v>
          </cell>
          <cell r="F32">
            <v>3.0034722222222223</v>
          </cell>
          <cell r="G32">
            <v>4.416666666666667</v>
          </cell>
          <cell r="H32">
            <v>4.166666666666667</v>
          </cell>
          <cell r="I32">
            <v>1.9375</v>
          </cell>
          <cell r="J32">
            <v>2.2916666666666665</v>
          </cell>
          <cell r="K32">
            <v>1.875</v>
          </cell>
          <cell r="L32">
            <v>3.5</v>
          </cell>
          <cell r="M32">
            <v>5</v>
          </cell>
          <cell r="N32">
            <v>4.75</v>
          </cell>
          <cell r="O32">
            <v>4</v>
          </cell>
          <cell r="P32">
            <v>1.75</v>
          </cell>
          <cell r="Q32">
            <v>2.125</v>
          </cell>
          <cell r="R32">
            <v>2.833333333333333</v>
          </cell>
          <cell r="S32">
            <v>4</v>
          </cell>
          <cell r="T32">
            <v>3</v>
          </cell>
          <cell r="U32">
            <v>6</v>
          </cell>
          <cell r="V32">
            <v>4</v>
          </cell>
          <cell r="W32">
            <v>1</v>
          </cell>
          <cell r="X32">
            <v>6</v>
          </cell>
          <cell r="Y32">
            <v>6</v>
          </cell>
          <cell r="Z32">
            <v>6</v>
          </cell>
          <cell r="AA32">
            <v>5</v>
          </cell>
          <cell r="AB32">
            <v>4</v>
          </cell>
          <cell r="AC32">
            <v>4</v>
          </cell>
          <cell r="AD32">
            <v>6</v>
          </cell>
          <cell r="AE32">
            <v>1</v>
          </cell>
          <cell r="AF32">
            <v>2</v>
          </cell>
          <cell r="AG32">
            <v>2</v>
          </cell>
          <cell r="AH32">
            <v>1</v>
          </cell>
          <cell r="AI32">
            <v>2.25</v>
          </cell>
          <cell r="AJ32">
            <v>2</v>
          </cell>
          <cell r="AK32">
            <v>2</v>
          </cell>
          <cell r="AL32">
            <v>2</v>
          </cell>
          <cell r="AM32">
            <v>2</v>
          </cell>
          <cell r="AN32">
            <v>4</v>
          </cell>
          <cell r="AO32">
            <v>4.5</v>
          </cell>
          <cell r="AP32">
            <v>6</v>
          </cell>
          <cell r="AQ32">
            <v>1.5</v>
          </cell>
          <cell r="AR32">
            <v>0</v>
          </cell>
          <cell r="AS32">
            <v>0</v>
          </cell>
        </row>
        <row r="33">
          <cell r="A33" t="str">
            <v>SVK2008</v>
          </cell>
          <cell r="B33" t="str">
            <v>SVK</v>
          </cell>
          <cell r="C33">
            <v>2008</v>
          </cell>
          <cell r="D33">
            <v>1.9236111111111109</v>
          </cell>
          <cell r="E33">
            <v>2.2280092592592591</v>
          </cell>
          <cell r="F33">
            <v>2.4398148148148144</v>
          </cell>
          <cell r="G33">
            <v>2.2222222222222219</v>
          </cell>
          <cell r="H33">
            <v>2.1888888888888887</v>
          </cell>
          <cell r="I33">
            <v>1.625</v>
          </cell>
          <cell r="J33">
            <v>2.1666666666666665</v>
          </cell>
          <cell r="K33">
            <v>3.75</v>
          </cell>
          <cell r="L33">
            <v>1.5</v>
          </cell>
          <cell r="M33">
            <v>2.6666666666666661</v>
          </cell>
          <cell r="N33">
            <v>2.5</v>
          </cell>
          <cell r="O33">
            <v>2.4</v>
          </cell>
          <cell r="P33">
            <v>1.25</v>
          </cell>
          <cell r="Q33">
            <v>2</v>
          </cell>
          <cell r="R33">
            <v>3.083333333333333</v>
          </cell>
          <cell r="S33">
            <v>2</v>
          </cell>
          <cell r="T33">
            <v>1</v>
          </cell>
          <cell r="U33">
            <v>6</v>
          </cell>
          <cell r="V33">
            <v>4</v>
          </cell>
          <cell r="W33">
            <v>2</v>
          </cell>
          <cell r="X33">
            <v>2</v>
          </cell>
          <cell r="Y33">
            <v>2</v>
          </cell>
          <cell r="Z33">
            <v>1</v>
          </cell>
          <cell r="AA33">
            <v>0</v>
          </cell>
          <cell r="AB33">
            <v>4</v>
          </cell>
          <cell r="AC33">
            <v>1</v>
          </cell>
          <cell r="AD33">
            <v>5</v>
          </cell>
          <cell r="AE33">
            <v>2</v>
          </cell>
          <cell r="AF33">
            <v>0</v>
          </cell>
          <cell r="AG33">
            <v>4</v>
          </cell>
          <cell r="AH33">
            <v>1</v>
          </cell>
          <cell r="AI33">
            <v>3</v>
          </cell>
          <cell r="AJ33">
            <v>2</v>
          </cell>
          <cell r="AK33">
            <v>4</v>
          </cell>
          <cell r="AL33">
            <v>0</v>
          </cell>
          <cell r="AM33">
            <v>0</v>
          </cell>
          <cell r="AN33">
            <v>6</v>
          </cell>
          <cell r="AO33">
            <v>4.5</v>
          </cell>
          <cell r="AP33">
            <v>3</v>
          </cell>
          <cell r="AQ33">
            <v>6</v>
          </cell>
          <cell r="AR33">
            <v>3</v>
          </cell>
          <cell r="AS33">
            <v>3</v>
          </cell>
        </row>
        <row r="34">
          <cell r="A34" t="str">
            <v>ESP2008</v>
          </cell>
          <cell r="B34" t="str">
            <v>ESP</v>
          </cell>
          <cell r="C34">
            <v>2008</v>
          </cell>
          <cell r="D34">
            <v>2.6785714285714288</v>
          </cell>
          <cell r="E34">
            <v>2.8571428571428572</v>
          </cell>
          <cell r="F34">
            <v>3.0099206349206349</v>
          </cell>
          <cell r="G34">
            <v>2.3571428571428572</v>
          </cell>
          <cell r="H34">
            <v>2.2238095238095239</v>
          </cell>
          <cell r="I34">
            <v>3</v>
          </cell>
          <cell r="J34">
            <v>3.5</v>
          </cell>
          <cell r="K34">
            <v>3.75</v>
          </cell>
          <cell r="L34">
            <v>1.5</v>
          </cell>
          <cell r="M34">
            <v>2.5714285714285712</v>
          </cell>
          <cell r="N34">
            <v>3</v>
          </cell>
          <cell r="O34">
            <v>2.6000000000000005</v>
          </cell>
          <cell r="P34">
            <v>3</v>
          </cell>
          <cell r="Q34">
            <v>3</v>
          </cell>
          <cell r="R34">
            <v>4</v>
          </cell>
          <cell r="S34">
            <v>3</v>
          </cell>
          <cell r="T34">
            <v>0</v>
          </cell>
          <cell r="U34">
            <v>3</v>
          </cell>
          <cell r="V34">
            <v>2</v>
          </cell>
          <cell r="W34">
            <v>1</v>
          </cell>
          <cell r="X34">
            <v>1</v>
          </cell>
          <cell r="Y34">
            <v>4</v>
          </cell>
          <cell r="Z34">
            <v>4</v>
          </cell>
          <cell r="AA34">
            <v>4</v>
          </cell>
          <cell r="AB34">
            <v>4</v>
          </cell>
          <cell r="AC34">
            <v>4</v>
          </cell>
          <cell r="AD34">
            <v>0</v>
          </cell>
          <cell r="AE34">
            <v>1</v>
          </cell>
          <cell r="AF34">
            <v>3</v>
          </cell>
          <cell r="AG34">
            <v>3</v>
          </cell>
          <cell r="AH34">
            <v>3</v>
          </cell>
          <cell r="AI34">
            <v>3</v>
          </cell>
          <cell r="AJ34">
            <v>4</v>
          </cell>
          <cell r="AK34">
            <v>4</v>
          </cell>
          <cell r="AL34">
            <v>2</v>
          </cell>
          <cell r="AM34">
            <v>0</v>
          </cell>
          <cell r="AN34">
            <v>6</v>
          </cell>
          <cell r="AO34">
            <v>6</v>
          </cell>
          <cell r="AP34">
            <v>4.5</v>
          </cell>
          <cell r="AQ34">
            <v>4.5</v>
          </cell>
          <cell r="AR34">
            <v>3</v>
          </cell>
          <cell r="AS34">
            <v>3</v>
          </cell>
        </row>
        <row r="35">
          <cell r="A35" t="str">
            <v>SWE2008</v>
          </cell>
          <cell r="B35" t="str">
            <v>SWE</v>
          </cell>
          <cell r="C35">
            <v>2008</v>
          </cell>
          <cell r="D35">
            <v>1.7098214285714286</v>
          </cell>
          <cell r="E35">
            <v>1.8415178571428574</v>
          </cell>
          <cell r="F35">
            <v>1.7981150793650795</v>
          </cell>
          <cell r="G35">
            <v>2.6071428571428572</v>
          </cell>
          <cell r="H35">
            <v>2.5238095238095237</v>
          </cell>
          <cell r="I35">
            <v>0.8125</v>
          </cell>
          <cell r="J35">
            <v>0.79166666666666663</v>
          </cell>
          <cell r="K35">
            <v>2.5</v>
          </cell>
          <cell r="L35">
            <v>3</v>
          </cell>
          <cell r="M35">
            <v>1.5714285714285714</v>
          </cell>
          <cell r="N35">
            <v>3.25</v>
          </cell>
          <cell r="O35">
            <v>3</v>
          </cell>
          <cell r="P35">
            <v>0.75</v>
          </cell>
          <cell r="Q35">
            <v>0.875</v>
          </cell>
          <cell r="R35">
            <v>0.83333333333333326</v>
          </cell>
          <cell r="S35">
            <v>4</v>
          </cell>
          <cell r="T35">
            <v>2</v>
          </cell>
          <cell r="U35">
            <v>3</v>
          </cell>
          <cell r="V35">
            <v>5</v>
          </cell>
          <cell r="W35">
            <v>3</v>
          </cell>
          <cell r="X35">
            <v>0</v>
          </cell>
          <cell r="Y35">
            <v>0</v>
          </cell>
          <cell r="Z35">
            <v>0</v>
          </cell>
          <cell r="AA35">
            <v>4</v>
          </cell>
          <cell r="AB35">
            <v>3</v>
          </cell>
          <cell r="AC35">
            <v>6</v>
          </cell>
          <cell r="AD35">
            <v>0</v>
          </cell>
          <cell r="AE35">
            <v>2</v>
          </cell>
          <cell r="AF35">
            <v>0</v>
          </cell>
          <cell r="AG35">
            <v>0</v>
          </cell>
          <cell r="AH35">
            <v>3</v>
          </cell>
          <cell r="AI35">
            <v>0.75</v>
          </cell>
          <cell r="AJ35">
            <v>2</v>
          </cell>
          <cell r="AK35">
            <v>4</v>
          </cell>
          <cell r="AL35">
            <v>0</v>
          </cell>
          <cell r="AM35">
            <v>0</v>
          </cell>
          <cell r="AN35">
            <v>0</v>
          </cell>
          <cell r="AO35">
            <v>1.5</v>
          </cell>
          <cell r="AP35">
            <v>6</v>
          </cell>
          <cell r="AQ35">
            <v>3</v>
          </cell>
          <cell r="AR35">
            <v>1</v>
          </cell>
          <cell r="AS35">
            <v>0</v>
          </cell>
        </row>
        <row r="36">
          <cell r="A36" t="str">
            <v>CHE2008</v>
          </cell>
          <cell r="B36" t="str">
            <v>CHE</v>
          </cell>
          <cell r="C36">
            <v>2008</v>
          </cell>
          <cell r="D36">
            <v>1.3601190476190474</v>
          </cell>
          <cell r="E36">
            <v>1.7375992063492061</v>
          </cell>
          <cell r="F36">
            <v>1.8000992063492061</v>
          </cell>
          <cell r="G36">
            <v>1.5952380952380951</v>
          </cell>
          <cell r="H36">
            <v>1.4952380952380953</v>
          </cell>
          <cell r="I36">
            <v>1.125</v>
          </cell>
          <cell r="J36">
            <v>1.375</v>
          </cell>
          <cell r="K36">
            <v>3.625</v>
          </cell>
          <cell r="L36">
            <v>2</v>
          </cell>
          <cell r="M36">
            <v>1.2857142857142856</v>
          </cell>
          <cell r="N36">
            <v>1.5</v>
          </cell>
          <cell r="O36">
            <v>1.2000000000000002</v>
          </cell>
          <cell r="P36">
            <v>1.25</v>
          </cell>
          <cell r="Q36">
            <v>1</v>
          </cell>
          <cell r="R36">
            <v>1.5</v>
          </cell>
          <cell r="S36">
            <v>2</v>
          </cell>
          <cell r="T36">
            <v>2</v>
          </cell>
          <cell r="U36">
            <v>3</v>
          </cell>
          <cell r="V36">
            <v>4</v>
          </cell>
          <cell r="W36">
            <v>2</v>
          </cell>
          <cell r="X36">
            <v>0</v>
          </cell>
          <cell r="Y36">
            <v>0</v>
          </cell>
          <cell r="Z36">
            <v>0</v>
          </cell>
          <cell r="AA36">
            <v>0</v>
          </cell>
          <cell r="AB36">
            <v>5</v>
          </cell>
          <cell r="AC36">
            <v>1</v>
          </cell>
          <cell r="AD36">
            <v>0</v>
          </cell>
          <cell r="AE36">
            <v>0</v>
          </cell>
          <cell r="AF36">
            <v>0</v>
          </cell>
          <cell r="AG36">
            <v>5</v>
          </cell>
          <cell r="AH36">
            <v>0</v>
          </cell>
          <cell r="AI36">
            <v>0</v>
          </cell>
          <cell r="AJ36">
            <v>4</v>
          </cell>
          <cell r="AK36">
            <v>4</v>
          </cell>
          <cell r="AL36">
            <v>0</v>
          </cell>
          <cell r="AM36">
            <v>0</v>
          </cell>
          <cell r="AN36">
            <v>2</v>
          </cell>
          <cell r="AO36">
            <v>3</v>
          </cell>
          <cell r="AP36">
            <v>4.5</v>
          </cell>
          <cell r="AQ36">
            <v>6</v>
          </cell>
          <cell r="AR36">
            <v>1</v>
          </cell>
          <cell r="AS36">
            <v>3</v>
          </cell>
        </row>
        <row r="37">
          <cell r="A37" t="str">
            <v>TUR2008</v>
          </cell>
          <cell r="B37" t="str">
            <v>TUR</v>
          </cell>
          <cell r="C37">
            <v>2008</v>
          </cell>
          <cell r="D37">
            <v>3.5922619047619051</v>
          </cell>
          <cell r="E37">
            <v>3.5143849206349209</v>
          </cell>
          <cell r="F37">
            <v>3.5074404761904758</v>
          </cell>
          <cell r="G37">
            <v>2.3095238095238098</v>
          </cell>
          <cell r="H37">
            <v>2.2095238095238097</v>
          </cell>
          <cell r="I37">
            <v>4.875</v>
          </cell>
          <cell r="J37">
            <v>4.958333333333333</v>
          </cell>
          <cell r="K37">
            <v>3.125</v>
          </cell>
          <cell r="L37">
            <v>2</v>
          </cell>
          <cell r="M37">
            <v>3.4285714285714284</v>
          </cell>
          <cell r="N37">
            <v>1.5</v>
          </cell>
          <cell r="O37">
            <v>1.2000000000000002</v>
          </cell>
          <cell r="P37">
            <v>4.25</v>
          </cell>
          <cell r="Q37">
            <v>5.5</v>
          </cell>
          <cell r="R37">
            <v>5.6666666666666661</v>
          </cell>
          <cell r="S37">
            <v>4</v>
          </cell>
          <cell r="T37">
            <v>0</v>
          </cell>
          <cell r="U37">
            <v>3</v>
          </cell>
          <cell r="V37">
            <v>4</v>
          </cell>
          <cell r="W37">
            <v>1</v>
          </cell>
          <cell r="X37">
            <v>0</v>
          </cell>
          <cell r="Y37">
            <v>6</v>
          </cell>
          <cell r="Z37">
            <v>6</v>
          </cell>
          <cell r="AA37">
            <v>0</v>
          </cell>
          <cell r="AB37">
            <v>4</v>
          </cell>
          <cell r="AC37">
            <v>2</v>
          </cell>
          <cell r="AD37">
            <v>0</v>
          </cell>
          <cell r="AE37">
            <v>0</v>
          </cell>
          <cell r="AF37">
            <v>6</v>
          </cell>
          <cell r="AG37">
            <v>5</v>
          </cell>
          <cell r="AH37">
            <v>0</v>
          </cell>
          <cell r="AI37">
            <v>6</v>
          </cell>
          <cell r="AJ37">
            <v>4</v>
          </cell>
          <cell r="AK37">
            <v>4</v>
          </cell>
          <cell r="AL37">
            <v>6</v>
          </cell>
          <cell r="AM37">
            <v>6</v>
          </cell>
          <cell r="AN37">
            <v>6</v>
          </cell>
          <cell r="AO37">
            <v>6</v>
          </cell>
          <cell r="AP37">
            <v>4.5</v>
          </cell>
          <cell r="AQ37">
            <v>3</v>
          </cell>
          <cell r="AR37">
            <v>2</v>
          </cell>
          <cell r="AS37">
            <v>3</v>
          </cell>
        </row>
        <row r="38">
          <cell r="A38" t="str">
            <v>GBR2008</v>
          </cell>
          <cell r="B38" t="str">
            <v>GBR</v>
          </cell>
          <cell r="C38">
            <v>2008</v>
          </cell>
          <cell r="D38">
            <v>0.78670634920634919</v>
          </cell>
          <cell r="E38">
            <v>1.1347552910052912</v>
          </cell>
          <cell r="F38">
            <v>1.1729497354497354</v>
          </cell>
          <cell r="G38">
            <v>1.1984126984126984</v>
          </cell>
          <cell r="H38">
            <v>1.2484126984126982</v>
          </cell>
          <cell r="I38">
            <v>0.375</v>
          </cell>
          <cell r="J38">
            <v>0.41666666666666663</v>
          </cell>
          <cell r="K38">
            <v>2.875</v>
          </cell>
          <cell r="L38">
            <v>1.25</v>
          </cell>
          <cell r="M38">
            <v>1.0952380952380951</v>
          </cell>
          <cell r="N38">
            <v>1.25</v>
          </cell>
          <cell r="O38">
            <v>1.4</v>
          </cell>
          <cell r="P38">
            <v>0.25</v>
          </cell>
          <cell r="Q38">
            <v>0.5</v>
          </cell>
          <cell r="R38">
            <v>0.58333333333333326</v>
          </cell>
          <cell r="S38">
            <v>2.5</v>
          </cell>
          <cell r="T38">
            <v>0</v>
          </cell>
          <cell r="U38">
            <v>1</v>
          </cell>
          <cell r="V38">
            <v>2</v>
          </cell>
          <cell r="W38">
            <v>2</v>
          </cell>
          <cell r="X38">
            <v>0</v>
          </cell>
          <cell r="Y38">
            <v>1</v>
          </cell>
          <cell r="Z38">
            <v>1</v>
          </cell>
          <cell r="AA38">
            <v>0</v>
          </cell>
          <cell r="AB38">
            <v>2</v>
          </cell>
          <cell r="AC38">
            <v>1</v>
          </cell>
          <cell r="AD38">
            <v>2</v>
          </cell>
          <cell r="AE38">
            <v>2</v>
          </cell>
          <cell r="AF38">
            <v>0</v>
          </cell>
          <cell r="AG38">
            <v>0</v>
          </cell>
          <cell r="AH38">
            <v>1</v>
          </cell>
          <cell r="AI38">
            <v>0</v>
          </cell>
          <cell r="AJ38">
            <v>2</v>
          </cell>
          <cell r="AK38">
            <v>2</v>
          </cell>
          <cell r="AL38">
            <v>0</v>
          </cell>
          <cell r="AM38">
            <v>0</v>
          </cell>
          <cell r="AN38">
            <v>0</v>
          </cell>
          <cell r="AO38">
            <v>1.5</v>
          </cell>
          <cell r="AP38">
            <v>3</v>
          </cell>
          <cell r="AQ38">
            <v>4.5</v>
          </cell>
          <cell r="AR38">
            <v>4</v>
          </cell>
          <cell r="AS38">
            <v>0</v>
          </cell>
        </row>
        <row r="39">
          <cell r="A39" t="str">
            <v>USA2008</v>
          </cell>
          <cell r="B39" t="str">
            <v>USA</v>
          </cell>
          <cell r="C39">
            <v>2008</v>
          </cell>
          <cell r="D39">
            <v>0.2533333333333333</v>
          </cell>
          <cell r="E39">
            <v>0.69027777777777777</v>
          </cell>
          <cell r="F39">
            <v>0.82222222222222219</v>
          </cell>
          <cell r="G39">
            <v>0.25666666666666665</v>
          </cell>
          <cell r="H39">
            <v>0.49000000000000005</v>
          </cell>
          <cell r="I39">
            <v>0.25</v>
          </cell>
          <cell r="J39">
            <v>0.33333333333333331</v>
          </cell>
          <cell r="K39">
            <v>2.875</v>
          </cell>
          <cell r="L39">
            <v>0.27</v>
          </cell>
          <cell r="M39">
            <v>0</v>
          </cell>
          <cell r="N39">
            <v>0.5</v>
          </cell>
          <cell r="O39">
            <v>1.2000000000000002</v>
          </cell>
          <cell r="P39">
            <v>0</v>
          </cell>
          <cell r="Q39">
            <v>0.5</v>
          </cell>
          <cell r="R39">
            <v>0.66666666666666663</v>
          </cell>
          <cell r="S39">
            <v>0.54</v>
          </cell>
          <cell r="T39">
            <v>0</v>
          </cell>
          <cell r="U39">
            <v>0</v>
          </cell>
          <cell r="V39">
            <v>0</v>
          </cell>
          <cell r="W39">
            <v>0</v>
          </cell>
          <cell r="X39">
            <v>0</v>
          </cell>
          <cell r="Y39">
            <v>0</v>
          </cell>
          <cell r="Z39">
            <v>0</v>
          </cell>
          <cell r="AA39">
            <v>0</v>
          </cell>
          <cell r="AB39" t="str">
            <v>..</v>
          </cell>
          <cell r="AC39" t="str">
            <v>..</v>
          </cell>
          <cell r="AD39">
            <v>1</v>
          </cell>
          <cell r="AE39">
            <v>4</v>
          </cell>
          <cell r="AF39">
            <v>0</v>
          </cell>
          <cell r="AG39">
            <v>0</v>
          </cell>
          <cell r="AH39">
            <v>0</v>
          </cell>
          <cell r="AI39">
            <v>0</v>
          </cell>
          <cell r="AJ39">
            <v>2</v>
          </cell>
          <cell r="AK39">
            <v>2</v>
          </cell>
          <cell r="AL39">
            <v>0</v>
          </cell>
          <cell r="AM39">
            <v>0</v>
          </cell>
          <cell r="AN39">
            <v>2</v>
          </cell>
          <cell r="AO39">
            <v>0</v>
          </cell>
          <cell r="AP39">
            <v>1.5</v>
          </cell>
          <cell r="AQ39">
            <v>6</v>
          </cell>
          <cell r="AR39">
            <v>4</v>
          </cell>
          <cell r="AS39">
            <v>0</v>
          </cell>
        </row>
        <row r="40">
          <cell r="A40" t="str">
            <v>BRA2008</v>
          </cell>
          <cell r="B40" t="str">
            <v>BRA</v>
          </cell>
          <cell r="C40">
            <v>2008</v>
          </cell>
          <cell r="D40">
            <v>2.7787698412698414</v>
          </cell>
          <cell r="E40">
            <v>2.3156415343915344</v>
          </cell>
          <cell r="F40">
            <v>2.4302248677248675</v>
          </cell>
          <cell r="G40">
            <v>1.4325396825396826</v>
          </cell>
          <cell r="H40">
            <v>1.7492063492063492</v>
          </cell>
          <cell r="I40">
            <v>4.125</v>
          </cell>
          <cell r="J40">
            <v>4.083333333333333</v>
          </cell>
          <cell r="K40">
            <v>0</v>
          </cell>
          <cell r="L40">
            <v>1</v>
          </cell>
          <cell r="M40">
            <v>2.0476190476190474</v>
          </cell>
          <cell r="N40">
            <v>1.25</v>
          </cell>
          <cell r="O40">
            <v>2.2000000000000002</v>
          </cell>
          <cell r="P40">
            <v>4.75</v>
          </cell>
          <cell r="Q40">
            <v>3.5</v>
          </cell>
          <cell r="R40">
            <v>3.4166666666666665</v>
          </cell>
          <cell r="S40">
            <v>2</v>
          </cell>
          <cell r="T40">
            <v>0</v>
          </cell>
          <cell r="U40">
            <v>2</v>
          </cell>
          <cell r="V40">
            <v>2</v>
          </cell>
          <cell r="W40">
            <v>1</v>
          </cell>
          <cell r="X40">
            <v>1</v>
          </cell>
          <cell r="Y40">
            <v>3</v>
          </cell>
          <cell r="Z40">
            <v>3</v>
          </cell>
          <cell r="AA40">
            <v>0</v>
          </cell>
          <cell r="AB40">
            <v>4</v>
          </cell>
          <cell r="AC40">
            <v>0</v>
          </cell>
          <cell r="AD40">
            <v>1</v>
          </cell>
          <cell r="AE40">
            <v>6</v>
          </cell>
          <cell r="AF40">
            <v>6</v>
          </cell>
          <cell r="AG40">
            <v>4</v>
          </cell>
          <cell r="AH40">
            <v>3</v>
          </cell>
          <cell r="AI40">
            <v>3</v>
          </cell>
          <cell r="AJ40">
            <v>2</v>
          </cell>
          <cell r="AK40">
            <v>2</v>
          </cell>
          <cell r="AL40">
            <v>6</v>
          </cell>
          <cell r="AM40">
            <v>6</v>
          </cell>
          <cell r="AN40">
            <v>2</v>
          </cell>
          <cell r="AO40">
            <v>4.5</v>
          </cell>
          <cell r="AP40">
            <v>0</v>
          </cell>
          <cell r="AQ40">
            <v>0</v>
          </cell>
          <cell r="AR40">
            <v>0</v>
          </cell>
          <cell r="AS40">
            <v>0</v>
          </cell>
        </row>
        <row r="41">
          <cell r="A41" t="str">
            <v>CHL2008</v>
          </cell>
          <cell r="B41" t="str">
            <v>CHL</v>
          </cell>
          <cell r="C41">
            <v>2008</v>
          </cell>
          <cell r="D41">
            <v>2.8134920634920633</v>
          </cell>
          <cell r="E41">
            <v>2.3445767195767195</v>
          </cell>
          <cell r="F41">
            <v>2.0598544973544972</v>
          </cell>
          <cell r="G41">
            <v>2.626984126984127</v>
          </cell>
          <cell r="H41">
            <v>2.5269841269841269</v>
          </cell>
          <cell r="I41">
            <v>3</v>
          </cell>
          <cell r="J41">
            <v>2.4166666666666665</v>
          </cell>
          <cell r="K41">
            <v>0</v>
          </cell>
          <cell r="L41">
            <v>2</v>
          </cell>
          <cell r="M41">
            <v>2.3809523809523805</v>
          </cell>
          <cell r="N41">
            <v>3.5</v>
          </cell>
          <cell r="O41">
            <v>3.2</v>
          </cell>
          <cell r="P41">
            <v>2</v>
          </cell>
          <cell r="Q41">
            <v>4</v>
          </cell>
          <cell r="R41">
            <v>2.833333333333333</v>
          </cell>
          <cell r="S41">
            <v>4</v>
          </cell>
          <cell r="T41">
            <v>0</v>
          </cell>
          <cell r="U41">
            <v>3</v>
          </cell>
          <cell r="V41">
            <v>2</v>
          </cell>
          <cell r="W41">
            <v>1</v>
          </cell>
          <cell r="X41">
            <v>0</v>
          </cell>
          <cell r="Y41">
            <v>5</v>
          </cell>
          <cell r="Z41">
            <v>3</v>
          </cell>
          <cell r="AA41">
            <v>6</v>
          </cell>
          <cell r="AB41">
            <v>6</v>
          </cell>
          <cell r="AC41">
            <v>1</v>
          </cell>
          <cell r="AD41">
            <v>1</v>
          </cell>
          <cell r="AE41">
            <v>2</v>
          </cell>
          <cell r="AF41">
            <v>0</v>
          </cell>
          <cell r="AG41">
            <v>4</v>
          </cell>
          <cell r="AH41">
            <v>4</v>
          </cell>
          <cell r="AI41">
            <v>3</v>
          </cell>
          <cell r="AJ41">
            <v>4</v>
          </cell>
          <cell r="AK41">
            <v>2</v>
          </cell>
          <cell r="AL41">
            <v>6</v>
          </cell>
          <cell r="AM41">
            <v>6</v>
          </cell>
          <cell r="AN41">
            <v>1</v>
          </cell>
          <cell r="AO41">
            <v>0</v>
          </cell>
          <cell r="AP41">
            <v>0</v>
          </cell>
          <cell r="AQ41">
            <v>0</v>
          </cell>
          <cell r="AR41">
            <v>0</v>
          </cell>
          <cell r="AS41">
            <v>0</v>
          </cell>
        </row>
        <row r="42">
          <cell r="A42" t="str">
            <v>CHN2008</v>
          </cell>
          <cell r="B42" t="str">
            <v>CHN</v>
          </cell>
          <cell r="C42">
            <v>2008</v>
          </cell>
          <cell r="D42">
            <v>2.503968253968254</v>
          </cell>
          <cell r="E42">
            <v>2.5866402116402116</v>
          </cell>
          <cell r="F42">
            <v>2.5762235449735451</v>
          </cell>
          <cell r="G42">
            <v>3.2579365079365079</v>
          </cell>
          <cell r="H42">
            <v>3.107936507936508</v>
          </cell>
          <cell r="I42">
            <v>1.75</v>
          </cell>
          <cell r="J42">
            <v>1.875</v>
          </cell>
          <cell r="K42">
            <v>3</v>
          </cell>
          <cell r="L42">
            <v>2</v>
          </cell>
          <cell r="M42">
            <v>3.5238095238095233</v>
          </cell>
          <cell r="N42">
            <v>4.25</v>
          </cell>
          <cell r="O42">
            <v>3.8000000000000003</v>
          </cell>
          <cell r="P42">
            <v>1.75</v>
          </cell>
          <cell r="Q42">
            <v>1.75</v>
          </cell>
          <cell r="R42">
            <v>1.9999999999999998</v>
          </cell>
          <cell r="S42">
            <v>4</v>
          </cell>
          <cell r="T42">
            <v>0</v>
          </cell>
          <cell r="U42">
            <v>3</v>
          </cell>
          <cell r="V42">
            <v>2</v>
          </cell>
          <cell r="W42">
            <v>1</v>
          </cell>
          <cell r="X42">
            <v>2</v>
          </cell>
          <cell r="Y42">
            <v>6</v>
          </cell>
          <cell r="Z42">
            <v>6</v>
          </cell>
          <cell r="AA42">
            <v>4</v>
          </cell>
          <cell r="AB42">
            <v>3</v>
          </cell>
          <cell r="AC42">
            <v>4</v>
          </cell>
          <cell r="AD42">
            <v>6</v>
          </cell>
          <cell r="AE42">
            <v>2</v>
          </cell>
          <cell r="AF42">
            <v>0</v>
          </cell>
          <cell r="AG42">
            <v>6</v>
          </cell>
          <cell r="AH42">
            <v>1</v>
          </cell>
          <cell r="AI42">
            <v>1.5</v>
          </cell>
          <cell r="AJ42">
            <v>4</v>
          </cell>
          <cell r="AK42">
            <v>4</v>
          </cell>
          <cell r="AL42">
            <v>0</v>
          </cell>
          <cell r="AM42">
            <v>0</v>
          </cell>
          <cell r="AN42">
            <v>2</v>
          </cell>
          <cell r="AO42">
            <v>3</v>
          </cell>
          <cell r="AP42">
            <v>6</v>
          </cell>
          <cell r="AQ42">
            <v>3</v>
          </cell>
          <cell r="AR42">
            <v>0</v>
          </cell>
          <cell r="AS42">
            <v>3</v>
          </cell>
        </row>
        <row r="43">
          <cell r="A43" t="str">
            <v>EST2008</v>
          </cell>
          <cell r="B43" t="str">
            <v>EST</v>
          </cell>
          <cell r="C43">
            <v>2008</v>
          </cell>
          <cell r="D43">
            <v>2.308531746031746</v>
          </cell>
          <cell r="E43">
            <v>2.2154431216931219</v>
          </cell>
          <cell r="F43">
            <v>2.3126653439153437</v>
          </cell>
          <cell r="G43">
            <v>2.7420634920634921</v>
          </cell>
          <cell r="H43">
            <v>2.558730158730159</v>
          </cell>
          <cell r="I43">
            <v>1.875</v>
          </cell>
          <cell r="J43">
            <v>2.2916666666666665</v>
          </cell>
          <cell r="K43">
            <v>1.75</v>
          </cell>
          <cell r="L43">
            <v>2</v>
          </cell>
          <cell r="M43">
            <v>2.4761904761904763</v>
          </cell>
          <cell r="N43">
            <v>3.75</v>
          </cell>
          <cell r="O43">
            <v>3.2</v>
          </cell>
          <cell r="P43">
            <v>3.25</v>
          </cell>
          <cell r="Q43">
            <v>0.5</v>
          </cell>
          <cell r="R43">
            <v>1.3333333333333333</v>
          </cell>
          <cell r="S43">
            <v>4</v>
          </cell>
          <cell r="T43">
            <v>0</v>
          </cell>
          <cell r="U43">
            <v>4</v>
          </cell>
          <cell r="V43">
            <v>3</v>
          </cell>
          <cell r="W43">
            <v>1</v>
          </cell>
          <cell r="X43">
            <v>3</v>
          </cell>
          <cell r="Y43">
            <v>3</v>
          </cell>
          <cell r="Z43">
            <v>1</v>
          </cell>
          <cell r="AA43">
            <v>4</v>
          </cell>
          <cell r="AB43">
            <v>4</v>
          </cell>
          <cell r="AC43">
            <v>1</v>
          </cell>
          <cell r="AD43">
            <v>6</v>
          </cell>
          <cell r="AE43">
            <v>1</v>
          </cell>
          <cell r="AF43">
            <v>4</v>
          </cell>
          <cell r="AG43">
            <v>4</v>
          </cell>
          <cell r="AH43">
            <v>1</v>
          </cell>
          <cell r="AI43">
            <v>0</v>
          </cell>
          <cell r="AJ43">
            <v>2</v>
          </cell>
          <cell r="AK43">
            <v>2</v>
          </cell>
          <cell r="AL43">
            <v>0</v>
          </cell>
          <cell r="AM43">
            <v>0</v>
          </cell>
          <cell r="AN43">
            <v>0</v>
          </cell>
          <cell r="AO43">
            <v>6</v>
          </cell>
          <cell r="AP43">
            <v>6</v>
          </cell>
          <cell r="AQ43">
            <v>0</v>
          </cell>
          <cell r="AR43">
            <v>1</v>
          </cell>
          <cell r="AS43">
            <v>0</v>
          </cell>
        </row>
        <row r="44">
          <cell r="A44" t="str">
            <v>IND2008</v>
          </cell>
          <cell r="B44" t="str">
            <v>IND</v>
          </cell>
          <cell r="C44">
            <v>2008</v>
          </cell>
          <cell r="D44">
            <v>2.5491071428571432</v>
          </cell>
          <cell r="E44">
            <v>2.1971726190476191</v>
          </cell>
          <cell r="F44">
            <v>2.5843253968253967</v>
          </cell>
          <cell r="G44">
            <v>3.285714285714286</v>
          </cell>
          <cell r="H44">
            <v>3.4857142857142858</v>
          </cell>
          <cell r="I44">
            <v>1.8125</v>
          </cell>
          <cell r="J44">
            <v>2.5416666666666665</v>
          </cell>
          <cell r="K44">
            <v>0.4375</v>
          </cell>
          <cell r="L44">
            <v>5</v>
          </cell>
          <cell r="M44">
            <v>1.857142857142857</v>
          </cell>
          <cell r="N44">
            <v>3</v>
          </cell>
          <cell r="O44">
            <v>3.6000000000000005</v>
          </cell>
          <cell r="P44">
            <v>2</v>
          </cell>
          <cell r="Q44">
            <v>1.625</v>
          </cell>
          <cell r="R44">
            <v>3.083333333333333</v>
          </cell>
          <cell r="S44">
            <v>5</v>
          </cell>
          <cell r="T44">
            <v>5</v>
          </cell>
          <cell r="U44">
            <v>0</v>
          </cell>
          <cell r="V44">
            <v>4</v>
          </cell>
          <cell r="W44">
            <v>1</v>
          </cell>
          <cell r="X44">
            <v>0</v>
          </cell>
          <cell r="Y44">
            <v>3</v>
          </cell>
          <cell r="Z44">
            <v>3</v>
          </cell>
          <cell r="AA44">
            <v>2</v>
          </cell>
          <cell r="AB44">
            <v>3</v>
          </cell>
          <cell r="AC44">
            <v>1</v>
          </cell>
          <cell r="AD44">
            <v>6</v>
          </cell>
          <cell r="AE44">
            <v>6</v>
          </cell>
          <cell r="AF44">
            <v>4</v>
          </cell>
          <cell r="AG44">
            <v>0</v>
          </cell>
          <cell r="AH44">
            <v>0</v>
          </cell>
          <cell r="AI44">
            <v>2.25</v>
          </cell>
          <cell r="AJ44">
            <v>2</v>
          </cell>
          <cell r="AK44">
            <v>2</v>
          </cell>
          <cell r="AL44">
            <v>0</v>
          </cell>
          <cell r="AM44">
            <v>0</v>
          </cell>
          <cell r="AN44">
            <v>6</v>
          </cell>
          <cell r="AO44">
            <v>6</v>
          </cell>
          <cell r="AP44">
            <v>0.75</v>
          </cell>
          <cell r="AQ44">
            <v>0</v>
          </cell>
          <cell r="AR44">
            <v>1</v>
          </cell>
          <cell r="AS44">
            <v>0</v>
          </cell>
        </row>
        <row r="45">
          <cell r="A45" t="str">
            <v>IDN2008</v>
          </cell>
          <cell r="B45" t="str">
            <v>IDN</v>
          </cell>
          <cell r="C45">
            <v>2008</v>
          </cell>
          <cell r="D45">
            <v>3.4126984126984126</v>
          </cell>
          <cell r="E45">
            <v>2.8439153439153437</v>
          </cell>
          <cell r="F45">
            <v>2.9515542328042326</v>
          </cell>
          <cell r="G45">
            <v>4.0753968253968251</v>
          </cell>
          <cell r="H45">
            <v>4.1253968253968258</v>
          </cell>
          <cell r="I45">
            <v>2.75</v>
          </cell>
          <cell r="J45">
            <v>2.958333333333333</v>
          </cell>
          <cell r="K45">
            <v>0</v>
          </cell>
          <cell r="L45">
            <v>5.5</v>
          </cell>
          <cell r="M45">
            <v>2.4761904761904763</v>
          </cell>
          <cell r="N45">
            <v>4.25</v>
          </cell>
          <cell r="O45">
            <v>4.4000000000000004</v>
          </cell>
          <cell r="P45">
            <v>4.25</v>
          </cell>
          <cell r="Q45">
            <v>1.25</v>
          </cell>
          <cell r="R45">
            <v>1.6666666666666665</v>
          </cell>
          <cell r="S45">
            <v>5</v>
          </cell>
          <cell r="T45">
            <v>6</v>
          </cell>
          <cell r="U45">
            <v>0</v>
          </cell>
          <cell r="V45">
            <v>0</v>
          </cell>
          <cell r="W45">
            <v>0</v>
          </cell>
          <cell r="X45">
            <v>2</v>
          </cell>
          <cell r="Y45">
            <v>6</v>
          </cell>
          <cell r="Z45">
            <v>5</v>
          </cell>
          <cell r="AA45">
            <v>6</v>
          </cell>
          <cell r="AB45">
            <v>4</v>
          </cell>
          <cell r="AC45">
            <v>1</v>
          </cell>
          <cell r="AD45">
            <v>6</v>
          </cell>
          <cell r="AE45">
            <v>5</v>
          </cell>
          <cell r="AF45">
            <v>6</v>
          </cell>
          <cell r="AG45">
            <v>4</v>
          </cell>
          <cell r="AH45">
            <v>1</v>
          </cell>
          <cell r="AI45">
            <v>1.5</v>
          </cell>
          <cell r="AJ45">
            <v>2</v>
          </cell>
          <cell r="AK45">
            <v>2</v>
          </cell>
          <cell r="AL45">
            <v>0</v>
          </cell>
          <cell r="AM45">
            <v>0</v>
          </cell>
          <cell r="AN45">
            <v>2</v>
          </cell>
          <cell r="AO45">
            <v>3</v>
          </cell>
          <cell r="AP45">
            <v>0</v>
          </cell>
          <cell r="AQ45">
            <v>0</v>
          </cell>
          <cell r="AR45">
            <v>0</v>
          </cell>
          <cell r="AS45">
            <v>0</v>
          </cell>
        </row>
        <row r="46">
          <cell r="A46" t="str">
            <v>ISR2008</v>
          </cell>
          <cell r="B46" t="str">
            <v>ISR</v>
          </cell>
          <cell r="C46">
            <v>2008</v>
          </cell>
          <cell r="D46">
            <v>1.4553571428571428</v>
          </cell>
          <cell r="E46">
            <v>1.5252976190476188</v>
          </cell>
          <cell r="F46">
            <v>1.9523809523809526</v>
          </cell>
          <cell r="G46">
            <v>2.0357142857142856</v>
          </cell>
          <cell r="H46">
            <v>2.3523809523809525</v>
          </cell>
          <cell r="I46">
            <v>0.875</v>
          </cell>
          <cell r="J46">
            <v>1.5833333333333333</v>
          </cell>
          <cell r="K46">
            <v>1.875</v>
          </cell>
          <cell r="L46">
            <v>2</v>
          </cell>
          <cell r="M46">
            <v>2.8571428571428568</v>
          </cell>
          <cell r="N46">
            <v>1.25</v>
          </cell>
          <cell r="O46">
            <v>2.2000000000000002</v>
          </cell>
          <cell r="P46">
            <v>0</v>
          </cell>
          <cell r="Q46">
            <v>1.75</v>
          </cell>
          <cell r="R46">
            <v>3.1666666666666665</v>
          </cell>
          <cell r="S46">
            <v>4</v>
          </cell>
          <cell r="T46">
            <v>0</v>
          </cell>
          <cell r="U46">
            <v>1</v>
          </cell>
          <cell r="V46">
            <v>2</v>
          </cell>
          <cell r="W46">
            <v>1</v>
          </cell>
          <cell r="X46">
            <v>0</v>
          </cell>
          <cell r="Y46">
            <v>6</v>
          </cell>
          <cell r="Z46">
            <v>6</v>
          </cell>
          <cell r="AA46">
            <v>0</v>
          </cell>
          <cell r="AB46">
            <v>2</v>
          </cell>
          <cell r="AC46">
            <v>1</v>
          </cell>
          <cell r="AD46">
            <v>2</v>
          </cell>
          <cell r="AE46">
            <v>6</v>
          </cell>
          <cell r="AF46">
            <v>0</v>
          </cell>
          <cell r="AG46">
            <v>0</v>
          </cell>
          <cell r="AH46">
            <v>0</v>
          </cell>
          <cell r="AI46">
            <v>0</v>
          </cell>
          <cell r="AJ46">
            <v>2</v>
          </cell>
          <cell r="AK46">
            <v>2</v>
          </cell>
          <cell r="AL46">
            <v>5</v>
          </cell>
          <cell r="AM46">
            <v>0</v>
          </cell>
          <cell r="AN46">
            <v>6</v>
          </cell>
          <cell r="AO46">
            <v>6</v>
          </cell>
          <cell r="AP46">
            <v>4.5</v>
          </cell>
          <cell r="AQ46">
            <v>3</v>
          </cell>
          <cell r="AR46">
            <v>0</v>
          </cell>
          <cell r="AS46">
            <v>0</v>
          </cell>
        </row>
        <row r="47">
          <cell r="A47" t="str">
            <v>RUS2008</v>
          </cell>
          <cell r="B47" t="str">
            <v>RUS</v>
          </cell>
          <cell r="C47">
            <v>2008</v>
          </cell>
          <cell r="D47">
            <v>2.0942460317460316</v>
          </cell>
          <cell r="E47">
            <v>1.9952050264550263</v>
          </cell>
          <cell r="F47">
            <v>1.9639550264550265</v>
          </cell>
          <cell r="G47">
            <v>3.0634920634920633</v>
          </cell>
          <cell r="H47">
            <v>2.8634920634920635</v>
          </cell>
          <cell r="I47">
            <v>1.125</v>
          </cell>
          <cell r="J47">
            <v>1.25</v>
          </cell>
          <cell r="K47">
            <v>1.5</v>
          </cell>
          <cell r="L47">
            <v>3</v>
          </cell>
          <cell r="M47">
            <v>2.1904761904761902</v>
          </cell>
          <cell r="N47">
            <v>4</v>
          </cell>
          <cell r="O47">
            <v>3.4000000000000004</v>
          </cell>
          <cell r="P47">
            <v>1.5</v>
          </cell>
          <cell r="Q47">
            <v>0.75</v>
          </cell>
          <cell r="R47">
            <v>1</v>
          </cell>
          <cell r="S47">
            <v>4</v>
          </cell>
          <cell r="T47">
            <v>2</v>
          </cell>
          <cell r="U47">
            <v>3</v>
          </cell>
          <cell r="V47">
            <v>2</v>
          </cell>
          <cell r="W47">
            <v>1</v>
          </cell>
          <cell r="X47">
            <v>3</v>
          </cell>
          <cell r="Y47">
            <v>3</v>
          </cell>
          <cell r="Z47">
            <v>1</v>
          </cell>
          <cell r="AA47">
            <v>5</v>
          </cell>
          <cell r="AB47">
            <v>4</v>
          </cell>
          <cell r="AC47">
            <v>1</v>
          </cell>
          <cell r="AD47">
            <v>6</v>
          </cell>
          <cell r="AE47">
            <v>1</v>
          </cell>
          <cell r="AF47">
            <v>2</v>
          </cell>
          <cell r="AG47">
            <v>1</v>
          </cell>
          <cell r="AH47">
            <v>1</v>
          </cell>
          <cell r="AI47">
            <v>0</v>
          </cell>
          <cell r="AJ47">
            <v>3</v>
          </cell>
          <cell r="AK47">
            <v>4</v>
          </cell>
          <cell r="AL47">
            <v>0</v>
          </cell>
          <cell r="AM47">
            <v>0</v>
          </cell>
          <cell r="AN47">
            <v>0</v>
          </cell>
          <cell r="AO47">
            <v>3</v>
          </cell>
          <cell r="AP47">
            <v>3</v>
          </cell>
          <cell r="AQ47">
            <v>0</v>
          </cell>
          <cell r="AR47">
            <v>3</v>
          </cell>
          <cell r="AS47">
            <v>0</v>
          </cell>
        </row>
        <row r="48">
          <cell r="A48" t="str">
            <v>SVN2008</v>
          </cell>
          <cell r="B48" t="str">
            <v>SVN</v>
          </cell>
          <cell r="C48">
            <v>2008</v>
          </cell>
          <cell r="D48">
            <v>2.2316468253968251</v>
          </cell>
          <cell r="E48">
            <v>2.4222056878306879</v>
          </cell>
          <cell r="F48">
            <v>2.6183862433862433</v>
          </cell>
          <cell r="G48">
            <v>2.6507936507936507</v>
          </cell>
          <cell r="H48">
            <v>2.4341269841269839</v>
          </cell>
          <cell r="I48">
            <v>1.8125</v>
          </cell>
          <cell r="J48">
            <v>2.5</v>
          </cell>
          <cell r="K48">
            <v>3.375</v>
          </cell>
          <cell r="L48">
            <v>2.75</v>
          </cell>
          <cell r="M48">
            <v>1.9523809523809523</v>
          </cell>
          <cell r="N48">
            <v>3.25</v>
          </cell>
          <cell r="O48">
            <v>2.6</v>
          </cell>
          <cell r="P48">
            <v>1.75</v>
          </cell>
          <cell r="Q48">
            <v>1.875</v>
          </cell>
          <cell r="R48">
            <v>3.25</v>
          </cell>
          <cell r="S48">
            <v>4.5</v>
          </cell>
          <cell r="T48">
            <v>1</v>
          </cell>
          <cell r="U48">
            <v>3</v>
          </cell>
          <cell r="V48">
            <v>3</v>
          </cell>
          <cell r="W48">
            <v>1</v>
          </cell>
          <cell r="X48">
            <v>0</v>
          </cell>
          <cell r="Y48">
            <v>2</v>
          </cell>
          <cell r="Z48">
            <v>3</v>
          </cell>
          <cell r="AA48">
            <v>4</v>
          </cell>
          <cell r="AB48">
            <v>3</v>
          </cell>
          <cell r="AC48">
            <v>2</v>
          </cell>
          <cell r="AD48">
            <v>4</v>
          </cell>
          <cell r="AE48">
            <v>0</v>
          </cell>
          <cell r="AF48">
            <v>2</v>
          </cell>
          <cell r="AG48">
            <v>0</v>
          </cell>
          <cell r="AH48">
            <v>3</v>
          </cell>
          <cell r="AI48">
            <v>0.75</v>
          </cell>
          <cell r="AJ48">
            <v>2</v>
          </cell>
          <cell r="AK48">
            <v>2</v>
          </cell>
          <cell r="AL48">
            <v>4</v>
          </cell>
          <cell r="AM48">
            <v>0</v>
          </cell>
          <cell r="AN48">
            <v>6</v>
          </cell>
          <cell r="AO48">
            <v>6</v>
          </cell>
          <cell r="AP48">
            <v>4.5</v>
          </cell>
          <cell r="AQ48">
            <v>3</v>
          </cell>
          <cell r="AR48">
            <v>3</v>
          </cell>
          <cell r="AS48">
            <v>3</v>
          </cell>
        </row>
        <row r="49">
          <cell r="A49" t="str">
            <v>ZAF2008</v>
          </cell>
          <cell r="B49" t="str">
            <v>ZAF</v>
          </cell>
          <cell r="C49">
            <v>2008</v>
          </cell>
          <cell r="D49">
            <v>1.3293650793650793</v>
          </cell>
          <cell r="E49">
            <v>1.4203042328042328</v>
          </cell>
          <cell r="F49">
            <v>1.4133597883597884</v>
          </cell>
          <cell r="G49">
            <v>2.1587301587301586</v>
          </cell>
          <cell r="H49">
            <v>2.058730158730159</v>
          </cell>
          <cell r="I49">
            <v>0.5</v>
          </cell>
          <cell r="J49">
            <v>0.58333333333333326</v>
          </cell>
          <cell r="K49">
            <v>1.875</v>
          </cell>
          <cell r="L49">
            <v>2.5</v>
          </cell>
          <cell r="M49">
            <v>1.4761904761904761</v>
          </cell>
          <cell r="N49">
            <v>2.5</v>
          </cell>
          <cell r="O49">
            <v>2.2000000000000002</v>
          </cell>
          <cell r="P49">
            <v>0.5</v>
          </cell>
          <cell r="Q49">
            <v>0.5</v>
          </cell>
          <cell r="R49">
            <v>0.66666666666666663</v>
          </cell>
          <cell r="S49">
            <v>3</v>
          </cell>
          <cell r="T49">
            <v>2</v>
          </cell>
          <cell r="U49">
            <v>2</v>
          </cell>
          <cell r="V49">
            <v>2</v>
          </cell>
          <cell r="W49">
            <v>1</v>
          </cell>
          <cell r="X49">
            <v>0</v>
          </cell>
          <cell r="Y49">
            <v>2</v>
          </cell>
          <cell r="Z49">
            <v>2</v>
          </cell>
          <cell r="AA49">
            <v>1</v>
          </cell>
          <cell r="AB49">
            <v>3</v>
          </cell>
          <cell r="AC49">
            <v>2</v>
          </cell>
          <cell r="AD49">
            <v>4</v>
          </cell>
          <cell r="AE49">
            <v>1</v>
          </cell>
          <cell r="AF49">
            <v>0</v>
          </cell>
          <cell r="AG49">
            <v>2</v>
          </cell>
          <cell r="AH49">
            <v>0</v>
          </cell>
          <cell r="AI49">
            <v>0</v>
          </cell>
          <cell r="AJ49">
            <v>2</v>
          </cell>
          <cell r="AK49">
            <v>2</v>
          </cell>
          <cell r="AL49">
            <v>0</v>
          </cell>
          <cell r="AM49">
            <v>0</v>
          </cell>
          <cell r="AN49">
            <v>2</v>
          </cell>
          <cell r="AO49">
            <v>0</v>
          </cell>
          <cell r="AP49">
            <v>4.5</v>
          </cell>
          <cell r="AQ49">
            <v>0</v>
          </cell>
          <cell r="AR49">
            <v>3</v>
          </cell>
          <cell r="AS49">
            <v>0</v>
          </cell>
        </row>
        <row r="50">
          <cell r="A50" t="str">
            <v>SAU2008</v>
          </cell>
          <cell r="B50" t="str">
            <v>SAU</v>
          </cell>
          <cell r="C50">
            <v>2008</v>
          </cell>
          <cell r="D50">
            <v>2.3740079365079363</v>
          </cell>
          <cell r="E50">
            <v>1.978339947089947</v>
          </cell>
          <cell r="F50">
            <v>2.1102843915343916</v>
          </cell>
          <cell r="G50">
            <v>1.3730158730158728</v>
          </cell>
          <cell r="H50">
            <v>1.6063492063492062</v>
          </cell>
          <cell r="I50">
            <v>3.375</v>
          </cell>
          <cell r="J50">
            <v>3.458333333333333</v>
          </cell>
          <cell r="K50">
            <v>0</v>
          </cell>
          <cell r="L50">
            <v>1</v>
          </cell>
          <cell r="M50">
            <v>1.6190476190476188</v>
          </cell>
          <cell r="N50">
            <v>1.5</v>
          </cell>
          <cell r="O50">
            <v>2.2000000000000002</v>
          </cell>
          <cell r="P50">
            <v>1.25</v>
          </cell>
          <cell r="Q50">
            <v>5.5</v>
          </cell>
          <cell r="R50">
            <v>5.6666666666666661</v>
          </cell>
          <cell r="S50">
            <v>2</v>
          </cell>
          <cell r="T50">
            <v>0</v>
          </cell>
          <cell r="U50">
            <v>3</v>
          </cell>
          <cell r="V50">
            <v>2</v>
          </cell>
          <cell r="W50">
            <v>1</v>
          </cell>
          <cell r="X50">
            <v>1</v>
          </cell>
          <cell r="Y50">
            <v>3</v>
          </cell>
          <cell r="Z50">
            <v>0</v>
          </cell>
          <cell r="AA50">
            <v>0</v>
          </cell>
          <cell r="AB50">
            <v>4</v>
          </cell>
          <cell r="AC50">
            <v>0</v>
          </cell>
          <cell r="AD50">
            <v>2</v>
          </cell>
          <cell r="AE50">
            <v>5</v>
          </cell>
          <cell r="AF50">
            <v>0</v>
          </cell>
          <cell r="AG50">
            <v>4</v>
          </cell>
          <cell r="AH50">
            <v>1</v>
          </cell>
          <cell r="AI50">
            <v>6</v>
          </cell>
          <cell r="AJ50">
            <v>4</v>
          </cell>
          <cell r="AK50">
            <v>4</v>
          </cell>
          <cell r="AL50">
            <v>6</v>
          </cell>
          <cell r="AM50">
            <v>6</v>
          </cell>
          <cell r="AN50">
            <v>6</v>
          </cell>
          <cell r="AO50">
            <v>6</v>
          </cell>
          <cell r="AP50">
            <v>0</v>
          </cell>
          <cell r="AQ50">
            <v>0</v>
          </cell>
          <cell r="AR50">
            <v>0</v>
          </cell>
          <cell r="AS50">
            <v>0</v>
          </cell>
        </row>
        <row r="51">
          <cell r="A51" t="str">
            <v>LVA2008</v>
          </cell>
          <cell r="B51" t="str">
            <v>LVA</v>
          </cell>
          <cell r="C51">
            <v>2008</v>
          </cell>
          <cell r="D51" t="str">
            <v>..</v>
          </cell>
          <cell r="E51" t="str">
            <v>..</v>
          </cell>
          <cell r="F51" t="str">
            <v>..</v>
          </cell>
          <cell r="G51" t="str">
            <v>..</v>
          </cell>
          <cell r="H51" t="str">
            <v>..</v>
          </cell>
          <cell r="I51" t="str">
            <v>..</v>
          </cell>
          <cell r="J51" t="str">
            <v>..</v>
          </cell>
          <cell r="K51" t="str">
            <v>..</v>
          </cell>
          <cell r="L51" t="str">
            <v>..</v>
          </cell>
          <cell r="M51" t="str">
            <v>..</v>
          </cell>
          <cell r="N51" t="str">
            <v>..</v>
          </cell>
          <cell r="O51" t="str">
            <v>..</v>
          </cell>
          <cell r="P51" t="str">
            <v>..</v>
          </cell>
          <cell r="Q51" t="str">
            <v>..</v>
          </cell>
          <cell r="R51" t="str">
            <v>..</v>
          </cell>
          <cell r="S51" t="str">
            <v>..</v>
          </cell>
          <cell r="T51" t="str">
            <v>..</v>
          </cell>
          <cell r="U51" t="str">
            <v>..</v>
          </cell>
          <cell r="V51" t="str">
            <v>..</v>
          </cell>
          <cell r="W51" t="str">
            <v>..</v>
          </cell>
          <cell r="X51" t="str">
            <v>..</v>
          </cell>
          <cell r="Y51" t="str">
            <v>..</v>
          </cell>
          <cell r="Z51" t="str">
            <v>..</v>
          </cell>
          <cell r="AA51" t="str">
            <v>..</v>
          </cell>
          <cell r="AB51" t="str">
            <v>..</v>
          </cell>
          <cell r="AC51" t="str">
            <v>..</v>
          </cell>
          <cell r="AD51" t="str">
            <v>..</v>
          </cell>
          <cell r="AE51" t="str">
            <v>..</v>
          </cell>
          <cell r="AF51" t="str">
            <v>..</v>
          </cell>
          <cell r="AG51" t="str">
            <v>..</v>
          </cell>
          <cell r="AH51" t="str">
            <v>..</v>
          </cell>
          <cell r="AI51" t="str">
            <v>..</v>
          </cell>
          <cell r="AJ51" t="str">
            <v>..</v>
          </cell>
          <cell r="AK51" t="str">
            <v>..</v>
          </cell>
          <cell r="AL51" t="str">
            <v>..</v>
          </cell>
          <cell r="AM51" t="str">
            <v>..</v>
          </cell>
          <cell r="AN51" t="str">
            <v>..</v>
          </cell>
          <cell r="AO51" t="str">
            <v>..</v>
          </cell>
          <cell r="AP51" t="str">
            <v>..</v>
          </cell>
          <cell r="AQ51" t="str">
            <v>..</v>
          </cell>
          <cell r="AR51" t="str">
            <v>..</v>
          </cell>
          <cell r="AS51" t="str">
            <v>..</v>
          </cell>
        </row>
        <row r="52">
          <cell r="A52" t="str">
            <v>ARG2008</v>
          </cell>
          <cell r="B52" t="str">
            <v>ARG</v>
          </cell>
          <cell r="C52">
            <v>2008</v>
          </cell>
          <cell r="D52" t="str">
            <v>..</v>
          </cell>
          <cell r="E52" t="str">
            <v>..</v>
          </cell>
          <cell r="F52" t="str">
            <v>..</v>
          </cell>
          <cell r="G52" t="str">
            <v>..</v>
          </cell>
          <cell r="H52" t="str">
            <v>..</v>
          </cell>
          <cell r="I52" t="str">
            <v>..</v>
          </cell>
          <cell r="J52" t="str">
            <v>..</v>
          </cell>
          <cell r="K52" t="str">
            <v>..</v>
          </cell>
          <cell r="L52" t="str">
            <v>..</v>
          </cell>
          <cell r="M52" t="str">
            <v>..</v>
          </cell>
          <cell r="N52" t="str">
            <v>..</v>
          </cell>
          <cell r="O52" t="str">
            <v>..</v>
          </cell>
          <cell r="P52" t="str">
            <v>..</v>
          </cell>
          <cell r="Q52" t="str">
            <v>..</v>
          </cell>
          <cell r="R52" t="str">
            <v>..</v>
          </cell>
          <cell r="S52" t="str">
            <v>..</v>
          </cell>
          <cell r="T52" t="str">
            <v>..</v>
          </cell>
          <cell r="U52" t="str">
            <v>..</v>
          </cell>
          <cell r="V52" t="str">
            <v>..</v>
          </cell>
          <cell r="W52" t="str">
            <v>..</v>
          </cell>
          <cell r="X52" t="str">
            <v>..</v>
          </cell>
          <cell r="Y52" t="str">
            <v>..</v>
          </cell>
          <cell r="Z52" t="str">
            <v>..</v>
          </cell>
          <cell r="AA52" t="str">
            <v>..</v>
          </cell>
          <cell r="AB52" t="str">
            <v>..</v>
          </cell>
          <cell r="AC52" t="str">
            <v>..</v>
          </cell>
          <cell r="AD52" t="str">
            <v>..</v>
          </cell>
          <cell r="AE52" t="str">
            <v>..</v>
          </cell>
          <cell r="AF52" t="str">
            <v>..</v>
          </cell>
          <cell r="AG52" t="str">
            <v>..</v>
          </cell>
          <cell r="AH52" t="str">
            <v>..</v>
          </cell>
          <cell r="AI52" t="str">
            <v>..</v>
          </cell>
          <cell r="AJ52" t="str">
            <v>..</v>
          </cell>
          <cell r="AK52" t="str">
            <v>..</v>
          </cell>
          <cell r="AL52" t="str">
            <v>..</v>
          </cell>
          <cell r="AM52" t="str">
            <v>..</v>
          </cell>
          <cell r="AN52" t="str">
            <v>..</v>
          </cell>
          <cell r="AO52" t="str">
            <v>..</v>
          </cell>
          <cell r="AP52" t="str">
            <v>..</v>
          </cell>
          <cell r="AQ52" t="str">
            <v>..</v>
          </cell>
          <cell r="AR52" t="str">
            <v>..</v>
          </cell>
          <cell r="AS52" t="str">
            <v>..</v>
          </cell>
        </row>
        <row r="53">
          <cell r="A53" t="str">
            <v>AUS2012</v>
          </cell>
          <cell r="B53" t="str">
            <v>AUS</v>
          </cell>
          <cell r="C53">
            <v>2012</v>
          </cell>
          <cell r="D53">
            <v>1.2708333333333335</v>
          </cell>
          <cell r="E53">
            <v>1.5381944444444446</v>
          </cell>
          <cell r="F53">
            <v>1.5937500000000002</v>
          </cell>
          <cell r="G53">
            <v>1.6666666666666667</v>
          </cell>
          <cell r="H53">
            <v>1.6333333333333335</v>
          </cell>
          <cell r="I53">
            <v>0.875</v>
          </cell>
          <cell r="J53">
            <v>1.0416666666666665</v>
          </cell>
          <cell r="K53">
            <v>2.875</v>
          </cell>
          <cell r="L53">
            <v>1.5</v>
          </cell>
          <cell r="M53">
            <v>1</v>
          </cell>
          <cell r="N53">
            <v>2.5</v>
          </cell>
          <cell r="O53">
            <v>2.4</v>
          </cell>
          <cell r="P53">
            <v>1.25</v>
          </cell>
          <cell r="Q53">
            <v>0.5</v>
          </cell>
          <cell r="R53">
            <v>0.83333333333333326</v>
          </cell>
          <cell r="S53">
            <v>2</v>
          </cell>
          <cell r="T53">
            <v>1</v>
          </cell>
          <cell r="U53">
            <v>1</v>
          </cell>
          <cell r="V53">
            <v>1</v>
          </cell>
          <cell r="W53">
            <v>1</v>
          </cell>
          <cell r="X53">
            <v>0</v>
          </cell>
          <cell r="Y53">
            <v>2</v>
          </cell>
          <cell r="Z53">
            <v>1</v>
          </cell>
          <cell r="AA53">
            <v>4</v>
          </cell>
          <cell r="AB53">
            <v>3</v>
          </cell>
          <cell r="AC53">
            <v>1</v>
          </cell>
          <cell r="AD53">
            <v>2</v>
          </cell>
          <cell r="AE53">
            <v>2</v>
          </cell>
          <cell r="AF53">
            <v>0</v>
          </cell>
          <cell r="AG53">
            <v>5</v>
          </cell>
          <cell r="AH53">
            <v>0</v>
          </cell>
          <cell r="AI53">
            <v>0</v>
          </cell>
          <cell r="AJ53">
            <v>2</v>
          </cell>
          <cell r="AK53">
            <v>2</v>
          </cell>
          <cell r="AL53">
            <v>0</v>
          </cell>
          <cell r="AM53">
            <v>0</v>
          </cell>
          <cell r="AN53">
            <v>0</v>
          </cell>
          <cell r="AO53">
            <v>3</v>
          </cell>
          <cell r="AP53">
            <v>4.5</v>
          </cell>
          <cell r="AQ53">
            <v>6</v>
          </cell>
          <cell r="AR53">
            <v>1</v>
          </cell>
          <cell r="AS53">
            <v>0</v>
          </cell>
        </row>
        <row r="54">
          <cell r="A54" t="str">
            <v>AUT2012</v>
          </cell>
          <cell r="B54" t="str">
            <v>AUT</v>
          </cell>
          <cell r="C54">
            <v>2012</v>
          </cell>
          <cell r="D54">
            <v>1.8407738095238095</v>
          </cell>
          <cell r="E54">
            <v>2.0756448412698409</v>
          </cell>
          <cell r="F54">
            <v>2.3273809523809521</v>
          </cell>
          <cell r="G54">
            <v>2.3690476190476191</v>
          </cell>
          <cell r="H54">
            <v>2.1190476190476191</v>
          </cell>
          <cell r="I54">
            <v>1.3125</v>
          </cell>
          <cell r="J54">
            <v>2.1666666666666665</v>
          </cell>
          <cell r="K54">
            <v>3.25</v>
          </cell>
          <cell r="L54">
            <v>2.5</v>
          </cell>
          <cell r="M54">
            <v>0.85714285714285698</v>
          </cell>
          <cell r="N54">
            <v>3.75</v>
          </cell>
          <cell r="O54">
            <v>3</v>
          </cell>
          <cell r="P54">
            <v>1.75</v>
          </cell>
          <cell r="Q54">
            <v>0.875</v>
          </cell>
          <cell r="R54">
            <v>2.583333333333333</v>
          </cell>
          <cell r="S54">
            <v>4</v>
          </cell>
          <cell r="T54">
            <v>1</v>
          </cell>
          <cell r="U54">
            <v>3</v>
          </cell>
          <cell r="V54">
            <v>2</v>
          </cell>
          <cell r="W54">
            <v>1</v>
          </cell>
          <cell r="X54">
            <v>0</v>
          </cell>
          <cell r="Y54">
            <v>0</v>
          </cell>
          <cell r="Z54">
            <v>0</v>
          </cell>
          <cell r="AA54">
            <v>2</v>
          </cell>
          <cell r="AB54">
            <v>6</v>
          </cell>
          <cell r="AC54">
            <v>1</v>
          </cell>
          <cell r="AD54">
            <v>6</v>
          </cell>
          <cell r="AE54">
            <v>0</v>
          </cell>
          <cell r="AF54">
            <v>1</v>
          </cell>
          <cell r="AG54">
            <v>5</v>
          </cell>
          <cell r="AH54">
            <v>0</v>
          </cell>
          <cell r="AI54">
            <v>0.75</v>
          </cell>
          <cell r="AJ54">
            <v>2</v>
          </cell>
          <cell r="AK54">
            <v>4</v>
          </cell>
          <cell r="AL54">
            <v>0</v>
          </cell>
          <cell r="AM54">
            <v>0</v>
          </cell>
          <cell r="AN54">
            <v>6</v>
          </cell>
          <cell r="AO54">
            <v>6</v>
          </cell>
          <cell r="AP54">
            <v>6</v>
          </cell>
          <cell r="AQ54">
            <v>3</v>
          </cell>
          <cell r="AR54">
            <v>1</v>
          </cell>
          <cell r="AS54">
            <v>3</v>
          </cell>
        </row>
        <row r="55">
          <cell r="A55" t="str">
            <v>BEL2012</v>
          </cell>
          <cell r="B55" t="str">
            <v>BEL</v>
          </cell>
          <cell r="C55">
            <v>2012</v>
          </cell>
          <cell r="D55">
            <v>2.0922619047619047</v>
          </cell>
          <cell r="E55">
            <v>2.597718253968254</v>
          </cell>
          <cell r="F55">
            <v>2.7261904761904763</v>
          </cell>
          <cell r="G55">
            <v>1.8095238095238095</v>
          </cell>
          <cell r="H55">
            <v>2.0761904761904764</v>
          </cell>
          <cell r="I55">
            <v>2.375</v>
          </cell>
          <cell r="J55">
            <v>2.416666666666667</v>
          </cell>
          <cell r="K55">
            <v>5.125</v>
          </cell>
          <cell r="L55">
            <v>2</v>
          </cell>
          <cell r="M55">
            <v>2.4285714285714284</v>
          </cell>
          <cell r="N55">
            <v>1</v>
          </cell>
          <cell r="O55">
            <v>1.8</v>
          </cell>
          <cell r="P55">
            <v>1</v>
          </cell>
          <cell r="Q55">
            <v>3.75</v>
          </cell>
          <cell r="R55">
            <v>3.8333333333333335</v>
          </cell>
          <cell r="S55">
            <v>2</v>
          </cell>
          <cell r="T55">
            <v>2</v>
          </cell>
          <cell r="U55">
            <v>6</v>
          </cell>
          <cell r="V55">
            <v>5</v>
          </cell>
          <cell r="W55">
            <v>6</v>
          </cell>
          <cell r="X55">
            <v>0</v>
          </cell>
          <cell r="Y55">
            <v>0</v>
          </cell>
          <cell r="Z55">
            <v>0</v>
          </cell>
          <cell r="AA55">
            <v>0</v>
          </cell>
          <cell r="AB55">
            <v>4</v>
          </cell>
          <cell r="AC55">
            <v>0</v>
          </cell>
          <cell r="AD55">
            <v>0</v>
          </cell>
          <cell r="AE55">
            <v>5</v>
          </cell>
          <cell r="AF55">
            <v>0</v>
          </cell>
          <cell r="AG55">
            <v>2</v>
          </cell>
          <cell r="AH55">
            <v>2</v>
          </cell>
          <cell r="AI55">
            <v>3</v>
          </cell>
          <cell r="AJ55">
            <v>4</v>
          </cell>
          <cell r="AK55">
            <v>2</v>
          </cell>
          <cell r="AL55">
            <v>5</v>
          </cell>
          <cell r="AM55">
            <v>0</v>
          </cell>
          <cell r="AN55">
            <v>2</v>
          </cell>
          <cell r="AO55">
            <v>6</v>
          </cell>
          <cell r="AP55">
            <v>4.5</v>
          </cell>
          <cell r="AQ55">
            <v>6</v>
          </cell>
          <cell r="AR55">
            <v>4</v>
          </cell>
          <cell r="AS55">
            <v>6</v>
          </cell>
        </row>
        <row r="56">
          <cell r="A56" t="str">
            <v>CAN2012</v>
          </cell>
          <cell r="B56" t="str">
            <v>CAN</v>
          </cell>
          <cell r="C56">
            <v>2012</v>
          </cell>
          <cell r="D56">
            <v>0.58531746031746024</v>
          </cell>
          <cell r="E56">
            <v>0.98255621693121697</v>
          </cell>
          <cell r="F56">
            <v>0.96588955026455026</v>
          </cell>
          <cell r="G56">
            <v>0.92063492063492058</v>
          </cell>
          <cell r="H56">
            <v>0.92063492063492058</v>
          </cell>
          <cell r="I56">
            <v>0.25</v>
          </cell>
          <cell r="J56">
            <v>0.21</v>
          </cell>
          <cell r="K56">
            <v>2.96875</v>
          </cell>
          <cell r="L56">
            <v>1</v>
          </cell>
          <cell r="M56">
            <v>0.76190476190476186</v>
          </cell>
          <cell r="N56">
            <v>1</v>
          </cell>
          <cell r="O56">
            <v>1</v>
          </cell>
          <cell r="P56">
            <v>0</v>
          </cell>
          <cell r="Q56">
            <v>0.5</v>
          </cell>
          <cell r="R56">
            <v>0.42</v>
          </cell>
          <cell r="S56">
            <v>2</v>
          </cell>
          <cell r="T56">
            <v>0</v>
          </cell>
          <cell r="U56">
            <v>1</v>
          </cell>
          <cell r="V56">
            <v>2</v>
          </cell>
          <cell r="W56">
            <v>1</v>
          </cell>
          <cell r="X56">
            <v>0</v>
          </cell>
          <cell r="Y56">
            <v>0</v>
          </cell>
          <cell r="Z56">
            <v>1</v>
          </cell>
          <cell r="AA56">
            <v>0</v>
          </cell>
          <cell r="AB56" t="str">
            <v>..</v>
          </cell>
          <cell r="AC56" t="str">
            <v>..</v>
          </cell>
          <cell r="AD56">
            <v>2</v>
          </cell>
          <cell r="AE56">
            <v>1</v>
          </cell>
          <cell r="AF56">
            <v>0</v>
          </cell>
          <cell r="AG56">
            <v>0</v>
          </cell>
          <cell r="AH56">
            <v>0</v>
          </cell>
          <cell r="AI56">
            <v>0</v>
          </cell>
          <cell r="AJ56">
            <v>2</v>
          </cell>
          <cell r="AK56">
            <v>2</v>
          </cell>
          <cell r="AL56">
            <v>0</v>
          </cell>
          <cell r="AM56">
            <v>0</v>
          </cell>
          <cell r="AN56">
            <v>0.52</v>
          </cell>
          <cell r="AO56">
            <v>0</v>
          </cell>
          <cell r="AP56">
            <v>2.7450000000000001</v>
          </cell>
          <cell r="AQ56">
            <v>4.29</v>
          </cell>
          <cell r="AR56">
            <v>4</v>
          </cell>
          <cell r="AS56">
            <v>0.84000000000000008</v>
          </cell>
        </row>
        <row r="57">
          <cell r="A57" t="str">
            <v>CZE2012</v>
          </cell>
          <cell r="B57" t="str">
            <v>CZE</v>
          </cell>
          <cell r="C57">
            <v>2012</v>
          </cell>
          <cell r="D57">
            <v>2.181051587301587</v>
          </cell>
          <cell r="E57">
            <v>2.1717096560846558</v>
          </cell>
          <cell r="F57">
            <v>2.4373346560846558</v>
          </cell>
          <cell r="G57">
            <v>2.9246031746031744</v>
          </cell>
          <cell r="H57">
            <v>2.8746031746031746</v>
          </cell>
          <cell r="I57">
            <v>1.4375</v>
          </cell>
          <cell r="J57">
            <v>2.125</v>
          </cell>
          <cell r="K57">
            <v>2.125</v>
          </cell>
          <cell r="L57">
            <v>3.5</v>
          </cell>
          <cell r="M57">
            <v>2.5238095238095237</v>
          </cell>
          <cell r="N57">
            <v>2.75</v>
          </cell>
          <cell r="O57">
            <v>2.6</v>
          </cell>
          <cell r="P57">
            <v>1</v>
          </cell>
          <cell r="Q57">
            <v>1.875</v>
          </cell>
          <cell r="R57">
            <v>3.25</v>
          </cell>
          <cell r="S57">
            <v>4</v>
          </cell>
          <cell r="T57">
            <v>3</v>
          </cell>
          <cell r="U57">
            <v>6</v>
          </cell>
          <cell r="V57">
            <v>4</v>
          </cell>
          <cell r="W57">
            <v>1</v>
          </cell>
          <cell r="X57">
            <v>1</v>
          </cell>
          <cell r="Y57">
            <v>3</v>
          </cell>
          <cell r="Z57">
            <v>1</v>
          </cell>
          <cell r="AA57">
            <v>0</v>
          </cell>
          <cell r="AB57">
            <v>4</v>
          </cell>
          <cell r="AC57">
            <v>1</v>
          </cell>
          <cell r="AD57">
            <v>6</v>
          </cell>
          <cell r="AE57">
            <v>2</v>
          </cell>
          <cell r="AF57">
            <v>0</v>
          </cell>
          <cell r="AG57">
            <v>3</v>
          </cell>
          <cell r="AH57">
            <v>1</v>
          </cell>
          <cell r="AI57">
            <v>0.75</v>
          </cell>
          <cell r="AJ57">
            <v>2</v>
          </cell>
          <cell r="AK57">
            <v>2</v>
          </cell>
          <cell r="AL57">
            <v>4</v>
          </cell>
          <cell r="AM57">
            <v>0</v>
          </cell>
          <cell r="AN57">
            <v>6</v>
          </cell>
          <cell r="AO57">
            <v>6</v>
          </cell>
          <cell r="AP57">
            <v>4.5</v>
          </cell>
          <cell r="AQ57">
            <v>3</v>
          </cell>
          <cell r="AR57">
            <v>1</v>
          </cell>
          <cell r="AS57">
            <v>0</v>
          </cell>
        </row>
        <row r="58">
          <cell r="A58" t="str">
            <v>DNK2012</v>
          </cell>
          <cell r="B58" t="str">
            <v>DNK</v>
          </cell>
          <cell r="C58">
            <v>2012</v>
          </cell>
          <cell r="D58">
            <v>1.7867063492063491</v>
          </cell>
          <cell r="E58">
            <v>1.9680886243386242</v>
          </cell>
          <cell r="F58">
            <v>2.1000330687830684</v>
          </cell>
          <cell r="G58">
            <v>2.1984126984126982</v>
          </cell>
          <cell r="H58">
            <v>2.0984126984126985</v>
          </cell>
          <cell r="I58">
            <v>1.375</v>
          </cell>
          <cell r="J58">
            <v>1.7916666666666665</v>
          </cell>
          <cell r="K58">
            <v>2.875</v>
          </cell>
          <cell r="L58">
            <v>3</v>
          </cell>
          <cell r="M58">
            <v>2.0952380952380949</v>
          </cell>
          <cell r="N58">
            <v>1.5</v>
          </cell>
          <cell r="O58">
            <v>1.2000000000000002</v>
          </cell>
          <cell r="P58">
            <v>2.25</v>
          </cell>
          <cell r="Q58">
            <v>0.5</v>
          </cell>
          <cell r="R58">
            <v>1.3333333333333333</v>
          </cell>
          <cell r="S58">
            <v>4</v>
          </cell>
          <cell r="T58">
            <v>2</v>
          </cell>
          <cell r="U58">
            <v>5</v>
          </cell>
          <cell r="V58">
            <v>5</v>
          </cell>
          <cell r="W58">
            <v>2</v>
          </cell>
          <cell r="X58">
            <v>0</v>
          </cell>
          <cell r="Y58">
            <v>1</v>
          </cell>
          <cell r="Z58">
            <v>1</v>
          </cell>
          <cell r="AA58">
            <v>0</v>
          </cell>
          <cell r="AB58">
            <v>3</v>
          </cell>
          <cell r="AC58">
            <v>1</v>
          </cell>
          <cell r="AD58">
            <v>2</v>
          </cell>
          <cell r="AE58">
            <v>0</v>
          </cell>
          <cell r="AF58">
            <v>1</v>
          </cell>
          <cell r="AG58">
            <v>4</v>
          </cell>
          <cell r="AH58">
            <v>3</v>
          </cell>
          <cell r="AI58">
            <v>0</v>
          </cell>
          <cell r="AJ58">
            <v>2</v>
          </cell>
          <cell r="AK58">
            <v>2</v>
          </cell>
          <cell r="AL58">
            <v>0</v>
          </cell>
          <cell r="AM58">
            <v>0</v>
          </cell>
          <cell r="AN58">
            <v>0</v>
          </cell>
          <cell r="AO58">
            <v>6</v>
          </cell>
          <cell r="AP58">
            <v>4.5</v>
          </cell>
          <cell r="AQ58">
            <v>3</v>
          </cell>
          <cell r="AR58">
            <v>1</v>
          </cell>
          <cell r="AS58">
            <v>3</v>
          </cell>
        </row>
        <row r="59">
          <cell r="A59" t="str">
            <v>FIN2012</v>
          </cell>
          <cell r="B59" t="str">
            <v>FIN</v>
          </cell>
          <cell r="C59">
            <v>2012</v>
          </cell>
          <cell r="D59">
            <v>1.8645833333333333</v>
          </cell>
          <cell r="E59">
            <v>1.8246527777777775</v>
          </cell>
          <cell r="F59">
            <v>2.0451388888888888</v>
          </cell>
          <cell r="G59">
            <v>2.1666666666666665</v>
          </cell>
          <cell r="H59">
            <v>2.3833333333333333</v>
          </cell>
          <cell r="I59">
            <v>1.5625</v>
          </cell>
          <cell r="J59">
            <v>1.875</v>
          </cell>
          <cell r="K59">
            <v>1.625</v>
          </cell>
          <cell r="L59">
            <v>2.75</v>
          </cell>
          <cell r="M59">
            <v>1</v>
          </cell>
          <cell r="N59">
            <v>2.75</v>
          </cell>
          <cell r="O59">
            <v>3.4000000000000004</v>
          </cell>
          <cell r="P59">
            <v>2</v>
          </cell>
          <cell r="Q59">
            <v>1.125</v>
          </cell>
          <cell r="R59">
            <v>1.75</v>
          </cell>
          <cell r="S59">
            <v>3.5</v>
          </cell>
          <cell r="T59">
            <v>2</v>
          </cell>
          <cell r="U59">
            <v>2</v>
          </cell>
          <cell r="V59">
            <v>2</v>
          </cell>
          <cell r="W59">
            <v>3</v>
          </cell>
          <cell r="X59">
            <v>0</v>
          </cell>
          <cell r="Y59">
            <v>0</v>
          </cell>
          <cell r="Z59">
            <v>0</v>
          </cell>
          <cell r="AA59">
            <v>4</v>
          </cell>
          <cell r="AB59">
            <v>4</v>
          </cell>
          <cell r="AC59">
            <v>3</v>
          </cell>
          <cell r="AD59">
            <v>0</v>
          </cell>
          <cell r="AE59">
            <v>6</v>
          </cell>
          <cell r="AF59">
            <v>2</v>
          </cell>
          <cell r="AG59">
            <v>4</v>
          </cell>
          <cell r="AH59">
            <v>0</v>
          </cell>
          <cell r="AI59">
            <v>0.75</v>
          </cell>
          <cell r="AJ59">
            <v>2</v>
          </cell>
          <cell r="AK59">
            <v>4</v>
          </cell>
          <cell r="AL59">
            <v>1</v>
          </cell>
          <cell r="AM59">
            <v>0</v>
          </cell>
          <cell r="AN59">
            <v>0</v>
          </cell>
          <cell r="AO59">
            <v>6</v>
          </cell>
          <cell r="AP59">
            <v>4.5</v>
          </cell>
          <cell r="AQ59">
            <v>0</v>
          </cell>
          <cell r="AR59">
            <v>2</v>
          </cell>
          <cell r="AS59">
            <v>0</v>
          </cell>
        </row>
        <row r="60">
          <cell r="A60" t="str">
            <v>FRA2012</v>
          </cell>
          <cell r="B60" t="str">
            <v>FRA</v>
          </cell>
          <cell r="C60">
            <v>2012</v>
          </cell>
          <cell r="D60">
            <v>3.0049603174603172</v>
          </cell>
          <cell r="E60">
            <v>3.0666335978835981</v>
          </cell>
          <cell r="F60">
            <v>3.2089947089947088</v>
          </cell>
          <cell r="G60">
            <v>2.3849206349206349</v>
          </cell>
          <cell r="H60">
            <v>2.6015873015873017</v>
          </cell>
          <cell r="I60">
            <v>3.625</v>
          </cell>
          <cell r="J60">
            <v>3.75</v>
          </cell>
          <cell r="K60">
            <v>3.375</v>
          </cell>
          <cell r="L60">
            <v>2.5</v>
          </cell>
          <cell r="M60">
            <v>1.9047619047619047</v>
          </cell>
          <cell r="N60">
            <v>2.75</v>
          </cell>
          <cell r="O60">
            <v>3.4000000000000004</v>
          </cell>
          <cell r="P60">
            <v>4</v>
          </cell>
          <cell r="Q60">
            <v>3.25</v>
          </cell>
          <cell r="R60">
            <v>3.5</v>
          </cell>
          <cell r="S60">
            <v>3</v>
          </cell>
          <cell r="T60">
            <v>2</v>
          </cell>
          <cell r="U60">
            <v>3</v>
          </cell>
          <cell r="V60">
            <v>4</v>
          </cell>
          <cell r="W60">
            <v>1</v>
          </cell>
          <cell r="X60">
            <v>0</v>
          </cell>
          <cell r="Y60">
            <v>2</v>
          </cell>
          <cell r="Z60">
            <v>2</v>
          </cell>
          <cell r="AA60">
            <v>4</v>
          </cell>
          <cell r="AB60">
            <v>4</v>
          </cell>
          <cell r="AC60">
            <v>3</v>
          </cell>
          <cell r="AD60">
            <v>0</v>
          </cell>
          <cell r="AE60">
            <v>6</v>
          </cell>
          <cell r="AF60">
            <v>4</v>
          </cell>
          <cell r="AG60">
            <v>4</v>
          </cell>
          <cell r="AH60">
            <v>4</v>
          </cell>
          <cell r="AI60">
            <v>3</v>
          </cell>
          <cell r="AJ60">
            <v>4</v>
          </cell>
          <cell r="AK60">
            <v>4</v>
          </cell>
          <cell r="AL60">
            <v>3</v>
          </cell>
          <cell r="AM60">
            <v>3</v>
          </cell>
          <cell r="AN60">
            <v>2</v>
          </cell>
          <cell r="AO60">
            <v>6</v>
          </cell>
          <cell r="AP60">
            <v>4.5</v>
          </cell>
          <cell r="AQ60">
            <v>3</v>
          </cell>
          <cell r="AR60">
            <v>3</v>
          </cell>
          <cell r="AS60">
            <v>3</v>
          </cell>
        </row>
        <row r="61">
          <cell r="A61" t="str">
            <v>DEU2012</v>
          </cell>
          <cell r="B61" t="str">
            <v>DEU</v>
          </cell>
          <cell r="C61">
            <v>2012</v>
          </cell>
          <cell r="D61">
            <v>1.9345238095238095</v>
          </cell>
          <cell r="E61">
            <v>2.2162698412698414</v>
          </cell>
          <cell r="F61">
            <v>2.3794642857142851</v>
          </cell>
          <cell r="G61">
            <v>2.8690476190476191</v>
          </cell>
          <cell r="H61">
            <v>2.7190476190476187</v>
          </cell>
          <cell r="I61">
            <v>1</v>
          </cell>
          <cell r="J61">
            <v>1.5416666666666665</v>
          </cell>
          <cell r="K61">
            <v>3.625</v>
          </cell>
          <cell r="L61">
            <v>3.5</v>
          </cell>
          <cell r="M61">
            <v>1.857142857142857</v>
          </cell>
          <cell r="N61">
            <v>3.25</v>
          </cell>
          <cell r="O61">
            <v>2.8000000000000003</v>
          </cell>
          <cell r="P61">
            <v>0.75</v>
          </cell>
          <cell r="Q61">
            <v>1.25</v>
          </cell>
          <cell r="R61">
            <v>2.333333333333333</v>
          </cell>
          <cell r="S61">
            <v>5</v>
          </cell>
          <cell r="T61">
            <v>2</v>
          </cell>
          <cell r="U61">
            <v>3</v>
          </cell>
          <cell r="V61">
            <v>2</v>
          </cell>
          <cell r="W61">
            <v>4</v>
          </cell>
          <cell r="X61">
            <v>1</v>
          </cell>
          <cell r="Y61">
            <v>1</v>
          </cell>
          <cell r="Z61">
            <v>1</v>
          </cell>
          <cell r="AA61">
            <v>4</v>
          </cell>
          <cell r="AB61">
            <v>3</v>
          </cell>
          <cell r="AC61">
            <v>3</v>
          </cell>
          <cell r="AD61">
            <v>3</v>
          </cell>
          <cell r="AE61">
            <v>1</v>
          </cell>
          <cell r="AF61">
            <v>0</v>
          </cell>
          <cell r="AG61">
            <v>2</v>
          </cell>
          <cell r="AH61">
            <v>1</v>
          </cell>
          <cell r="AI61">
            <v>1.5</v>
          </cell>
          <cell r="AJ61">
            <v>2</v>
          </cell>
          <cell r="AK61">
            <v>4</v>
          </cell>
          <cell r="AL61">
            <v>0</v>
          </cell>
          <cell r="AM61">
            <v>0</v>
          </cell>
          <cell r="AN61">
            <v>6</v>
          </cell>
          <cell r="AO61">
            <v>3</v>
          </cell>
          <cell r="AP61">
            <v>6</v>
          </cell>
          <cell r="AQ61">
            <v>3</v>
          </cell>
          <cell r="AR61">
            <v>1</v>
          </cell>
          <cell r="AS61">
            <v>4.5</v>
          </cell>
        </row>
        <row r="62">
          <cell r="A62" t="str">
            <v>GRC2012</v>
          </cell>
          <cell r="B62" t="str">
            <v>GRC</v>
          </cell>
          <cell r="C62">
            <v>2012</v>
          </cell>
          <cell r="D62">
            <v>2.208333333333333</v>
          </cell>
          <cell r="E62">
            <v>2.3819444444444442</v>
          </cell>
          <cell r="F62">
            <v>2.6412037037037033</v>
          </cell>
          <cell r="G62">
            <v>2.1666666666666665</v>
          </cell>
          <cell r="H62">
            <v>2.1222222222222222</v>
          </cell>
          <cell r="I62">
            <v>2.25</v>
          </cell>
          <cell r="J62">
            <v>2.9166666666666665</v>
          </cell>
          <cell r="K62">
            <v>3.25</v>
          </cell>
          <cell r="L62">
            <v>2.5</v>
          </cell>
          <cell r="M62">
            <v>1.3333333333333333</v>
          </cell>
          <cell r="N62">
            <v>2.6666666666666665</v>
          </cell>
          <cell r="O62">
            <v>2.5333333333333332</v>
          </cell>
          <cell r="P62">
            <v>3</v>
          </cell>
          <cell r="Q62">
            <v>1.5</v>
          </cell>
          <cell r="R62">
            <v>2.833333333333333</v>
          </cell>
          <cell r="S62">
            <v>4</v>
          </cell>
          <cell r="T62">
            <v>1</v>
          </cell>
          <cell r="U62">
            <v>0</v>
          </cell>
          <cell r="V62">
            <v>2</v>
          </cell>
          <cell r="W62">
            <v>2</v>
          </cell>
          <cell r="X62">
            <v>0</v>
          </cell>
          <cell r="Y62">
            <v>2</v>
          </cell>
          <cell r="Z62">
            <v>2</v>
          </cell>
          <cell r="AA62">
            <v>1</v>
          </cell>
          <cell r="AB62">
            <v>3</v>
          </cell>
          <cell r="AC62" t="str">
            <v>..</v>
          </cell>
          <cell r="AD62">
            <v>4</v>
          </cell>
          <cell r="AE62">
            <v>2</v>
          </cell>
          <cell r="AF62">
            <v>4</v>
          </cell>
          <cell r="AG62">
            <v>3</v>
          </cell>
          <cell r="AH62">
            <v>1</v>
          </cell>
          <cell r="AI62">
            <v>1.5</v>
          </cell>
          <cell r="AJ62">
            <v>2</v>
          </cell>
          <cell r="AK62">
            <v>2</v>
          </cell>
          <cell r="AL62">
            <v>1</v>
          </cell>
          <cell r="AM62">
            <v>1</v>
          </cell>
          <cell r="AN62">
            <v>5</v>
          </cell>
          <cell r="AO62">
            <v>6</v>
          </cell>
          <cell r="AP62">
            <v>6</v>
          </cell>
          <cell r="AQ62">
            <v>3</v>
          </cell>
          <cell r="AR62">
            <v>1</v>
          </cell>
          <cell r="AS62">
            <v>3</v>
          </cell>
        </row>
        <row r="63">
          <cell r="A63" t="str">
            <v>HUN2012</v>
          </cell>
          <cell r="B63" t="str">
            <v>HUN</v>
          </cell>
          <cell r="C63">
            <v>2012</v>
          </cell>
          <cell r="D63">
            <v>1.626984126984127</v>
          </cell>
          <cell r="E63">
            <v>1.9183201058201058</v>
          </cell>
          <cell r="F63">
            <v>2.1544312169312168</v>
          </cell>
          <cell r="G63">
            <v>2.003968253968254</v>
          </cell>
          <cell r="H63">
            <v>1.8206349206349206</v>
          </cell>
          <cell r="I63">
            <v>1.25</v>
          </cell>
          <cell r="J63">
            <v>2</v>
          </cell>
          <cell r="K63">
            <v>3.375</v>
          </cell>
          <cell r="L63">
            <v>1.5</v>
          </cell>
          <cell r="M63">
            <v>1.7619047619047619</v>
          </cell>
          <cell r="N63">
            <v>2.75</v>
          </cell>
          <cell r="O63">
            <v>2.2000000000000002</v>
          </cell>
          <cell r="P63">
            <v>1.75</v>
          </cell>
          <cell r="Q63">
            <v>0.75</v>
          </cell>
          <cell r="R63">
            <v>2.25</v>
          </cell>
          <cell r="S63">
            <v>2</v>
          </cell>
          <cell r="T63">
            <v>1</v>
          </cell>
          <cell r="U63">
            <v>3</v>
          </cell>
          <cell r="V63">
            <v>2</v>
          </cell>
          <cell r="W63">
            <v>2</v>
          </cell>
          <cell r="X63">
            <v>0</v>
          </cell>
          <cell r="Y63">
            <v>2</v>
          </cell>
          <cell r="Z63">
            <v>2</v>
          </cell>
          <cell r="AA63">
            <v>0</v>
          </cell>
          <cell r="AB63">
            <v>4</v>
          </cell>
          <cell r="AC63">
            <v>3</v>
          </cell>
          <cell r="AD63">
            <v>4</v>
          </cell>
          <cell r="AE63">
            <v>0</v>
          </cell>
          <cell r="AF63">
            <v>1</v>
          </cell>
          <cell r="AG63">
            <v>4</v>
          </cell>
          <cell r="AH63">
            <v>1</v>
          </cell>
          <cell r="AI63">
            <v>0</v>
          </cell>
          <cell r="AJ63">
            <v>2</v>
          </cell>
          <cell r="AK63">
            <v>2</v>
          </cell>
          <cell r="AL63">
            <v>1</v>
          </cell>
          <cell r="AM63">
            <v>0</v>
          </cell>
          <cell r="AN63">
            <v>6</v>
          </cell>
          <cell r="AO63">
            <v>4.5</v>
          </cell>
          <cell r="AP63">
            <v>4.5</v>
          </cell>
          <cell r="AQ63">
            <v>6</v>
          </cell>
          <cell r="AR63">
            <v>3</v>
          </cell>
          <cell r="AS63">
            <v>0</v>
          </cell>
        </row>
        <row r="64">
          <cell r="A64" t="str">
            <v>ISL2012</v>
          </cell>
          <cell r="B64" t="str">
            <v>ISL</v>
          </cell>
          <cell r="C64">
            <v>2012</v>
          </cell>
          <cell r="D64">
            <v>1.1775793650793651</v>
          </cell>
          <cell r="E64">
            <v>1.5646494708994707</v>
          </cell>
          <cell r="F64">
            <v>1.9720568783068781</v>
          </cell>
          <cell r="G64">
            <v>1.73015873015873</v>
          </cell>
          <cell r="H64">
            <v>2.0412698412698411</v>
          </cell>
          <cell r="I64">
            <v>0.625</v>
          </cell>
          <cell r="J64">
            <v>1.2916666666666665</v>
          </cell>
          <cell r="K64">
            <v>3.5</v>
          </cell>
          <cell r="L64">
            <v>2</v>
          </cell>
          <cell r="M64">
            <v>1.8571428571428568</v>
          </cell>
          <cell r="N64">
            <v>1.3333333333333333</v>
          </cell>
          <cell r="O64">
            <v>2.2666666666666666</v>
          </cell>
          <cell r="P64">
            <v>0.75</v>
          </cell>
          <cell r="Q64">
            <v>0.5</v>
          </cell>
          <cell r="R64">
            <v>1.8333333333333333</v>
          </cell>
          <cell r="S64">
            <v>2</v>
          </cell>
          <cell r="T64">
            <v>2</v>
          </cell>
          <cell r="U64">
            <v>6</v>
          </cell>
          <cell r="V64">
            <v>5</v>
          </cell>
          <cell r="W64">
            <v>2</v>
          </cell>
          <cell r="X64">
            <v>0</v>
          </cell>
          <cell r="Y64">
            <v>0</v>
          </cell>
          <cell r="Z64">
            <v>0</v>
          </cell>
          <cell r="AA64">
            <v>0</v>
          </cell>
          <cell r="AB64">
            <v>4</v>
          </cell>
          <cell r="AC64" t="str">
            <v>..</v>
          </cell>
          <cell r="AD64">
            <v>0</v>
          </cell>
          <cell r="AE64">
            <v>6</v>
          </cell>
          <cell r="AF64">
            <v>0</v>
          </cell>
          <cell r="AG64">
            <v>0</v>
          </cell>
          <cell r="AH64">
            <v>3</v>
          </cell>
          <cell r="AI64">
            <v>0</v>
          </cell>
          <cell r="AJ64">
            <v>2</v>
          </cell>
          <cell r="AK64">
            <v>2</v>
          </cell>
          <cell r="AL64">
            <v>0</v>
          </cell>
          <cell r="AM64">
            <v>0</v>
          </cell>
          <cell r="AN64">
            <v>6</v>
          </cell>
          <cell r="AO64">
            <v>3</v>
          </cell>
          <cell r="AP64">
            <v>4.5</v>
          </cell>
          <cell r="AQ64">
            <v>6</v>
          </cell>
          <cell r="AR64" t="str">
            <v>..</v>
          </cell>
          <cell r="AS64">
            <v>0</v>
          </cell>
        </row>
        <row r="65">
          <cell r="A65" t="str">
            <v>IRL2012</v>
          </cell>
          <cell r="B65" t="str">
            <v>IRL</v>
          </cell>
          <cell r="C65">
            <v>2012</v>
          </cell>
          <cell r="D65">
            <v>1.0109126984126986</v>
          </cell>
          <cell r="E65">
            <v>1.4257605820105823</v>
          </cell>
          <cell r="F65">
            <v>1.7104828042328042</v>
          </cell>
          <cell r="G65">
            <v>1.396825396825397</v>
          </cell>
          <cell r="H65">
            <v>1.4968253968253968</v>
          </cell>
          <cell r="I65">
            <v>0.625</v>
          </cell>
          <cell r="J65">
            <v>1.2083333333333333</v>
          </cell>
          <cell r="K65">
            <v>3.5</v>
          </cell>
          <cell r="L65">
            <v>1.5</v>
          </cell>
          <cell r="M65">
            <v>1.1904761904761905</v>
          </cell>
          <cell r="N65">
            <v>1.5</v>
          </cell>
          <cell r="O65">
            <v>1.8000000000000003</v>
          </cell>
          <cell r="P65">
            <v>0.75</v>
          </cell>
          <cell r="Q65">
            <v>0.5</v>
          </cell>
          <cell r="R65">
            <v>1.6666666666666665</v>
          </cell>
          <cell r="S65">
            <v>2</v>
          </cell>
          <cell r="T65">
            <v>1</v>
          </cell>
          <cell r="U65">
            <v>1</v>
          </cell>
          <cell r="V65">
            <v>1</v>
          </cell>
          <cell r="W65">
            <v>1</v>
          </cell>
          <cell r="X65">
            <v>0</v>
          </cell>
          <cell r="Y65">
            <v>2</v>
          </cell>
          <cell r="Z65">
            <v>2</v>
          </cell>
          <cell r="AA65">
            <v>0</v>
          </cell>
          <cell r="AB65">
            <v>2</v>
          </cell>
          <cell r="AC65">
            <v>2</v>
          </cell>
          <cell r="AD65">
            <v>2</v>
          </cell>
          <cell r="AE65">
            <v>3</v>
          </cell>
          <cell r="AF65">
            <v>1</v>
          </cell>
          <cell r="AG65">
            <v>0</v>
          </cell>
          <cell r="AH65">
            <v>1</v>
          </cell>
          <cell r="AI65">
            <v>0</v>
          </cell>
          <cell r="AJ65">
            <v>2</v>
          </cell>
          <cell r="AK65">
            <v>2</v>
          </cell>
          <cell r="AL65">
            <v>0</v>
          </cell>
          <cell r="AM65">
            <v>0</v>
          </cell>
          <cell r="AN65">
            <v>2</v>
          </cell>
          <cell r="AO65">
            <v>6</v>
          </cell>
          <cell r="AP65">
            <v>6</v>
          </cell>
          <cell r="AQ65">
            <v>6</v>
          </cell>
          <cell r="AR65">
            <v>2</v>
          </cell>
          <cell r="AS65">
            <v>0</v>
          </cell>
        </row>
        <row r="66">
          <cell r="A66" t="str">
            <v>ITA2012</v>
          </cell>
          <cell r="B66" t="str">
            <v>ITA</v>
          </cell>
          <cell r="C66">
            <v>2012</v>
          </cell>
          <cell r="D66">
            <v>2.3809523809523805</v>
          </cell>
          <cell r="E66">
            <v>2.6716269841269837</v>
          </cell>
          <cell r="F66">
            <v>2.8973214285714284</v>
          </cell>
          <cell r="G66">
            <v>2.7619047619047614</v>
          </cell>
          <cell r="H66">
            <v>2.5952380952380953</v>
          </cell>
          <cell r="I66">
            <v>2</v>
          </cell>
          <cell r="J66">
            <v>2.708333333333333</v>
          </cell>
          <cell r="K66">
            <v>4.125</v>
          </cell>
          <cell r="L66">
            <v>2.5</v>
          </cell>
          <cell r="M66">
            <v>1.2857142857142856</v>
          </cell>
          <cell r="N66">
            <v>4.5</v>
          </cell>
          <cell r="O66">
            <v>4</v>
          </cell>
          <cell r="P66">
            <v>2.25</v>
          </cell>
          <cell r="Q66">
            <v>1.75</v>
          </cell>
          <cell r="R66">
            <v>3.1666666666666665</v>
          </cell>
          <cell r="S66">
            <v>3</v>
          </cell>
          <cell r="T66">
            <v>2</v>
          </cell>
          <cell r="U66">
            <v>4</v>
          </cell>
          <cell r="V66">
            <v>3</v>
          </cell>
          <cell r="W66">
            <v>2</v>
          </cell>
          <cell r="X66">
            <v>0</v>
          </cell>
          <cell r="Y66">
            <v>0</v>
          </cell>
          <cell r="Z66">
            <v>0</v>
          </cell>
          <cell r="AA66">
            <v>4</v>
          </cell>
          <cell r="AB66">
            <v>4</v>
          </cell>
          <cell r="AC66">
            <v>4</v>
          </cell>
          <cell r="AD66">
            <v>6</v>
          </cell>
          <cell r="AE66">
            <v>2</v>
          </cell>
          <cell r="AF66">
            <v>2</v>
          </cell>
          <cell r="AG66">
            <v>4</v>
          </cell>
          <cell r="AH66">
            <v>1</v>
          </cell>
          <cell r="AI66">
            <v>1.5</v>
          </cell>
          <cell r="AJ66">
            <v>4</v>
          </cell>
          <cell r="AK66">
            <v>2</v>
          </cell>
          <cell r="AL66">
            <v>0</v>
          </cell>
          <cell r="AM66">
            <v>0</v>
          </cell>
          <cell r="AN66">
            <v>6</v>
          </cell>
          <cell r="AO66">
            <v>6</v>
          </cell>
          <cell r="AP66">
            <v>6</v>
          </cell>
          <cell r="AQ66">
            <v>4.5</v>
          </cell>
          <cell r="AR66">
            <v>3</v>
          </cell>
          <cell r="AS66">
            <v>3</v>
          </cell>
        </row>
        <row r="67">
          <cell r="A67" t="str">
            <v>JPN2012</v>
          </cell>
          <cell r="B67" t="str">
            <v>JPN</v>
          </cell>
          <cell r="C67">
            <v>2012</v>
          </cell>
          <cell r="D67">
            <v>1.1220238095238093</v>
          </cell>
          <cell r="E67">
            <v>1.4766865079365079</v>
          </cell>
          <cell r="F67">
            <v>1.7371031746031744</v>
          </cell>
          <cell r="G67">
            <v>1.3690476190476188</v>
          </cell>
          <cell r="H67">
            <v>1.6190476190476188</v>
          </cell>
          <cell r="I67">
            <v>0.875</v>
          </cell>
          <cell r="J67">
            <v>1.25</v>
          </cell>
          <cell r="K67">
            <v>3.25</v>
          </cell>
          <cell r="L67">
            <v>1</v>
          </cell>
          <cell r="M67">
            <v>0.85714285714285698</v>
          </cell>
          <cell r="N67">
            <v>2.25</v>
          </cell>
          <cell r="O67">
            <v>3</v>
          </cell>
          <cell r="P67">
            <v>0.25</v>
          </cell>
          <cell r="Q67">
            <v>1.5</v>
          </cell>
          <cell r="R67">
            <v>2.25</v>
          </cell>
          <cell r="S67">
            <v>2</v>
          </cell>
          <cell r="T67">
            <v>0</v>
          </cell>
          <cell r="U67">
            <v>3</v>
          </cell>
          <cell r="V67">
            <v>2</v>
          </cell>
          <cell r="W67">
            <v>1</v>
          </cell>
          <cell r="X67">
            <v>0</v>
          </cell>
          <cell r="Y67">
            <v>0</v>
          </cell>
          <cell r="Z67">
            <v>0</v>
          </cell>
          <cell r="AA67">
            <v>2</v>
          </cell>
          <cell r="AB67">
            <v>4</v>
          </cell>
          <cell r="AC67">
            <v>1</v>
          </cell>
          <cell r="AD67">
            <v>2</v>
          </cell>
          <cell r="AE67">
            <v>6</v>
          </cell>
          <cell r="AF67">
            <v>0</v>
          </cell>
          <cell r="AG67">
            <v>1</v>
          </cell>
          <cell r="AH67">
            <v>0</v>
          </cell>
          <cell r="AI67">
            <v>1.5</v>
          </cell>
          <cell r="AJ67">
            <v>2</v>
          </cell>
          <cell r="AK67">
            <v>2</v>
          </cell>
          <cell r="AL67">
            <v>1</v>
          </cell>
          <cell r="AM67">
            <v>1</v>
          </cell>
          <cell r="AN67">
            <v>6</v>
          </cell>
          <cell r="AO67">
            <v>1.5</v>
          </cell>
          <cell r="AP67">
            <v>3</v>
          </cell>
          <cell r="AQ67">
            <v>6</v>
          </cell>
          <cell r="AR67">
            <v>1</v>
          </cell>
          <cell r="AS67">
            <v>3</v>
          </cell>
        </row>
        <row r="68">
          <cell r="A68" t="str">
            <v>KOR2012</v>
          </cell>
          <cell r="B68" t="str">
            <v>KOR</v>
          </cell>
          <cell r="C68">
            <v>2012</v>
          </cell>
          <cell r="D68">
            <v>2.2470238095238093</v>
          </cell>
          <cell r="E68">
            <v>2.1850198412698409</v>
          </cell>
          <cell r="F68">
            <v>2.3239087301587298</v>
          </cell>
          <cell r="G68">
            <v>2.3690476190476191</v>
          </cell>
          <cell r="H68">
            <v>2.2857142857142856</v>
          </cell>
          <cell r="I68">
            <v>2.125</v>
          </cell>
          <cell r="J68">
            <v>2.5416666666666665</v>
          </cell>
          <cell r="K68">
            <v>1.875</v>
          </cell>
          <cell r="L68">
            <v>3</v>
          </cell>
          <cell r="M68">
            <v>0.85714285714285698</v>
          </cell>
          <cell r="N68">
            <v>3.25</v>
          </cell>
          <cell r="O68">
            <v>3</v>
          </cell>
          <cell r="P68">
            <v>0.75</v>
          </cell>
          <cell r="Q68">
            <v>3.5</v>
          </cell>
          <cell r="R68">
            <v>4.333333333333333</v>
          </cell>
          <cell r="S68">
            <v>3</v>
          </cell>
          <cell r="T68">
            <v>3</v>
          </cell>
          <cell r="U68">
            <v>3</v>
          </cell>
          <cell r="V68">
            <v>2</v>
          </cell>
          <cell r="W68">
            <v>1</v>
          </cell>
          <cell r="X68">
            <v>0</v>
          </cell>
          <cell r="Y68">
            <v>0</v>
          </cell>
          <cell r="Z68">
            <v>0</v>
          </cell>
          <cell r="AA68">
            <v>2</v>
          </cell>
          <cell r="AB68">
            <v>4</v>
          </cell>
          <cell r="AC68">
            <v>1</v>
          </cell>
          <cell r="AD68">
            <v>6</v>
          </cell>
          <cell r="AE68">
            <v>2</v>
          </cell>
          <cell r="AF68">
            <v>0</v>
          </cell>
          <cell r="AG68">
            <v>0</v>
          </cell>
          <cell r="AH68">
            <v>3</v>
          </cell>
          <cell r="AI68">
            <v>3</v>
          </cell>
          <cell r="AJ68">
            <v>4</v>
          </cell>
          <cell r="AK68">
            <v>2</v>
          </cell>
          <cell r="AL68">
            <v>4</v>
          </cell>
          <cell r="AM68">
            <v>0</v>
          </cell>
          <cell r="AN68">
            <v>6</v>
          </cell>
          <cell r="AO68">
            <v>6</v>
          </cell>
          <cell r="AP68">
            <v>4.5</v>
          </cell>
          <cell r="AQ68">
            <v>3</v>
          </cell>
          <cell r="AR68">
            <v>0</v>
          </cell>
          <cell r="AS68">
            <v>0</v>
          </cell>
        </row>
        <row r="69">
          <cell r="A69" t="str">
            <v>LUX2012</v>
          </cell>
          <cell r="B69" t="str">
            <v>LUX</v>
          </cell>
          <cell r="C69">
            <v>2012</v>
          </cell>
          <cell r="D69">
            <v>2.998015873015873</v>
          </cell>
          <cell r="E69">
            <v>3.1441798941798944</v>
          </cell>
          <cell r="F69">
            <v>3.1927910052910056</v>
          </cell>
          <cell r="G69">
            <v>2.246031746031746</v>
          </cell>
          <cell r="H69">
            <v>2.2793650793650797</v>
          </cell>
          <cell r="I69">
            <v>3.75</v>
          </cell>
          <cell r="J69">
            <v>3.833333333333333</v>
          </cell>
          <cell r="K69">
            <v>3.875</v>
          </cell>
          <cell r="L69">
            <v>3</v>
          </cell>
          <cell r="M69">
            <v>2.2380952380952381</v>
          </cell>
          <cell r="N69">
            <v>1.5</v>
          </cell>
          <cell r="O69">
            <v>1.6</v>
          </cell>
          <cell r="P69">
            <v>4</v>
          </cell>
          <cell r="Q69">
            <v>3.5</v>
          </cell>
          <cell r="R69">
            <v>3.6666666666666665</v>
          </cell>
          <cell r="S69">
            <v>4</v>
          </cell>
          <cell r="T69">
            <v>2</v>
          </cell>
          <cell r="U69">
            <v>6</v>
          </cell>
          <cell r="V69">
            <v>4</v>
          </cell>
          <cell r="W69">
            <v>3</v>
          </cell>
          <cell r="X69">
            <v>0</v>
          </cell>
          <cell r="Y69">
            <v>0</v>
          </cell>
          <cell r="Z69">
            <v>2</v>
          </cell>
          <cell r="AA69">
            <v>2</v>
          </cell>
          <cell r="AB69">
            <v>3</v>
          </cell>
          <cell r="AC69">
            <v>1</v>
          </cell>
          <cell r="AD69">
            <v>0</v>
          </cell>
          <cell r="AE69">
            <v>2</v>
          </cell>
          <cell r="AF69">
            <v>5</v>
          </cell>
          <cell r="AG69">
            <v>3</v>
          </cell>
          <cell r="AH69">
            <v>3</v>
          </cell>
          <cell r="AI69">
            <v>3</v>
          </cell>
          <cell r="AJ69">
            <v>4</v>
          </cell>
          <cell r="AK69">
            <v>4</v>
          </cell>
          <cell r="AL69">
            <v>4</v>
          </cell>
          <cell r="AM69">
            <v>4</v>
          </cell>
          <cell r="AN69">
            <v>2</v>
          </cell>
          <cell r="AO69">
            <v>6</v>
          </cell>
          <cell r="AP69">
            <v>6</v>
          </cell>
          <cell r="AQ69">
            <v>3</v>
          </cell>
          <cell r="AR69">
            <v>2</v>
          </cell>
          <cell r="AS69">
            <v>4.5</v>
          </cell>
        </row>
        <row r="70">
          <cell r="A70" t="str">
            <v>MEX2012</v>
          </cell>
          <cell r="B70" t="str">
            <v>MEX</v>
          </cell>
          <cell r="C70">
            <v>2012</v>
          </cell>
          <cell r="D70">
            <v>3.0972222222222223</v>
          </cell>
          <cell r="E70">
            <v>3.3101851851851851</v>
          </cell>
          <cell r="F70">
            <v>3.282407407407407</v>
          </cell>
          <cell r="G70">
            <v>2.1944444444444442</v>
          </cell>
          <cell r="H70">
            <v>2.0444444444444443</v>
          </cell>
          <cell r="I70">
            <v>4</v>
          </cell>
          <cell r="J70">
            <v>4.083333333333333</v>
          </cell>
          <cell r="K70">
            <v>4.375</v>
          </cell>
          <cell r="L70">
            <v>1</v>
          </cell>
          <cell r="M70">
            <v>1.3333333333333333</v>
          </cell>
          <cell r="N70">
            <v>4.25</v>
          </cell>
          <cell r="O70">
            <v>3.8000000000000003</v>
          </cell>
          <cell r="P70">
            <v>2.5</v>
          </cell>
          <cell r="Q70">
            <v>5.5</v>
          </cell>
          <cell r="R70">
            <v>5.6666666666666661</v>
          </cell>
          <cell r="S70">
            <v>2</v>
          </cell>
          <cell r="T70">
            <v>0</v>
          </cell>
          <cell r="U70">
            <v>0</v>
          </cell>
          <cell r="V70">
            <v>0</v>
          </cell>
          <cell r="W70">
            <v>0</v>
          </cell>
          <cell r="X70">
            <v>2</v>
          </cell>
          <cell r="Y70">
            <v>4</v>
          </cell>
          <cell r="Z70">
            <v>1</v>
          </cell>
          <cell r="AA70">
            <v>5</v>
          </cell>
          <cell r="AB70">
            <v>6</v>
          </cell>
          <cell r="AC70">
            <v>3</v>
          </cell>
          <cell r="AD70">
            <v>3</v>
          </cell>
          <cell r="AE70">
            <v>2</v>
          </cell>
          <cell r="AF70">
            <v>5</v>
          </cell>
          <cell r="AG70">
            <v>0</v>
          </cell>
          <cell r="AH70">
            <v>0</v>
          </cell>
          <cell r="AI70">
            <v>6</v>
          </cell>
          <cell r="AJ70">
            <v>4</v>
          </cell>
          <cell r="AK70">
            <v>4</v>
          </cell>
          <cell r="AL70">
            <v>6</v>
          </cell>
          <cell r="AM70">
            <v>6</v>
          </cell>
          <cell r="AN70">
            <v>6</v>
          </cell>
          <cell r="AO70">
            <v>6</v>
          </cell>
          <cell r="AP70">
            <v>6</v>
          </cell>
          <cell r="AQ70">
            <v>6</v>
          </cell>
          <cell r="AR70">
            <v>1</v>
          </cell>
          <cell r="AS70">
            <v>4.5</v>
          </cell>
        </row>
        <row r="71">
          <cell r="A71" t="str">
            <v>NLD2012</v>
          </cell>
          <cell r="B71" t="str">
            <v>NLD</v>
          </cell>
          <cell r="C71">
            <v>2012</v>
          </cell>
          <cell r="D71">
            <v>1.8794642857142858</v>
          </cell>
          <cell r="E71">
            <v>2.0662202380952381</v>
          </cell>
          <cell r="F71">
            <v>2.1686507936507935</v>
          </cell>
          <cell r="G71">
            <v>2.8214285714285716</v>
          </cell>
          <cell r="H71">
            <v>2.8380952380952382</v>
          </cell>
          <cell r="I71">
            <v>0.9375</v>
          </cell>
          <cell r="J71">
            <v>1.1666666666666665</v>
          </cell>
          <cell r="K71">
            <v>3</v>
          </cell>
          <cell r="L71">
            <v>4</v>
          </cell>
          <cell r="M71">
            <v>1.7142857142857142</v>
          </cell>
          <cell r="N71">
            <v>2.75</v>
          </cell>
          <cell r="O71">
            <v>2.8000000000000003</v>
          </cell>
          <cell r="P71">
            <v>1</v>
          </cell>
          <cell r="Q71">
            <v>0.875</v>
          </cell>
          <cell r="R71">
            <v>1.3333333333333333</v>
          </cell>
          <cell r="S71">
            <v>5</v>
          </cell>
          <cell r="T71">
            <v>3</v>
          </cell>
          <cell r="U71">
            <v>2</v>
          </cell>
          <cell r="V71">
            <v>1</v>
          </cell>
          <cell r="W71">
            <v>1</v>
          </cell>
          <cell r="X71">
            <v>0</v>
          </cell>
          <cell r="Y71">
            <v>3</v>
          </cell>
          <cell r="Z71">
            <v>3</v>
          </cell>
          <cell r="AA71">
            <v>3</v>
          </cell>
          <cell r="AB71">
            <v>5</v>
          </cell>
          <cell r="AC71">
            <v>1</v>
          </cell>
          <cell r="AD71">
            <v>2</v>
          </cell>
          <cell r="AE71">
            <v>3</v>
          </cell>
          <cell r="AF71">
            <v>0</v>
          </cell>
          <cell r="AG71">
            <v>3</v>
          </cell>
          <cell r="AH71">
            <v>1</v>
          </cell>
          <cell r="AI71">
            <v>0.75</v>
          </cell>
          <cell r="AJ71">
            <v>2</v>
          </cell>
          <cell r="AK71">
            <v>4</v>
          </cell>
          <cell r="AL71">
            <v>0</v>
          </cell>
          <cell r="AM71">
            <v>0</v>
          </cell>
          <cell r="AN71">
            <v>0</v>
          </cell>
          <cell r="AO71">
            <v>4.5</v>
          </cell>
          <cell r="AP71">
            <v>3</v>
          </cell>
          <cell r="AQ71">
            <v>3</v>
          </cell>
          <cell r="AR71">
            <v>3</v>
          </cell>
          <cell r="AS71">
            <v>3</v>
          </cell>
        </row>
        <row r="72">
          <cell r="A72" t="str">
            <v>NZL2012</v>
          </cell>
          <cell r="B72" t="str">
            <v>NZL</v>
          </cell>
          <cell r="C72">
            <v>2012</v>
          </cell>
          <cell r="D72">
            <v>1.1964285714285716</v>
          </cell>
          <cell r="E72">
            <v>0.99702380952380953</v>
          </cell>
          <cell r="F72">
            <v>0.96924603174603174</v>
          </cell>
          <cell r="G72">
            <v>1.392857142857143</v>
          </cell>
          <cell r="H72">
            <v>1.4095238095238096</v>
          </cell>
          <cell r="I72">
            <v>1</v>
          </cell>
          <cell r="J72">
            <v>0.91666666666666663</v>
          </cell>
          <cell r="K72">
            <v>0</v>
          </cell>
          <cell r="L72">
            <v>2</v>
          </cell>
          <cell r="M72">
            <v>0.42857142857142855</v>
          </cell>
          <cell r="N72">
            <v>1.75</v>
          </cell>
          <cell r="O72">
            <v>1.8000000000000003</v>
          </cell>
          <cell r="P72">
            <v>1.5</v>
          </cell>
          <cell r="Q72">
            <v>0.5</v>
          </cell>
          <cell r="R72">
            <v>0.33333333333333331</v>
          </cell>
          <cell r="S72">
            <v>3</v>
          </cell>
          <cell r="T72">
            <v>1</v>
          </cell>
          <cell r="U72">
            <v>2</v>
          </cell>
          <cell r="V72">
            <v>1</v>
          </cell>
          <cell r="W72">
            <v>0</v>
          </cell>
          <cell r="X72">
            <v>0</v>
          </cell>
          <cell r="Y72">
            <v>0</v>
          </cell>
          <cell r="Z72">
            <v>0</v>
          </cell>
          <cell r="AA72">
            <v>0</v>
          </cell>
          <cell r="AB72">
            <v>4</v>
          </cell>
          <cell r="AC72">
            <v>1</v>
          </cell>
          <cell r="AD72">
            <v>2</v>
          </cell>
          <cell r="AE72">
            <v>2</v>
          </cell>
          <cell r="AF72">
            <v>2</v>
          </cell>
          <cell r="AG72">
            <v>2</v>
          </cell>
          <cell r="AH72">
            <v>0</v>
          </cell>
          <cell r="AI72">
            <v>0</v>
          </cell>
          <cell r="AJ72">
            <v>2</v>
          </cell>
          <cell r="AK72">
            <v>4</v>
          </cell>
          <cell r="AL72">
            <v>0</v>
          </cell>
          <cell r="AM72">
            <v>0</v>
          </cell>
          <cell r="AN72">
            <v>0</v>
          </cell>
          <cell r="AO72">
            <v>0</v>
          </cell>
          <cell r="AP72">
            <v>0</v>
          </cell>
          <cell r="AQ72">
            <v>0</v>
          </cell>
          <cell r="AR72">
            <v>0</v>
          </cell>
          <cell r="AS72">
            <v>0</v>
          </cell>
        </row>
        <row r="73">
          <cell r="A73" t="str">
            <v>NOR2012</v>
          </cell>
          <cell r="B73" t="str">
            <v>NOR</v>
          </cell>
          <cell r="C73">
            <v>2012</v>
          </cell>
          <cell r="D73">
            <v>2.666666666666667</v>
          </cell>
          <cell r="E73">
            <v>2.6388888888888888</v>
          </cell>
          <cell r="F73">
            <v>2.6145833333333335</v>
          </cell>
          <cell r="G73">
            <v>2.3333333333333335</v>
          </cell>
          <cell r="H73">
            <v>2.2333333333333334</v>
          </cell>
          <cell r="I73">
            <v>3</v>
          </cell>
          <cell r="J73">
            <v>3.041666666666667</v>
          </cell>
          <cell r="K73">
            <v>2.5</v>
          </cell>
          <cell r="L73">
            <v>2.5</v>
          </cell>
          <cell r="M73">
            <v>0.99999999999999989</v>
          </cell>
          <cell r="N73">
            <v>3.5</v>
          </cell>
          <cell r="O73">
            <v>3.2</v>
          </cell>
          <cell r="P73">
            <v>3.5</v>
          </cell>
          <cell r="Q73">
            <v>2.5</v>
          </cell>
          <cell r="R73">
            <v>2.5833333333333335</v>
          </cell>
          <cell r="S73">
            <v>3</v>
          </cell>
          <cell r="T73">
            <v>2</v>
          </cell>
          <cell r="U73">
            <v>3</v>
          </cell>
          <cell r="V73">
            <v>2</v>
          </cell>
          <cell r="W73">
            <v>2</v>
          </cell>
          <cell r="X73">
            <v>0</v>
          </cell>
          <cell r="Y73">
            <v>0</v>
          </cell>
          <cell r="Z73">
            <v>0</v>
          </cell>
          <cell r="AA73">
            <v>5</v>
          </cell>
          <cell r="AB73">
            <v>3</v>
          </cell>
          <cell r="AC73">
            <v>2</v>
          </cell>
          <cell r="AD73">
            <v>4</v>
          </cell>
          <cell r="AE73">
            <v>2</v>
          </cell>
          <cell r="AF73">
            <v>4</v>
          </cell>
          <cell r="AG73">
            <v>5</v>
          </cell>
          <cell r="AH73">
            <v>1</v>
          </cell>
          <cell r="AI73">
            <v>3</v>
          </cell>
          <cell r="AJ73">
            <v>3</v>
          </cell>
          <cell r="AK73">
            <v>3</v>
          </cell>
          <cell r="AL73">
            <v>1</v>
          </cell>
          <cell r="AM73">
            <v>0</v>
          </cell>
          <cell r="AN73">
            <v>4</v>
          </cell>
          <cell r="AO73">
            <v>1.5</v>
          </cell>
          <cell r="AP73">
            <v>4.5</v>
          </cell>
          <cell r="AQ73">
            <v>4.5</v>
          </cell>
          <cell r="AR73">
            <v>1</v>
          </cell>
          <cell r="AS73">
            <v>0</v>
          </cell>
        </row>
        <row r="74">
          <cell r="A74" t="str">
            <v>POL2012</v>
          </cell>
          <cell r="B74" t="str">
            <v>POL</v>
          </cell>
          <cell r="C74">
            <v>2012</v>
          </cell>
          <cell r="D74">
            <v>1.9900793650793649</v>
          </cell>
          <cell r="E74">
            <v>2.1375661375661372</v>
          </cell>
          <cell r="F74">
            <v>2.3667328042328037</v>
          </cell>
          <cell r="G74">
            <v>2.2301587301587298</v>
          </cell>
          <cell r="H74">
            <v>2.1968253968253966</v>
          </cell>
          <cell r="I74">
            <v>1.75</v>
          </cell>
          <cell r="J74">
            <v>2.333333333333333</v>
          </cell>
          <cell r="K74">
            <v>2.875</v>
          </cell>
          <cell r="L74">
            <v>3</v>
          </cell>
          <cell r="M74">
            <v>2.1904761904761902</v>
          </cell>
          <cell r="N74">
            <v>1.5</v>
          </cell>
          <cell r="O74">
            <v>1.4000000000000001</v>
          </cell>
          <cell r="P74">
            <v>1</v>
          </cell>
          <cell r="Q74">
            <v>2.5</v>
          </cell>
          <cell r="R74">
            <v>3.6666666666666665</v>
          </cell>
          <cell r="S74">
            <v>4</v>
          </cell>
          <cell r="T74">
            <v>2</v>
          </cell>
          <cell r="U74">
            <v>3</v>
          </cell>
          <cell r="V74">
            <v>5</v>
          </cell>
          <cell r="W74">
            <v>2</v>
          </cell>
          <cell r="X74">
            <v>1</v>
          </cell>
          <cell r="Y74">
            <v>2</v>
          </cell>
          <cell r="Z74">
            <v>1</v>
          </cell>
          <cell r="AA74">
            <v>0</v>
          </cell>
          <cell r="AB74">
            <v>4</v>
          </cell>
          <cell r="AC74">
            <v>0</v>
          </cell>
          <cell r="AD74">
            <v>2</v>
          </cell>
          <cell r="AE74">
            <v>1</v>
          </cell>
          <cell r="AF74">
            <v>0</v>
          </cell>
          <cell r="AG74">
            <v>4</v>
          </cell>
          <cell r="AH74">
            <v>0</v>
          </cell>
          <cell r="AI74">
            <v>3</v>
          </cell>
          <cell r="AJ74">
            <v>2</v>
          </cell>
          <cell r="AK74">
            <v>2</v>
          </cell>
          <cell r="AL74">
            <v>2</v>
          </cell>
          <cell r="AM74">
            <v>0</v>
          </cell>
          <cell r="AN74">
            <v>6</v>
          </cell>
          <cell r="AO74">
            <v>6</v>
          </cell>
          <cell r="AP74">
            <v>4.5</v>
          </cell>
          <cell r="AQ74">
            <v>3</v>
          </cell>
          <cell r="AR74">
            <v>1</v>
          </cell>
          <cell r="AS74">
            <v>3</v>
          </cell>
        </row>
        <row r="75">
          <cell r="A75" t="str">
            <v>PRT2012</v>
          </cell>
          <cell r="B75" t="str">
            <v>PRT</v>
          </cell>
          <cell r="C75">
            <v>2012</v>
          </cell>
          <cell r="D75">
            <v>2.7485119047619051</v>
          </cell>
          <cell r="E75">
            <v>2.6029265873015874</v>
          </cell>
          <cell r="F75">
            <v>2.7157738095238093</v>
          </cell>
          <cell r="G75">
            <v>3.5595238095238098</v>
          </cell>
          <cell r="H75">
            <v>3.3095238095238098</v>
          </cell>
          <cell r="I75">
            <v>1.9375</v>
          </cell>
          <cell r="J75">
            <v>2.458333333333333</v>
          </cell>
          <cell r="K75">
            <v>1.875</v>
          </cell>
          <cell r="L75">
            <v>3.5</v>
          </cell>
          <cell r="M75">
            <v>2.4285714285714284</v>
          </cell>
          <cell r="N75">
            <v>4.75</v>
          </cell>
          <cell r="O75">
            <v>4</v>
          </cell>
          <cell r="P75">
            <v>1.75</v>
          </cell>
          <cell r="Q75">
            <v>2.125</v>
          </cell>
          <cell r="R75">
            <v>3.1666666666666665</v>
          </cell>
          <cell r="S75">
            <v>4</v>
          </cell>
          <cell r="T75">
            <v>3</v>
          </cell>
          <cell r="U75">
            <v>2</v>
          </cell>
          <cell r="V75">
            <v>2</v>
          </cell>
          <cell r="W75">
            <v>1</v>
          </cell>
          <cell r="X75">
            <v>1</v>
          </cell>
          <cell r="Y75">
            <v>4</v>
          </cell>
          <cell r="Z75">
            <v>4</v>
          </cell>
          <cell r="AA75">
            <v>5</v>
          </cell>
          <cell r="AB75">
            <v>4</v>
          </cell>
          <cell r="AC75">
            <v>4</v>
          </cell>
          <cell r="AD75">
            <v>6</v>
          </cell>
          <cell r="AE75">
            <v>1</v>
          </cell>
          <cell r="AF75">
            <v>2</v>
          </cell>
          <cell r="AG75">
            <v>2</v>
          </cell>
          <cell r="AH75">
            <v>1</v>
          </cell>
          <cell r="AI75">
            <v>2.25</v>
          </cell>
          <cell r="AJ75">
            <v>2</v>
          </cell>
          <cell r="AK75">
            <v>2</v>
          </cell>
          <cell r="AL75">
            <v>2</v>
          </cell>
          <cell r="AM75">
            <v>2</v>
          </cell>
          <cell r="AN75">
            <v>6</v>
          </cell>
          <cell r="AO75">
            <v>4.5</v>
          </cell>
          <cell r="AP75">
            <v>6</v>
          </cell>
          <cell r="AQ75">
            <v>1.5</v>
          </cell>
          <cell r="AR75">
            <v>0</v>
          </cell>
          <cell r="AS75">
            <v>0</v>
          </cell>
        </row>
        <row r="76">
          <cell r="A76" t="str">
            <v>SVK2012</v>
          </cell>
          <cell r="B76" t="str">
            <v>SVK</v>
          </cell>
          <cell r="C76">
            <v>2012</v>
          </cell>
          <cell r="D76">
            <v>1.6696428571428572</v>
          </cell>
          <cell r="E76">
            <v>1.9538690476190477</v>
          </cell>
          <cell r="F76">
            <v>2.2177579365079367</v>
          </cell>
          <cell r="G76">
            <v>1.7142857142857142</v>
          </cell>
          <cell r="H76">
            <v>1.680952380952381</v>
          </cell>
          <cell r="I76">
            <v>1.625</v>
          </cell>
          <cell r="J76">
            <v>2.2916666666666665</v>
          </cell>
          <cell r="K76">
            <v>3.375</v>
          </cell>
          <cell r="L76">
            <v>1.5</v>
          </cell>
          <cell r="M76">
            <v>1.1428571428571428</v>
          </cell>
          <cell r="N76">
            <v>2.5</v>
          </cell>
          <cell r="O76">
            <v>2.4</v>
          </cell>
          <cell r="P76">
            <v>1.25</v>
          </cell>
          <cell r="Q76">
            <v>2</v>
          </cell>
          <cell r="R76">
            <v>3.333333333333333</v>
          </cell>
          <cell r="S76">
            <v>2</v>
          </cell>
          <cell r="T76">
            <v>1</v>
          </cell>
          <cell r="U76">
            <v>3</v>
          </cell>
          <cell r="V76">
            <v>4</v>
          </cell>
          <cell r="W76">
            <v>1</v>
          </cell>
          <cell r="X76">
            <v>0</v>
          </cell>
          <cell r="Y76">
            <v>0</v>
          </cell>
          <cell r="Z76">
            <v>0</v>
          </cell>
          <cell r="AA76">
            <v>0</v>
          </cell>
          <cell r="AB76">
            <v>4</v>
          </cell>
          <cell r="AC76">
            <v>1</v>
          </cell>
          <cell r="AD76">
            <v>5</v>
          </cell>
          <cell r="AE76">
            <v>2</v>
          </cell>
          <cell r="AF76">
            <v>0</v>
          </cell>
          <cell r="AG76">
            <v>4</v>
          </cell>
          <cell r="AH76">
            <v>1</v>
          </cell>
          <cell r="AI76">
            <v>3</v>
          </cell>
          <cell r="AJ76">
            <v>2</v>
          </cell>
          <cell r="AK76">
            <v>4</v>
          </cell>
          <cell r="AL76">
            <v>0</v>
          </cell>
          <cell r="AM76">
            <v>0</v>
          </cell>
          <cell r="AN76">
            <v>6</v>
          </cell>
          <cell r="AO76">
            <v>6</v>
          </cell>
          <cell r="AP76">
            <v>4.5</v>
          </cell>
          <cell r="AQ76">
            <v>6</v>
          </cell>
          <cell r="AR76">
            <v>3</v>
          </cell>
          <cell r="AS76">
            <v>0</v>
          </cell>
        </row>
        <row r="77">
          <cell r="A77" t="str">
            <v>ESP2012</v>
          </cell>
          <cell r="B77" t="str">
            <v>ESP</v>
          </cell>
          <cell r="C77">
            <v>2012</v>
          </cell>
          <cell r="D77">
            <v>2.4508928571428568</v>
          </cell>
          <cell r="E77">
            <v>2.6674107142857144</v>
          </cell>
          <cell r="F77">
            <v>2.8635912698412698</v>
          </cell>
          <cell r="G77">
            <v>2.214285714285714</v>
          </cell>
          <cell r="H77">
            <v>2.0809523809523811</v>
          </cell>
          <cell r="I77">
            <v>2.6875</v>
          </cell>
          <cell r="J77">
            <v>3.2916666666666665</v>
          </cell>
          <cell r="K77">
            <v>3.75</v>
          </cell>
          <cell r="L77">
            <v>1.5</v>
          </cell>
          <cell r="M77">
            <v>2.1428571428571428</v>
          </cell>
          <cell r="N77">
            <v>3</v>
          </cell>
          <cell r="O77">
            <v>2.6000000000000005</v>
          </cell>
          <cell r="P77">
            <v>3</v>
          </cell>
          <cell r="Q77">
            <v>2.375</v>
          </cell>
          <cell r="R77">
            <v>3.583333333333333</v>
          </cell>
          <cell r="S77">
            <v>3</v>
          </cell>
          <cell r="T77">
            <v>0</v>
          </cell>
          <cell r="U77">
            <v>2</v>
          </cell>
          <cell r="V77">
            <v>1</v>
          </cell>
          <cell r="W77">
            <v>0</v>
          </cell>
          <cell r="X77">
            <v>1</v>
          </cell>
          <cell r="Y77">
            <v>4</v>
          </cell>
          <cell r="Z77">
            <v>4</v>
          </cell>
          <cell r="AA77">
            <v>4</v>
          </cell>
          <cell r="AB77">
            <v>4</v>
          </cell>
          <cell r="AC77">
            <v>4</v>
          </cell>
          <cell r="AD77">
            <v>0</v>
          </cell>
          <cell r="AE77">
            <v>1</v>
          </cell>
          <cell r="AF77">
            <v>3</v>
          </cell>
          <cell r="AG77">
            <v>3</v>
          </cell>
          <cell r="AH77">
            <v>3</v>
          </cell>
          <cell r="AI77">
            <v>2.25</v>
          </cell>
          <cell r="AJ77">
            <v>4</v>
          </cell>
          <cell r="AK77">
            <v>4</v>
          </cell>
          <cell r="AL77">
            <v>1</v>
          </cell>
          <cell r="AM77">
            <v>0</v>
          </cell>
          <cell r="AN77">
            <v>6</v>
          </cell>
          <cell r="AO77">
            <v>6</v>
          </cell>
          <cell r="AP77">
            <v>4.5</v>
          </cell>
          <cell r="AQ77">
            <v>4.5</v>
          </cell>
          <cell r="AR77">
            <v>3</v>
          </cell>
          <cell r="AS77">
            <v>3</v>
          </cell>
        </row>
        <row r="78">
          <cell r="A78" t="str">
            <v>SWE2012</v>
          </cell>
          <cell r="B78" t="str">
            <v>SWE</v>
          </cell>
          <cell r="C78">
            <v>2012</v>
          </cell>
          <cell r="D78">
            <v>1.7098214285714286</v>
          </cell>
          <cell r="E78">
            <v>1.8415178571428574</v>
          </cell>
          <cell r="F78">
            <v>1.7981150793650795</v>
          </cell>
          <cell r="G78">
            <v>2.6071428571428572</v>
          </cell>
          <cell r="H78">
            <v>2.5238095238095237</v>
          </cell>
          <cell r="I78">
            <v>0.8125</v>
          </cell>
          <cell r="J78">
            <v>0.79166666666666663</v>
          </cell>
          <cell r="K78">
            <v>2.5</v>
          </cell>
          <cell r="L78">
            <v>3</v>
          </cell>
          <cell r="M78">
            <v>1.5714285714285714</v>
          </cell>
          <cell r="N78">
            <v>3.25</v>
          </cell>
          <cell r="O78">
            <v>3</v>
          </cell>
          <cell r="P78">
            <v>0.75</v>
          </cell>
          <cell r="Q78">
            <v>0.875</v>
          </cell>
          <cell r="R78">
            <v>0.83333333333333326</v>
          </cell>
          <cell r="S78">
            <v>4</v>
          </cell>
          <cell r="T78">
            <v>2</v>
          </cell>
          <cell r="U78">
            <v>3</v>
          </cell>
          <cell r="V78">
            <v>5</v>
          </cell>
          <cell r="W78">
            <v>3</v>
          </cell>
          <cell r="X78">
            <v>0</v>
          </cell>
          <cell r="Y78">
            <v>0</v>
          </cell>
          <cell r="Z78">
            <v>0</v>
          </cell>
          <cell r="AA78">
            <v>4</v>
          </cell>
          <cell r="AB78">
            <v>3</v>
          </cell>
          <cell r="AC78">
            <v>6</v>
          </cell>
          <cell r="AD78">
            <v>0</v>
          </cell>
          <cell r="AE78">
            <v>2</v>
          </cell>
          <cell r="AF78">
            <v>0</v>
          </cell>
          <cell r="AG78">
            <v>0</v>
          </cell>
          <cell r="AH78">
            <v>3</v>
          </cell>
          <cell r="AI78">
            <v>0.75</v>
          </cell>
          <cell r="AJ78">
            <v>2</v>
          </cell>
          <cell r="AK78">
            <v>4</v>
          </cell>
          <cell r="AL78">
            <v>0</v>
          </cell>
          <cell r="AM78">
            <v>0</v>
          </cell>
          <cell r="AN78">
            <v>0</v>
          </cell>
          <cell r="AO78">
            <v>1.5</v>
          </cell>
          <cell r="AP78">
            <v>6</v>
          </cell>
          <cell r="AQ78">
            <v>3</v>
          </cell>
          <cell r="AR78">
            <v>1</v>
          </cell>
          <cell r="AS78">
            <v>0</v>
          </cell>
        </row>
        <row r="79">
          <cell r="A79" t="str">
            <v>CHE2012</v>
          </cell>
          <cell r="B79" t="str">
            <v>CHE</v>
          </cell>
          <cell r="C79">
            <v>2012</v>
          </cell>
          <cell r="D79">
            <v>1.3601190476190474</v>
          </cell>
          <cell r="E79">
            <v>1.7375992063492061</v>
          </cell>
          <cell r="F79">
            <v>1.8000992063492061</v>
          </cell>
          <cell r="G79">
            <v>1.5952380952380951</v>
          </cell>
          <cell r="H79">
            <v>1.4952380952380953</v>
          </cell>
          <cell r="I79">
            <v>1.125</v>
          </cell>
          <cell r="J79">
            <v>1.375</v>
          </cell>
          <cell r="K79">
            <v>3.625</v>
          </cell>
          <cell r="L79">
            <v>2</v>
          </cell>
          <cell r="M79">
            <v>1.2857142857142856</v>
          </cell>
          <cell r="N79">
            <v>1.5</v>
          </cell>
          <cell r="O79">
            <v>1.2000000000000002</v>
          </cell>
          <cell r="P79">
            <v>1.25</v>
          </cell>
          <cell r="Q79">
            <v>1</v>
          </cell>
          <cell r="R79">
            <v>1.5</v>
          </cell>
          <cell r="S79">
            <v>2</v>
          </cell>
          <cell r="T79">
            <v>2</v>
          </cell>
          <cell r="U79">
            <v>3</v>
          </cell>
          <cell r="V79">
            <v>4</v>
          </cell>
          <cell r="W79">
            <v>2</v>
          </cell>
          <cell r="X79">
            <v>0</v>
          </cell>
          <cell r="Y79">
            <v>0</v>
          </cell>
          <cell r="Z79">
            <v>0</v>
          </cell>
          <cell r="AA79">
            <v>0</v>
          </cell>
          <cell r="AB79">
            <v>5</v>
          </cell>
          <cell r="AC79">
            <v>1</v>
          </cell>
          <cell r="AD79">
            <v>0</v>
          </cell>
          <cell r="AE79">
            <v>0</v>
          </cell>
          <cell r="AF79">
            <v>0</v>
          </cell>
          <cell r="AG79">
            <v>5</v>
          </cell>
          <cell r="AH79">
            <v>0</v>
          </cell>
          <cell r="AI79">
            <v>0</v>
          </cell>
          <cell r="AJ79">
            <v>4</v>
          </cell>
          <cell r="AK79">
            <v>4</v>
          </cell>
          <cell r="AL79">
            <v>0</v>
          </cell>
          <cell r="AM79">
            <v>0</v>
          </cell>
          <cell r="AN79">
            <v>2</v>
          </cell>
          <cell r="AO79">
            <v>3</v>
          </cell>
          <cell r="AP79">
            <v>4.5</v>
          </cell>
          <cell r="AQ79">
            <v>6</v>
          </cell>
          <cell r="AR79">
            <v>1</v>
          </cell>
          <cell r="AS79">
            <v>3</v>
          </cell>
        </row>
        <row r="80">
          <cell r="A80" t="str">
            <v>TUR2012</v>
          </cell>
          <cell r="B80" t="str">
            <v>TUR</v>
          </cell>
          <cell r="C80">
            <v>2012</v>
          </cell>
          <cell r="D80">
            <v>3.5922619047619051</v>
          </cell>
          <cell r="E80">
            <v>3.5143849206349209</v>
          </cell>
          <cell r="F80">
            <v>3.5074404761904758</v>
          </cell>
          <cell r="G80">
            <v>2.3095238095238098</v>
          </cell>
          <cell r="H80">
            <v>2.2095238095238097</v>
          </cell>
          <cell r="I80">
            <v>4.875</v>
          </cell>
          <cell r="J80">
            <v>4.958333333333333</v>
          </cell>
          <cell r="K80">
            <v>3.125</v>
          </cell>
          <cell r="L80">
            <v>2</v>
          </cell>
          <cell r="M80">
            <v>3.4285714285714284</v>
          </cell>
          <cell r="N80">
            <v>1.5</v>
          </cell>
          <cell r="O80">
            <v>1.2000000000000002</v>
          </cell>
          <cell r="P80">
            <v>4.25</v>
          </cell>
          <cell r="Q80">
            <v>5.5</v>
          </cell>
          <cell r="R80">
            <v>5.6666666666666661</v>
          </cell>
          <cell r="S80">
            <v>4</v>
          </cell>
          <cell r="T80">
            <v>0</v>
          </cell>
          <cell r="U80">
            <v>3</v>
          </cell>
          <cell r="V80">
            <v>4</v>
          </cell>
          <cell r="W80">
            <v>1</v>
          </cell>
          <cell r="X80">
            <v>0</v>
          </cell>
          <cell r="Y80">
            <v>6</v>
          </cell>
          <cell r="Z80">
            <v>6</v>
          </cell>
          <cell r="AA80">
            <v>0</v>
          </cell>
          <cell r="AB80">
            <v>4</v>
          </cell>
          <cell r="AC80">
            <v>2</v>
          </cell>
          <cell r="AD80">
            <v>0</v>
          </cell>
          <cell r="AE80">
            <v>0</v>
          </cell>
          <cell r="AF80">
            <v>6</v>
          </cell>
          <cell r="AG80">
            <v>5</v>
          </cell>
          <cell r="AH80">
            <v>0</v>
          </cell>
          <cell r="AI80">
            <v>6</v>
          </cell>
          <cell r="AJ80">
            <v>4</v>
          </cell>
          <cell r="AK80">
            <v>4</v>
          </cell>
          <cell r="AL80">
            <v>6</v>
          </cell>
          <cell r="AM80">
            <v>6</v>
          </cell>
          <cell r="AN80">
            <v>6</v>
          </cell>
          <cell r="AO80">
            <v>6</v>
          </cell>
          <cell r="AP80">
            <v>4.5</v>
          </cell>
          <cell r="AQ80">
            <v>3</v>
          </cell>
          <cell r="AR80">
            <v>2</v>
          </cell>
          <cell r="AS80">
            <v>3</v>
          </cell>
        </row>
        <row r="81">
          <cell r="A81" t="str">
            <v>GBR2012</v>
          </cell>
          <cell r="B81" t="str">
            <v>GBR</v>
          </cell>
          <cell r="C81">
            <v>2012</v>
          </cell>
          <cell r="D81">
            <v>0.78670634920634919</v>
          </cell>
          <cell r="E81">
            <v>1.1347552910052912</v>
          </cell>
          <cell r="F81">
            <v>1.2250330687830686</v>
          </cell>
          <cell r="G81">
            <v>1.1984126984126984</v>
          </cell>
          <cell r="H81">
            <v>1.2484126984126982</v>
          </cell>
          <cell r="I81">
            <v>0.375</v>
          </cell>
          <cell r="J81">
            <v>0.54166666666666663</v>
          </cell>
          <cell r="K81">
            <v>2.875</v>
          </cell>
          <cell r="L81">
            <v>1.25</v>
          </cell>
          <cell r="M81">
            <v>1.0952380952380951</v>
          </cell>
          <cell r="N81">
            <v>1.25</v>
          </cell>
          <cell r="O81">
            <v>1.4</v>
          </cell>
          <cell r="P81">
            <v>0.25</v>
          </cell>
          <cell r="Q81">
            <v>0.5</v>
          </cell>
          <cell r="R81">
            <v>0.83333333333333326</v>
          </cell>
          <cell r="S81">
            <v>2.5</v>
          </cell>
          <cell r="T81">
            <v>0</v>
          </cell>
          <cell r="U81">
            <v>1</v>
          </cell>
          <cell r="V81">
            <v>2</v>
          </cell>
          <cell r="W81">
            <v>2</v>
          </cell>
          <cell r="X81">
            <v>0</v>
          </cell>
          <cell r="Y81">
            <v>1</v>
          </cell>
          <cell r="Z81">
            <v>1</v>
          </cell>
          <cell r="AA81">
            <v>0</v>
          </cell>
          <cell r="AB81">
            <v>2</v>
          </cell>
          <cell r="AC81">
            <v>1</v>
          </cell>
          <cell r="AD81">
            <v>2</v>
          </cell>
          <cell r="AE81">
            <v>2</v>
          </cell>
          <cell r="AF81">
            <v>0</v>
          </cell>
          <cell r="AG81">
            <v>0</v>
          </cell>
          <cell r="AH81">
            <v>1</v>
          </cell>
          <cell r="AI81">
            <v>0</v>
          </cell>
          <cell r="AJ81">
            <v>2</v>
          </cell>
          <cell r="AK81">
            <v>2</v>
          </cell>
          <cell r="AL81">
            <v>0</v>
          </cell>
          <cell r="AM81">
            <v>0</v>
          </cell>
          <cell r="AN81">
            <v>0</v>
          </cell>
          <cell r="AO81">
            <v>3</v>
          </cell>
          <cell r="AP81">
            <v>3</v>
          </cell>
          <cell r="AQ81">
            <v>4.5</v>
          </cell>
          <cell r="AR81">
            <v>4</v>
          </cell>
          <cell r="AS81">
            <v>0</v>
          </cell>
        </row>
        <row r="82">
          <cell r="A82" t="str">
            <v>USA2012</v>
          </cell>
          <cell r="B82" t="str">
            <v>USA</v>
          </cell>
          <cell r="C82">
            <v>2012</v>
          </cell>
          <cell r="D82">
            <v>0.2533333333333333</v>
          </cell>
          <cell r="E82">
            <v>0.69027777777777777</v>
          </cell>
          <cell r="F82">
            <v>0.82222222222222219</v>
          </cell>
          <cell r="G82">
            <v>0.25666666666666665</v>
          </cell>
          <cell r="H82">
            <v>0.49000000000000005</v>
          </cell>
          <cell r="I82">
            <v>0.25</v>
          </cell>
          <cell r="J82">
            <v>0.33333333333333331</v>
          </cell>
          <cell r="K82">
            <v>2.875</v>
          </cell>
          <cell r="L82">
            <v>0.27</v>
          </cell>
          <cell r="M82">
            <v>0</v>
          </cell>
          <cell r="N82">
            <v>0.5</v>
          </cell>
          <cell r="O82">
            <v>1.2000000000000002</v>
          </cell>
          <cell r="P82">
            <v>0</v>
          </cell>
          <cell r="Q82">
            <v>0.5</v>
          </cell>
          <cell r="R82">
            <v>0.66666666666666663</v>
          </cell>
          <cell r="S82">
            <v>0.54</v>
          </cell>
          <cell r="T82">
            <v>0</v>
          </cell>
          <cell r="U82">
            <v>0</v>
          </cell>
          <cell r="V82">
            <v>0</v>
          </cell>
          <cell r="W82">
            <v>0</v>
          </cell>
          <cell r="X82">
            <v>0</v>
          </cell>
          <cell r="Y82">
            <v>0</v>
          </cell>
          <cell r="Z82">
            <v>0</v>
          </cell>
          <cell r="AA82">
            <v>0</v>
          </cell>
          <cell r="AB82" t="str">
            <v>..</v>
          </cell>
          <cell r="AC82" t="str">
            <v>..</v>
          </cell>
          <cell r="AD82">
            <v>1</v>
          </cell>
          <cell r="AE82">
            <v>4</v>
          </cell>
          <cell r="AF82">
            <v>0</v>
          </cell>
          <cell r="AG82">
            <v>0</v>
          </cell>
          <cell r="AH82">
            <v>0</v>
          </cell>
          <cell r="AI82">
            <v>0</v>
          </cell>
          <cell r="AJ82">
            <v>2</v>
          </cell>
          <cell r="AK82">
            <v>2</v>
          </cell>
          <cell r="AL82">
            <v>0</v>
          </cell>
          <cell r="AM82">
            <v>0</v>
          </cell>
          <cell r="AN82">
            <v>2</v>
          </cell>
          <cell r="AO82">
            <v>0</v>
          </cell>
          <cell r="AP82">
            <v>1.5</v>
          </cell>
          <cell r="AQ82">
            <v>6</v>
          </cell>
          <cell r="AR82">
            <v>4</v>
          </cell>
          <cell r="AS82">
            <v>0</v>
          </cell>
        </row>
        <row r="83">
          <cell r="A83" t="str">
            <v>BRA2012</v>
          </cell>
          <cell r="B83" t="str">
            <v>BRA</v>
          </cell>
          <cell r="C83">
            <v>2012</v>
          </cell>
          <cell r="D83">
            <v>2.8263888888888888</v>
          </cell>
          <cell r="E83">
            <v>2.605324074074074</v>
          </cell>
          <cell r="F83">
            <v>2.719907407407407</v>
          </cell>
          <cell r="G83">
            <v>1.5277777777777777</v>
          </cell>
          <cell r="H83">
            <v>1.8444444444444443</v>
          </cell>
          <cell r="I83">
            <v>4.125</v>
          </cell>
          <cell r="J83">
            <v>4.083333333333333</v>
          </cell>
          <cell r="K83">
            <v>1.5</v>
          </cell>
          <cell r="L83">
            <v>1</v>
          </cell>
          <cell r="M83">
            <v>2.333333333333333</v>
          </cell>
          <cell r="N83">
            <v>1.25</v>
          </cell>
          <cell r="O83">
            <v>2.2000000000000002</v>
          </cell>
          <cell r="P83">
            <v>4.75</v>
          </cell>
          <cell r="Q83">
            <v>3.5</v>
          </cell>
          <cell r="R83">
            <v>3.4166666666666665</v>
          </cell>
          <cell r="S83">
            <v>2</v>
          </cell>
          <cell r="T83">
            <v>0</v>
          </cell>
          <cell r="U83">
            <v>2</v>
          </cell>
          <cell r="V83">
            <v>3</v>
          </cell>
          <cell r="W83">
            <v>2</v>
          </cell>
          <cell r="X83">
            <v>1</v>
          </cell>
          <cell r="Y83">
            <v>3</v>
          </cell>
          <cell r="Z83">
            <v>3</v>
          </cell>
          <cell r="AA83">
            <v>0</v>
          </cell>
          <cell r="AB83">
            <v>4</v>
          </cell>
          <cell r="AC83">
            <v>0</v>
          </cell>
          <cell r="AD83">
            <v>1</v>
          </cell>
          <cell r="AE83">
            <v>6</v>
          </cell>
          <cell r="AF83">
            <v>6</v>
          </cell>
          <cell r="AG83">
            <v>4</v>
          </cell>
          <cell r="AH83">
            <v>3</v>
          </cell>
          <cell r="AI83">
            <v>3</v>
          </cell>
          <cell r="AJ83">
            <v>2</v>
          </cell>
          <cell r="AK83">
            <v>2</v>
          </cell>
          <cell r="AL83">
            <v>6</v>
          </cell>
          <cell r="AM83">
            <v>6</v>
          </cell>
          <cell r="AN83">
            <v>2</v>
          </cell>
          <cell r="AO83">
            <v>4.5</v>
          </cell>
          <cell r="AP83">
            <v>1.5</v>
          </cell>
          <cell r="AQ83">
            <v>3</v>
          </cell>
          <cell r="AR83" t="str">
            <v>..</v>
          </cell>
          <cell r="AS83">
            <v>0</v>
          </cell>
        </row>
        <row r="84">
          <cell r="A84" t="str">
            <v>CHL2012</v>
          </cell>
          <cell r="B84" t="str">
            <v>CHL</v>
          </cell>
          <cell r="C84">
            <v>2012</v>
          </cell>
          <cell r="D84">
            <v>2.8134920634920633</v>
          </cell>
          <cell r="E84">
            <v>2.3445767195767195</v>
          </cell>
          <cell r="F84">
            <v>2.0598544973544972</v>
          </cell>
          <cell r="G84">
            <v>2.626984126984127</v>
          </cell>
          <cell r="H84">
            <v>2.5269841269841269</v>
          </cell>
          <cell r="I84">
            <v>3</v>
          </cell>
          <cell r="J84">
            <v>2.4166666666666665</v>
          </cell>
          <cell r="K84">
            <v>0</v>
          </cell>
          <cell r="L84">
            <v>2</v>
          </cell>
          <cell r="M84">
            <v>2.3809523809523805</v>
          </cell>
          <cell r="N84">
            <v>3.5</v>
          </cell>
          <cell r="O84">
            <v>3.2</v>
          </cell>
          <cell r="P84">
            <v>2</v>
          </cell>
          <cell r="Q84">
            <v>4</v>
          </cell>
          <cell r="R84">
            <v>2.833333333333333</v>
          </cell>
          <cell r="S84">
            <v>4</v>
          </cell>
          <cell r="T84">
            <v>0</v>
          </cell>
          <cell r="U84">
            <v>3</v>
          </cell>
          <cell r="V84">
            <v>2</v>
          </cell>
          <cell r="W84">
            <v>1</v>
          </cell>
          <cell r="X84">
            <v>0</v>
          </cell>
          <cell r="Y84">
            <v>5</v>
          </cell>
          <cell r="Z84">
            <v>3</v>
          </cell>
          <cell r="AA84">
            <v>6</v>
          </cell>
          <cell r="AB84">
            <v>6</v>
          </cell>
          <cell r="AC84">
            <v>1</v>
          </cell>
          <cell r="AD84">
            <v>1</v>
          </cell>
          <cell r="AE84">
            <v>2</v>
          </cell>
          <cell r="AF84">
            <v>0</v>
          </cell>
          <cell r="AG84">
            <v>4</v>
          </cell>
          <cell r="AH84">
            <v>4</v>
          </cell>
          <cell r="AI84">
            <v>3</v>
          </cell>
          <cell r="AJ84">
            <v>4</v>
          </cell>
          <cell r="AK84">
            <v>2</v>
          </cell>
          <cell r="AL84">
            <v>6</v>
          </cell>
          <cell r="AM84">
            <v>6</v>
          </cell>
          <cell r="AN84">
            <v>1</v>
          </cell>
          <cell r="AO84">
            <v>0</v>
          </cell>
          <cell r="AP84">
            <v>0</v>
          </cell>
          <cell r="AQ84">
            <v>0</v>
          </cell>
          <cell r="AR84">
            <v>0</v>
          </cell>
          <cell r="AS84">
            <v>0</v>
          </cell>
        </row>
        <row r="85">
          <cell r="A85" t="str">
            <v>CHN2012</v>
          </cell>
          <cell r="B85" t="str">
            <v>CHN</v>
          </cell>
          <cell r="C85">
            <v>2012</v>
          </cell>
          <cell r="D85">
            <v>2.503968253968254</v>
          </cell>
          <cell r="E85">
            <v>2.5866402116402116</v>
          </cell>
          <cell r="F85">
            <v>2.6595568783068781</v>
          </cell>
          <cell r="G85">
            <v>3.2579365079365079</v>
          </cell>
          <cell r="H85">
            <v>3.3079365079365082</v>
          </cell>
          <cell r="I85">
            <v>1.75</v>
          </cell>
          <cell r="J85">
            <v>1.875</v>
          </cell>
          <cell r="K85">
            <v>3</v>
          </cell>
          <cell r="L85">
            <v>2</v>
          </cell>
          <cell r="M85">
            <v>3.5238095238095233</v>
          </cell>
          <cell r="N85">
            <v>4.25</v>
          </cell>
          <cell r="O85">
            <v>4.4000000000000004</v>
          </cell>
          <cell r="P85">
            <v>1.75</v>
          </cell>
          <cell r="Q85">
            <v>1.75</v>
          </cell>
          <cell r="R85">
            <v>1.9999999999999998</v>
          </cell>
          <cell r="S85">
            <v>4</v>
          </cell>
          <cell r="T85">
            <v>0</v>
          </cell>
          <cell r="U85">
            <v>3</v>
          </cell>
          <cell r="V85">
            <v>2</v>
          </cell>
          <cell r="W85">
            <v>1</v>
          </cell>
          <cell r="X85">
            <v>2</v>
          </cell>
          <cell r="Y85">
            <v>6</v>
          </cell>
          <cell r="Z85">
            <v>6</v>
          </cell>
          <cell r="AA85">
            <v>4</v>
          </cell>
          <cell r="AB85">
            <v>3</v>
          </cell>
          <cell r="AC85">
            <v>4</v>
          </cell>
          <cell r="AD85">
            <v>6</v>
          </cell>
          <cell r="AE85">
            <v>5</v>
          </cell>
          <cell r="AF85">
            <v>0</v>
          </cell>
          <cell r="AG85">
            <v>6</v>
          </cell>
          <cell r="AH85">
            <v>1</v>
          </cell>
          <cell r="AI85">
            <v>1.5</v>
          </cell>
          <cell r="AJ85">
            <v>4</v>
          </cell>
          <cell r="AK85">
            <v>4</v>
          </cell>
          <cell r="AL85">
            <v>0</v>
          </cell>
          <cell r="AM85">
            <v>0</v>
          </cell>
          <cell r="AN85">
            <v>2</v>
          </cell>
          <cell r="AO85">
            <v>3</v>
          </cell>
          <cell r="AP85">
            <v>6</v>
          </cell>
          <cell r="AQ85">
            <v>3</v>
          </cell>
          <cell r="AR85">
            <v>0</v>
          </cell>
          <cell r="AS85">
            <v>3</v>
          </cell>
        </row>
        <row r="86">
          <cell r="A86" t="str">
            <v>EST2012</v>
          </cell>
          <cell r="B86" t="str">
            <v>EST</v>
          </cell>
          <cell r="C86">
            <v>2012</v>
          </cell>
          <cell r="D86">
            <v>1.8422619047619047</v>
          </cell>
          <cell r="E86">
            <v>2.0143849206349205</v>
          </cell>
          <cell r="F86">
            <v>2.160218253968254</v>
          </cell>
          <cell r="G86">
            <v>1.8095238095238095</v>
          </cell>
          <cell r="H86">
            <v>1.7428571428571429</v>
          </cell>
          <cell r="I86">
            <v>1.875</v>
          </cell>
          <cell r="J86">
            <v>2.2916666666666665</v>
          </cell>
          <cell r="K86">
            <v>2.875</v>
          </cell>
          <cell r="L86">
            <v>2</v>
          </cell>
          <cell r="M86">
            <v>1.4285714285714284</v>
          </cell>
          <cell r="N86">
            <v>2</v>
          </cell>
          <cell r="O86">
            <v>1.8</v>
          </cell>
          <cell r="P86">
            <v>3.25</v>
          </cell>
          <cell r="Q86">
            <v>0.5</v>
          </cell>
          <cell r="R86">
            <v>1.3333333333333333</v>
          </cell>
          <cell r="S86">
            <v>3</v>
          </cell>
          <cell r="T86">
            <v>1</v>
          </cell>
          <cell r="U86">
            <v>2</v>
          </cell>
          <cell r="V86">
            <v>2</v>
          </cell>
          <cell r="W86">
            <v>2</v>
          </cell>
          <cell r="X86">
            <v>1</v>
          </cell>
          <cell r="Y86">
            <v>1</v>
          </cell>
          <cell r="Z86">
            <v>1</v>
          </cell>
          <cell r="AA86">
            <v>4</v>
          </cell>
          <cell r="AB86">
            <v>4</v>
          </cell>
          <cell r="AC86">
            <v>0</v>
          </cell>
          <cell r="AD86">
            <v>0</v>
          </cell>
          <cell r="AE86">
            <v>1</v>
          </cell>
          <cell r="AF86">
            <v>4</v>
          </cell>
          <cell r="AG86">
            <v>4</v>
          </cell>
          <cell r="AH86">
            <v>1</v>
          </cell>
          <cell r="AI86">
            <v>0</v>
          </cell>
          <cell r="AJ86">
            <v>2</v>
          </cell>
          <cell r="AK86">
            <v>2</v>
          </cell>
          <cell r="AL86">
            <v>0</v>
          </cell>
          <cell r="AM86">
            <v>0</v>
          </cell>
          <cell r="AN86">
            <v>0</v>
          </cell>
          <cell r="AO86">
            <v>6</v>
          </cell>
          <cell r="AP86">
            <v>6</v>
          </cell>
          <cell r="AQ86">
            <v>4.5</v>
          </cell>
          <cell r="AR86">
            <v>1</v>
          </cell>
          <cell r="AS86">
            <v>0</v>
          </cell>
        </row>
        <row r="87">
          <cell r="A87" t="str">
            <v>IND2012</v>
          </cell>
          <cell r="B87" t="str">
            <v>IND</v>
          </cell>
          <cell r="C87">
            <v>2012</v>
          </cell>
          <cell r="D87">
            <v>2.5491071428571432</v>
          </cell>
          <cell r="E87">
            <v>2.1971726190476191</v>
          </cell>
          <cell r="F87">
            <v>2.5843253968253967</v>
          </cell>
          <cell r="G87">
            <v>3.285714285714286</v>
          </cell>
          <cell r="H87">
            <v>3.4857142857142858</v>
          </cell>
          <cell r="I87">
            <v>1.8125</v>
          </cell>
          <cell r="J87">
            <v>2.5416666666666665</v>
          </cell>
          <cell r="K87">
            <v>0.4375</v>
          </cell>
          <cell r="L87">
            <v>5</v>
          </cell>
          <cell r="M87">
            <v>1.857142857142857</v>
          </cell>
          <cell r="N87">
            <v>3</v>
          </cell>
          <cell r="O87">
            <v>3.6000000000000005</v>
          </cell>
          <cell r="P87">
            <v>2</v>
          </cell>
          <cell r="Q87">
            <v>1.625</v>
          </cell>
          <cell r="R87">
            <v>3.083333333333333</v>
          </cell>
          <cell r="S87">
            <v>5</v>
          </cell>
          <cell r="T87">
            <v>5</v>
          </cell>
          <cell r="U87">
            <v>0</v>
          </cell>
          <cell r="V87">
            <v>4</v>
          </cell>
          <cell r="W87">
            <v>1</v>
          </cell>
          <cell r="X87">
            <v>0</v>
          </cell>
          <cell r="Y87">
            <v>3</v>
          </cell>
          <cell r="Z87">
            <v>3</v>
          </cell>
          <cell r="AA87">
            <v>2</v>
          </cell>
          <cell r="AB87">
            <v>3</v>
          </cell>
          <cell r="AC87">
            <v>1</v>
          </cell>
          <cell r="AD87">
            <v>6</v>
          </cell>
          <cell r="AE87">
            <v>6</v>
          </cell>
          <cell r="AF87">
            <v>4</v>
          </cell>
          <cell r="AG87">
            <v>0</v>
          </cell>
          <cell r="AH87">
            <v>0</v>
          </cell>
          <cell r="AI87">
            <v>2.25</v>
          </cell>
          <cell r="AJ87">
            <v>2</v>
          </cell>
          <cell r="AK87">
            <v>2</v>
          </cell>
          <cell r="AL87">
            <v>0</v>
          </cell>
          <cell r="AM87">
            <v>0</v>
          </cell>
          <cell r="AN87">
            <v>6</v>
          </cell>
          <cell r="AO87">
            <v>6</v>
          </cell>
          <cell r="AP87">
            <v>0.75</v>
          </cell>
          <cell r="AQ87">
            <v>0</v>
          </cell>
          <cell r="AR87">
            <v>1</v>
          </cell>
          <cell r="AS87">
            <v>0</v>
          </cell>
        </row>
        <row r="88">
          <cell r="A88" t="str">
            <v>IDN2012</v>
          </cell>
          <cell r="B88" t="str">
            <v>IDN</v>
          </cell>
          <cell r="C88">
            <v>2012</v>
          </cell>
          <cell r="D88">
            <v>3.4126984126984126</v>
          </cell>
          <cell r="E88">
            <v>2.8439153439153437</v>
          </cell>
          <cell r="F88">
            <v>2.9515542328042326</v>
          </cell>
          <cell r="G88">
            <v>4.0753968253968251</v>
          </cell>
          <cell r="H88">
            <v>4.1253968253968258</v>
          </cell>
          <cell r="I88">
            <v>2.75</v>
          </cell>
          <cell r="J88">
            <v>2.958333333333333</v>
          </cell>
          <cell r="K88">
            <v>0</v>
          </cell>
          <cell r="L88">
            <v>5.5</v>
          </cell>
          <cell r="M88">
            <v>2.4761904761904763</v>
          </cell>
          <cell r="N88">
            <v>4.25</v>
          </cell>
          <cell r="O88">
            <v>4.4000000000000004</v>
          </cell>
          <cell r="P88">
            <v>4.25</v>
          </cell>
          <cell r="Q88">
            <v>1.25</v>
          </cell>
          <cell r="R88">
            <v>1.6666666666666665</v>
          </cell>
          <cell r="S88">
            <v>5</v>
          </cell>
          <cell r="T88">
            <v>6</v>
          </cell>
          <cell r="U88">
            <v>0</v>
          </cell>
          <cell r="V88">
            <v>0</v>
          </cell>
          <cell r="W88">
            <v>0</v>
          </cell>
          <cell r="X88">
            <v>2</v>
          </cell>
          <cell r="Y88">
            <v>6</v>
          </cell>
          <cell r="Z88">
            <v>5</v>
          </cell>
          <cell r="AA88">
            <v>6</v>
          </cell>
          <cell r="AB88">
            <v>4</v>
          </cell>
          <cell r="AC88">
            <v>1</v>
          </cell>
          <cell r="AD88">
            <v>6</v>
          </cell>
          <cell r="AE88">
            <v>5</v>
          </cell>
          <cell r="AF88">
            <v>6</v>
          </cell>
          <cell r="AG88">
            <v>4</v>
          </cell>
          <cell r="AH88">
            <v>1</v>
          </cell>
          <cell r="AI88">
            <v>1.5</v>
          </cell>
          <cell r="AJ88">
            <v>2</v>
          </cell>
          <cell r="AK88">
            <v>2</v>
          </cell>
          <cell r="AL88">
            <v>0</v>
          </cell>
          <cell r="AM88">
            <v>0</v>
          </cell>
          <cell r="AN88">
            <v>2</v>
          </cell>
          <cell r="AO88">
            <v>3</v>
          </cell>
          <cell r="AP88">
            <v>0</v>
          </cell>
          <cell r="AQ88">
            <v>0</v>
          </cell>
          <cell r="AR88">
            <v>0</v>
          </cell>
          <cell r="AS88">
            <v>0</v>
          </cell>
        </row>
        <row r="89">
          <cell r="A89" t="str">
            <v>ISR2012</v>
          </cell>
          <cell r="B89" t="str">
            <v>ISR</v>
          </cell>
          <cell r="C89">
            <v>2012</v>
          </cell>
          <cell r="D89">
            <v>1.4553571428571428</v>
          </cell>
          <cell r="E89">
            <v>1.5252976190476188</v>
          </cell>
          <cell r="F89">
            <v>1.9523809523809526</v>
          </cell>
          <cell r="G89">
            <v>2.0357142857142856</v>
          </cell>
          <cell r="H89">
            <v>2.3523809523809525</v>
          </cell>
          <cell r="I89">
            <v>0.875</v>
          </cell>
          <cell r="J89">
            <v>1.5833333333333333</v>
          </cell>
          <cell r="K89">
            <v>1.875</v>
          </cell>
          <cell r="L89">
            <v>2</v>
          </cell>
          <cell r="M89">
            <v>2.8571428571428568</v>
          </cell>
          <cell r="N89">
            <v>1.25</v>
          </cell>
          <cell r="O89">
            <v>2.2000000000000002</v>
          </cell>
          <cell r="P89">
            <v>0</v>
          </cell>
          <cell r="Q89">
            <v>1.75</v>
          </cell>
          <cell r="R89">
            <v>3.1666666666666665</v>
          </cell>
          <cell r="S89">
            <v>4</v>
          </cell>
          <cell r="T89">
            <v>0</v>
          </cell>
          <cell r="U89">
            <v>1</v>
          </cell>
          <cell r="V89">
            <v>2</v>
          </cell>
          <cell r="W89">
            <v>1</v>
          </cell>
          <cell r="X89">
            <v>0</v>
          </cell>
          <cell r="Y89">
            <v>6</v>
          </cell>
          <cell r="Z89">
            <v>6</v>
          </cell>
          <cell r="AA89">
            <v>0</v>
          </cell>
          <cell r="AB89">
            <v>2</v>
          </cell>
          <cell r="AC89">
            <v>1</v>
          </cell>
          <cell r="AD89">
            <v>2</v>
          </cell>
          <cell r="AE89">
            <v>6</v>
          </cell>
          <cell r="AF89">
            <v>0</v>
          </cell>
          <cell r="AG89">
            <v>0</v>
          </cell>
          <cell r="AH89">
            <v>0</v>
          </cell>
          <cell r="AI89">
            <v>0</v>
          </cell>
          <cell r="AJ89">
            <v>2</v>
          </cell>
          <cell r="AK89">
            <v>2</v>
          </cell>
          <cell r="AL89">
            <v>5</v>
          </cell>
          <cell r="AM89">
            <v>0</v>
          </cell>
          <cell r="AN89">
            <v>6</v>
          </cell>
          <cell r="AO89">
            <v>6</v>
          </cell>
          <cell r="AP89">
            <v>4.5</v>
          </cell>
          <cell r="AQ89">
            <v>3</v>
          </cell>
          <cell r="AR89">
            <v>0</v>
          </cell>
          <cell r="AS89">
            <v>0</v>
          </cell>
        </row>
        <row r="90">
          <cell r="A90" t="str">
            <v>RUS2012</v>
          </cell>
          <cell r="B90" t="str">
            <v>RUS</v>
          </cell>
          <cell r="C90">
            <v>2012</v>
          </cell>
          <cell r="D90">
            <v>2.0942460317460316</v>
          </cell>
          <cell r="E90">
            <v>1.9952050264550263</v>
          </cell>
          <cell r="F90">
            <v>1.9639550264550265</v>
          </cell>
          <cell r="G90">
            <v>3.0634920634920633</v>
          </cell>
          <cell r="H90">
            <v>2.8634920634920635</v>
          </cell>
          <cell r="I90">
            <v>1.125</v>
          </cell>
          <cell r="J90">
            <v>1.25</v>
          </cell>
          <cell r="K90">
            <v>1.5</v>
          </cell>
          <cell r="L90">
            <v>3</v>
          </cell>
          <cell r="M90">
            <v>2.1904761904761902</v>
          </cell>
          <cell r="N90">
            <v>4</v>
          </cell>
          <cell r="O90">
            <v>3.4000000000000004</v>
          </cell>
          <cell r="P90">
            <v>1.5</v>
          </cell>
          <cell r="Q90">
            <v>0.75</v>
          </cell>
          <cell r="R90">
            <v>1</v>
          </cell>
          <cell r="S90">
            <v>4</v>
          </cell>
          <cell r="T90">
            <v>2</v>
          </cell>
          <cell r="U90">
            <v>3</v>
          </cell>
          <cell r="V90">
            <v>2</v>
          </cell>
          <cell r="W90">
            <v>1</v>
          </cell>
          <cell r="X90">
            <v>3</v>
          </cell>
          <cell r="Y90">
            <v>3</v>
          </cell>
          <cell r="Z90">
            <v>1</v>
          </cell>
          <cell r="AA90">
            <v>5</v>
          </cell>
          <cell r="AB90">
            <v>4</v>
          </cell>
          <cell r="AC90">
            <v>1</v>
          </cell>
          <cell r="AD90">
            <v>6</v>
          </cell>
          <cell r="AE90">
            <v>1</v>
          </cell>
          <cell r="AF90">
            <v>2</v>
          </cell>
          <cell r="AG90">
            <v>1</v>
          </cell>
          <cell r="AH90">
            <v>1</v>
          </cell>
          <cell r="AI90">
            <v>0</v>
          </cell>
          <cell r="AJ90">
            <v>3</v>
          </cell>
          <cell r="AK90">
            <v>4</v>
          </cell>
          <cell r="AL90">
            <v>0</v>
          </cell>
          <cell r="AM90">
            <v>0</v>
          </cell>
          <cell r="AN90">
            <v>0</v>
          </cell>
          <cell r="AO90">
            <v>3</v>
          </cell>
          <cell r="AP90">
            <v>3</v>
          </cell>
          <cell r="AQ90">
            <v>0</v>
          </cell>
          <cell r="AR90">
            <v>3</v>
          </cell>
          <cell r="AS90">
            <v>0</v>
          </cell>
        </row>
        <row r="91">
          <cell r="A91" t="str">
            <v>SVN2012</v>
          </cell>
          <cell r="B91" t="str">
            <v>SVN</v>
          </cell>
          <cell r="C91">
            <v>2012</v>
          </cell>
          <cell r="D91">
            <v>2.2078373015873014</v>
          </cell>
          <cell r="E91">
            <v>2.4023644179894181</v>
          </cell>
          <cell r="F91">
            <v>2.5985449735449735</v>
          </cell>
          <cell r="G91">
            <v>2.6031746031746033</v>
          </cell>
          <cell r="H91">
            <v>2.3865079365079365</v>
          </cell>
          <cell r="I91">
            <v>1.8125</v>
          </cell>
          <cell r="J91">
            <v>2.5</v>
          </cell>
          <cell r="K91">
            <v>3.375</v>
          </cell>
          <cell r="L91">
            <v>2.75</v>
          </cell>
          <cell r="M91">
            <v>1.8095238095238093</v>
          </cell>
          <cell r="N91">
            <v>3.25</v>
          </cell>
          <cell r="O91">
            <v>2.6</v>
          </cell>
          <cell r="P91">
            <v>1.75</v>
          </cell>
          <cell r="Q91">
            <v>1.875</v>
          </cell>
          <cell r="R91">
            <v>3.25</v>
          </cell>
          <cell r="S91">
            <v>4.5</v>
          </cell>
          <cell r="T91">
            <v>1</v>
          </cell>
          <cell r="U91">
            <v>3</v>
          </cell>
          <cell r="V91">
            <v>2</v>
          </cell>
          <cell r="W91">
            <v>1</v>
          </cell>
          <cell r="X91">
            <v>0</v>
          </cell>
          <cell r="Y91">
            <v>2</v>
          </cell>
          <cell r="Z91">
            <v>3</v>
          </cell>
          <cell r="AA91">
            <v>4</v>
          </cell>
          <cell r="AB91">
            <v>3</v>
          </cell>
          <cell r="AC91">
            <v>2</v>
          </cell>
          <cell r="AD91">
            <v>4</v>
          </cell>
          <cell r="AE91">
            <v>0</v>
          </cell>
          <cell r="AF91">
            <v>2</v>
          </cell>
          <cell r="AG91">
            <v>0</v>
          </cell>
          <cell r="AH91">
            <v>3</v>
          </cell>
          <cell r="AI91">
            <v>0.75</v>
          </cell>
          <cell r="AJ91">
            <v>2</v>
          </cell>
          <cell r="AK91">
            <v>2</v>
          </cell>
          <cell r="AL91">
            <v>4</v>
          </cell>
          <cell r="AM91">
            <v>0</v>
          </cell>
          <cell r="AN91">
            <v>6</v>
          </cell>
          <cell r="AO91">
            <v>6</v>
          </cell>
          <cell r="AP91">
            <v>4.5</v>
          </cell>
          <cell r="AQ91">
            <v>3</v>
          </cell>
          <cell r="AR91">
            <v>3</v>
          </cell>
          <cell r="AS91">
            <v>3</v>
          </cell>
        </row>
        <row r="92">
          <cell r="A92" t="str">
            <v>ZAF2012</v>
          </cell>
          <cell r="B92" t="str">
            <v>ZAF</v>
          </cell>
          <cell r="C92">
            <v>2012</v>
          </cell>
          <cell r="D92">
            <v>1.3293650793650793</v>
          </cell>
          <cell r="E92">
            <v>1.4203042328042328</v>
          </cell>
          <cell r="F92">
            <v>1.4133597883597884</v>
          </cell>
          <cell r="G92">
            <v>2.1587301587301586</v>
          </cell>
          <cell r="H92">
            <v>2.058730158730159</v>
          </cell>
          <cell r="I92">
            <v>0.5</v>
          </cell>
          <cell r="J92">
            <v>0.58333333333333326</v>
          </cell>
          <cell r="K92">
            <v>1.875</v>
          </cell>
          <cell r="L92">
            <v>2.5</v>
          </cell>
          <cell r="M92">
            <v>1.4761904761904761</v>
          </cell>
          <cell r="N92">
            <v>2.5</v>
          </cell>
          <cell r="O92">
            <v>2.2000000000000002</v>
          </cell>
          <cell r="P92">
            <v>0.5</v>
          </cell>
          <cell r="Q92">
            <v>0.5</v>
          </cell>
          <cell r="R92">
            <v>0.66666666666666663</v>
          </cell>
          <cell r="S92">
            <v>3</v>
          </cell>
          <cell r="T92">
            <v>2</v>
          </cell>
          <cell r="U92">
            <v>2</v>
          </cell>
          <cell r="V92">
            <v>2</v>
          </cell>
          <cell r="W92">
            <v>1</v>
          </cell>
          <cell r="X92">
            <v>0</v>
          </cell>
          <cell r="Y92">
            <v>2</v>
          </cell>
          <cell r="Z92">
            <v>2</v>
          </cell>
          <cell r="AA92">
            <v>1</v>
          </cell>
          <cell r="AB92">
            <v>3</v>
          </cell>
          <cell r="AC92">
            <v>2</v>
          </cell>
          <cell r="AD92">
            <v>4</v>
          </cell>
          <cell r="AE92">
            <v>1</v>
          </cell>
          <cell r="AF92">
            <v>0</v>
          </cell>
          <cell r="AG92">
            <v>2</v>
          </cell>
          <cell r="AH92">
            <v>0</v>
          </cell>
          <cell r="AI92">
            <v>0</v>
          </cell>
          <cell r="AJ92">
            <v>2</v>
          </cell>
          <cell r="AK92">
            <v>2</v>
          </cell>
          <cell r="AL92">
            <v>0</v>
          </cell>
          <cell r="AM92">
            <v>0</v>
          </cell>
          <cell r="AN92">
            <v>2</v>
          </cell>
          <cell r="AO92">
            <v>0</v>
          </cell>
          <cell r="AP92">
            <v>4.5</v>
          </cell>
          <cell r="AQ92">
            <v>0</v>
          </cell>
          <cell r="AR92">
            <v>3</v>
          </cell>
          <cell r="AS92">
            <v>0</v>
          </cell>
        </row>
        <row r="93">
          <cell r="A93" t="str">
            <v>SAU2012</v>
          </cell>
          <cell r="B93" t="str">
            <v>SAU</v>
          </cell>
          <cell r="C93">
            <v>2012</v>
          </cell>
          <cell r="D93">
            <v>2.3740079365079363</v>
          </cell>
          <cell r="E93">
            <v>1.978339947089947</v>
          </cell>
          <cell r="F93">
            <v>2.1102843915343916</v>
          </cell>
          <cell r="G93">
            <v>1.3730158730158728</v>
          </cell>
          <cell r="H93">
            <v>1.6063492063492062</v>
          </cell>
          <cell r="I93">
            <v>3.375</v>
          </cell>
          <cell r="J93">
            <v>3.458333333333333</v>
          </cell>
          <cell r="K93">
            <v>0</v>
          </cell>
          <cell r="L93">
            <v>1</v>
          </cell>
          <cell r="M93">
            <v>1.6190476190476188</v>
          </cell>
          <cell r="N93">
            <v>1.5</v>
          </cell>
          <cell r="O93">
            <v>2.2000000000000002</v>
          </cell>
          <cell r="P93">
            <v>1.25</v>
          </cell>
          <cell r="Q93">
            <v>5.5</v>
          </cell>
          <cell r="R93">
            <v>5.6666666666666661</v>
          </cell>
          <cell r="S93">
            <v>2</v>
          </cell>
          <cell r="T93">
            <v>0</v>
          </cell>
          <cell r="U93">
            <v>3</v>
          </cell>
          <cell r="V93">
            <v>2</v>
          </cell>
          <cell r="W93">
            <v>1</v>
          </cell>
          <cell r="X93">
            <v>1</v>
          </cell>
          <cell r="Y93">
            <v>3</v>
          </cell>
          <cell r="Z93">
            <v>0</v>
          </cell>
          <cell r="AA93">
            <v>0</v>
          </cell>
          <cell r="AB93">
            <v>4</v>
          </cell>
          <cell r="AC93">
            <v>0</v>
          </cell>
          <cell r="AD93">
            <v>2</v>
          </cell>
          <cell r="AE93">
            <v>5</v>
          </cell>
          <cell r="AF93">
            <v>0</v>
          </cell>
          <cell r="AG93">
            <v>4</v>
          </cell>
          <cell r="AH93">
            <v>1</v>
          </cell>
          <cell r="AI93">
            <v>6</v>
          </cell>
          <cell r="AJ93">
            <v>4</v>
          </cell>
          <cell r="AK93">
            <v>4</v>
          </cell>
          <cell r="AL93">
            <v>6</v>
          </cell>
          <cell r="AM93">
            <v>6</v>
          </cell>
          <cell r="AN93">
            <v>6</v>
          </cell>
          <cell r="AO93">
            <v>6</v>
          </cell>
          <cell r="AP93">
            <v>0</v>
          </cell>
          <cell r="AQ93">
            <v>0</v>
          </cell>
          <cell r="AR93">
            <v>0</v>
          </cell>
          <cell r="AS93">
            <v>0</v>
          </cell>
        </row>
        <row r="94">
          <cell r="A94" t="str">
            <v>LVA2012</v>
          </cell>
          <cell r="B94" t="str">
            <v>LVA</v>
          </cell>
          <cell r="C94">
            <v>2012</v>
          </cell>
          <cell r="D94">
            <v>1.7807539682539684</v>
          </cell>
          <cell r="E94">
            <v>2.10896164021164</v>
          </cell>
          <cell r="F94">
            <v>2.4422949735449735</v>
          </cell>
          <cell r="G94">
            <v>2.6865079365079367</v>
          </cell>
          <cell r="H94">
            <v>2.56984126984127</v>
          </cell>
          <cell r="I94">
            <v>0.875</v>
          </cell>
          <cell r="J94">
            <v>1.7916666666666665</v>
          </cell>
          <cell r="K94">
            <v>3.75</v>
          </cell>
          <cell r="L94">
            <v>3.5</v>
          </cell>
          <cell r="M94">
            <v>1.8095238095238093</v>
          </cell>
          <cell r="N94">
            <v>2.75</v>
          </cell>
          <cell r="O94">
            <v>2.4000000000000004</v>
          </cell>
          <cell r="P94">
            <v>1.25</v>
          </cell>
          <cell r="Q94">
            <v>0.5</v>
          </cell>
          <cell r="R94">
            <v>2.333333333333333</v>
          </cell>
          <cell r="S94">
            <v>5</v>
          </cell>
          <cell r="T94">
            <v>2</v>
          </cell>
          <cell r="U94">
            <v>3</v>
          </cell>
          <cell r="V94">
            <v>2</v>
          </cell>
          <cell r="W94">
            <v>1</v>
          </cell>
          <cell r="X94">
            <v>2</v>
          </cell>
          <cell r="Y94">
            <v>2</v>
          </cell>
          <cell r="Z94">
            <v>1</v>
          </cell>
          <cell r="AA94">
            <v>0</v>
          </cell>
          <cell r="AB94">
            <v>4</v>
          </cell>
          <cell r="AC94">
            <v>1</v>
          </cell>
          <cell r="AD94">
            <v>6</v>
          </cell>
          <cell r="AE94">
            <v>1</v>
          </cell>
          <cell r="AF94">
            <v>2</v>
          </cell>
          <cell r="AG94">
            <v>0</v>
          </cell>
          <cell r="AH94">
            <v>1</v>
          </cell>
          <cell r="AI94">
            <v>0</v>
          </cell>
          <cell r="AJ94">
            <v>2</v>
          </cell>
          <cell r="AK94">
            <v>4</v>
          </cell>
          <cell r="AL94">
            <v>0</v>
          </cell>
          <cell r="AM94">
            <v>0</v>
          </cell>
          <cell r="AN94">
            <v>6</v>
          </cell>
          <cell r="AO94">
            <v>6</v>
          </cell>
          <cell r="AP94">
            <v>6</v>
          </cell>
          <cell r="AQ94">
            <v>6</v>
          </cell>
          <cell r="AR94">
            <v>3</v>
          </cell>
          <cell r="AS94">
            <v>0</v>
          </cell>
        </row>
        <row r="95">
          <cell r="A95" t="str">
            <v>ARG2012</v>
          </cell>
          <cell r="B95" t="str">
            <v>ARG</v>
          </cell>
          <cell r="C95">
            <v>2012</v>
          </cell>
          <cell r="D95">
            <v>2.2628968253968251</v>
          </cell>
          <cell r="E95">
            <v>2.5315806878306879</v>
          </cell>
          <cell r="F95">
            <v>2.9343584656084656</v>
          </cell>
          <cell r="G95">
            <v>2.1507936507936507</v>
          </cell>
          <cell r="H95">
            <v>2.450793650793651</v>
          </cell>
          <cell r="I95">
            <v>2.375</v>
          </cell>
          <cell r="J95">
            <v>3.0416666666666665</v>
          </cell>
          <cell r="K95">
            <v>3.875</v>
          </cell>
          <cell r="L95">
            <v>2</v>
          </cell>
          <cell r="M95">
            <v>2.9523809523809521</v>
          </cell>
          <cell r="N95">
            <v>1.5</v>
          </cell>
          <cell r="O95">
            <v>2.4000000000000004</v>
          </cell>
          <cell r="P95">
            <v>2.75</v>
          </cell>
          <cell r="Q95">
            <v>2</v>
          </cell>
          <cell r="R95">
            <v>3.333333333333333</v>
          </cell>
          <cell r="S95">
            <v>2</v>
          </cell>
          <cell r="T95">
            <v>2</v>
          </cell>
          <cell r="U95">
            <v>3</v>
          </cell>
          <cell r="V95">
            <v>2</v>
          </cell>
          <cell r="W95">
            <v>1</v>
          </cell>
          <cell r="X95">
            <v>2</v>
          </cell>
          <cell r="Y95">
            <v>4</v>
          </cell>
          <cell r="Z95">
            <v>5</v>
          </cell>
          <cell r="AA95">
            <v>1</v>
          </cell>
          <cell r="AB95">
            <v>4</v>
          </cell>
          <cell r="AC95">
            <v>1</v>
          </cell>
          <cell r="AD95">
            <v>0</v>
          </cell>
          <cell r="AE95">
            <v>6</v>
          </cell>
          <cell r="AF95">
            <v>3</v>
          </cell>
          <cell r="AG95">
            <v>4</v>
          </cell>
          <cell r="AH95">
            <v>1</v>
          </cell>
          <cell r="AI95">
            <v>3</v>
          </cell>
          <cell r="AJ95">
            <v>2</v>
          </cell>
          <cell r="AK95">
            <v>2</v>
          </cell>
          <cell r="AL95">
            <v>0</v>
          </cell>
          <cell r="AM95">
            <v>0</v>
          </cell>
          <cell r="AN95">
            <v>6</v>
          </cell>
          <cell r="AO95">
            <v>6</v>
          </cell>
          <cell r="AP95">
            <v>6</v>
          </cell>
          <cell r="AQ95">
            <v>6</v>
          </cell>
          <cell r="AR95">
            <v>2</v>
          </cell>
          <cell r="AS95">
            <v>1.5</v>
          </cell>
        </row>
        <row r="96">
          <cell r="A96" t="str">
            <v>AUS2013</v>
          </cell>
          <cell r="B96" t="str">
            <v>AUS</v>
          </cell>
          <cell r="C96">
            <v>2013</v>
          </cell>
          <cell r="D96">
            <v>1.2708333333333335</v>
          </cell>
          <cell r="E96">
            <v>1.5381944444444446</v>
          </cell>
          <cell r="F96">
            <v>1.5659722222222221</v>
          </cell>
          <cell r="G96">
            <v>1.6666666666666667</v>
          </cell>
          <cell r="H96">
            <v>1.5666666666666667</v>
          </cell>
          <cell r="I96">
            <v>0.875</v>
          </cell>
          <cell r="J96">
            <v>1.0416666666666665</v>
          </cell>
          <cell r="K96">
            <v>2.875</v>
          </cell>
          <cell r="L96">
            <v>1.5</v>
          </cell>
          <cell r="M96">
            <v>1</v>
          </cell>
          <cell r="N96">
            <v>2.5</v>
          </cell>
          <cell r="O96">
            <v>2.2000000000000002</v>
          </cell>
          <cell r="P96">
            <v>1.25</v>
          </cell>
          <cell r="Q96">
            <v>0.5</v>
          </cell>
          <cell r="R96">
            <v>0.83333333333333326</v>
          </cell>
          <cell r="S96">
            <v>2</v>
          </cell>
          <cell r="T96">
            <v>1</v>
          </cell>
          <cell r="U96">
            <v>1</v>
          </cell>
          <cell r="V96">
            <v>1</v>
          </cell>
          <cell r="W96">
            <v>1</v>
          </cell>
          <cell r="X96">
            <v>0</v>
          </cell>
          <cell r="Y96">
            <v>2</v>
          </cell>
          <cell r="Z96">
            <v>1</v>
          </cell>
          <cell r="AA96">
            <v>4</v>
          </cell>
          <cell r="AB96">
            <v>3</v>
          </cell>
          <cell r="AC96">
            <v>1</v>
          </cell>
          <cell r="AD96">
            <v>2</v>
          </cell>
          <cell r="AE96">
            <v>1</v>
          </cell>
          <cell r="AF96">
            <v>0</v>
          </cell>
          <cell r="AG96">
            <v>5</v>
          </cell>
          <cell r="AH96">
            <v>0</v>
          </cell>
          <cell r="AI96">
            <v>0</v>
          </cell>
          <cell r="AJ96">
            <v>2</v>
          </cell>
          <cell r="AK96">
            <v>2</v>
          </cell>
          <cell r="AL96">
            <v>0</v>
          </cell>
          <cell r="AM96">
            <v>0</v>
          </cell>
          <cell r="AN96">
            <v>0</v>
          </cell>
          <cell r="AO96">
            <v>3</v>
          </cell>
          <cell r="AP96">
            <v>4.5</v>
          </cell>
          <cell r="AQ96">
            <v>6</v>
          </cell>
          <cell r="AR96">
            <v>1</v>
          </cell>
          <cell r="AS96">
            <v>0</v>
          </cell>
        </row>
        <row r="97">
          <cell r="A97" t="str">
            <v>AUT2013</v>
          </cell>
          <cell r="B97" t="str">
            <v>AUT</v>
          </cell>
          <cell r="C97">
            <v>2013</v>
          </cell>
          <cell r="D97">
            <v>1.8407738095238095</v>
          </cell>
          <cell r="E97">
            <v>2.0756448412698409</v>
          </cell>
          <cell r="F97">
            <v>2.3273809523809521</v>
          </cell>
          <cell r="G97">
            <v>2.3690476190476191</v>
          </cell>
          <cell r="H97">
            <v>2.1190476190476191</v>
          </cell>
          <cell r="I97">
            <v>1.3125</v>
          </cell>
          <cell r="J97">
            <v>2.1666666666666665</v>
          </cell>
          <cell r="K97">
            <v>3.25</v>
          </cell>
          <cell r="L97">
            <v>2.5</v>
          </cell>
          <cell r="M97">
            <v>0.85714285714285698</v>
          </cell>
          <cell r="N97">
            <v>3.75</v>
          </cell>
          <cell r="O97">
            <v>3</v>
          </cell>
          <cell r="P97">
            <v>1.75</v>
          </cell>
          <cell r="Q97">
            <v>0.875</v>
          </cell>
          <cell r="R97">
            <v>2.583333333333333</v>
          </cell>
          <cell r="S97">
            <v>4</v>
          </cell>
          <cell r="T97">
            <v>1</v>
          </cell>
          <cell r="U97">
            <v>3</v>
          </cell>
          <cell r="V97">
            <v>2</v>
          </cell>
          <cell r="W97">
            <v>1</v>
          </cell>
          <cell r="X97">
            <v>0</v>
          </cell>
          <cell r="Y97">
            <v>0</v>
          </cell>
          <cell r="Z97">
            <v>0</v>
          </cell>
          <cell r="AA97">
            <v>2</v>
          </cell>
          <cell r="AB97">
            <v>6</v>
          </cell>
          <cell r="AC97">
            <v>1</v>
          </cell>
          <cell r="AD97">
            <v>6</v>
          </cell>
          <cell r="AE97">
            <v>0</v>
          </cell>
          <cell r="AF97">
            <v>1</v>
          </cell>
          <cell r="AG97">
            <v>5</v>
          </cell>
          <cell r="AH97">
            <v>0</v>
          </cell>
          <cell r="AI97">
            <v>0.75</v>
          </cell>
          <cell r="AJ97">
            <v>2</v>
          </cell>
          <cell r="AK97">
            <v>4</v>
          </cell>
          <cell r="AL97">
            <v>0</v>
          </cell>
          <cell r="AM97">
            <v>0</v>
          </cell>
          <cell r="AN97">
            <v>6</v>
          </cell>
          <cell r="AO97">
            <v>6</v>
          </cell>
          <cell r="AP97">
            <v>6</v>
          </cell>
          <cell r="AQ97">
            <v>3</v>
          </cell>
          <cell r="AR97">
            <v>1</v>
          </cell>
          <cell r="AS97">
            <v>3</v>
          </cell>
        </row>
        <row r="98">
          <cell r="A98" t="str">
            <v>BEL2013</v>
          </cell>
          <cell r="B98" t="str">
            <v>BEL</v>
          </cell>
          <cell r="C98">
            <v>2013</v>
          </cell>
          <cell r="D98">
            <v>2.0922619047619047</v>
          </cell>
          <cell r="E98">
            <v>2.597718253968254</v>
          </cell>
          <cell r="F98">
            <v>2.7261904761904763</v>
          </cell>
          <cell r="G98">
            <v>1.8095238095238095</v>
          </cell>
          <cell r="H98">
            <v>2.0761904761904764</v>
          </cell>
          <cell r="I98">
            <v>2.375</v>
          </cell>
          <cell r="J98">
            <v>2.416666666666667</v>
          </cell>
          <cell r="K98">
            <v>5.125</v>
          </cell>
          <cell r="L98">
            <v>2</v>
          </cell>
          <cell r="M98">
            <v>2.4285714285714284</v>
          </cell>
          <cell r="N98">
            <v>1</v>
          </cell>
          <cell r="O98">
            <v>1.8</v>
          </cell>
          <cell r="P98">
            <v>1</v>
          </cell>
          <cell r="Q98">
            <v>3.75</v>
          </cell>
          <cell r="R98">
            <v>3.8333333333333335</v>
          </cell>
          <cell r="S98">
            <v>2</v>
          </cell>
          <cell r="T98">
            <v>2</v>
          </cell>
          <cell r="U98">
            <v>6</v>
          </cell>
          <cell r="V98">
            <v>5</v>
          </cell>
          <cell r="W98">
            <v>6</v>
          </cell>
          <cell r="X98">
            <v>0</v>
          </cell>
          <cell r="Y98">
            <v>0</v>
          </cell>
          <cell r="Z98">
            <v>0</v>
          </cell>
          <cell r="AA98">
            <v>0</v>
          </cell>
          <cell r="AB98">
            <v>4</v>
          </cell>
          <cell r="AC98">
            <v>0</v>
          </cell>
          <cell r="AD98">
            <v>0</v>
          </cell>
          <cell r="AE98">
            <v>5</v>
          </cell>
          <cell r="AF98">
            <v>0</v>
          </cell>
          <cell r="AG98">
            <v>2</v>
          </cell>
          <cell r="AH98">
            <v>2</v>
          </cell>
          <cell r="AI98">
            <v>3</v>
          </cell>
          <cell r="AJ98">
            <v>4</v>
          </cell>
          <cell r="AK98">
            <v>2</v>
          </cell>
          <cell r="AL98">
            <v>5</v>
          </cell>
          <cell r="AM98">
            <v>0</v>
          </cell>
          <cell r="AN98">
            <v>2</v>
          </cell>
          <cell r="AO98">
            <v>6</v>
          </cell>
          <cell r="AP98">
            <v>4.5</v>
          </cell>
          <cell r="AQ98">
            <v>6</v>
          </cell>
          <cell r="AR98">
            <v>4</v>
          </cell>
          <cell r="AS98">
            <v>6</v>
          </cell>
        </row>
        <row r="99">
          <cell r="A99" t="str">
            <v>CAN2013</v>
          </cell>
          <cell r="B99" t="str">
            <v>CAN</v>
          </cell>
          <cell r="C99">
            <v>2013</v>
          </cell>
          <cell r="D99">
            <v>0.58531746031746024</v>
          </cell>
          <cell r="E99">
            <v>0.98255621693121697</v>
          </cell>
          <cell r="F99">
            <v>0.96588955026455026</v>
          </cell>
          <cell r="G99">
            <v>0.92063492063492058</v>
          </cell>
          <cell r="H99">
            <v>0.92063492063492058</v>
          </cell>
          <cell r="I99">
            <v>0.25</v>
          </cell>
          <cell r="J99">
            <v>0.21</v>
          </cell>
          <cell r="K99">
            <v>2.96875</v>
          </cell>
          <cell r="L99">
            <v>1</v>
          </cell>
          <cell r="M99">
            <v>0.76190476190476186</v>
          </cell>
          <cell r="N99">
            <v>1</v>
          </cell>
          <cell r="O99">
            <v>1</v>
          </cell>
          <cell r="P99">
            <v>0</v>
          </cell>
          <cell r="Q99">
            <v>0.5</v>
          </cell>
          <cell r="R99">
            <v>0.42</v>
          </cell>
          <cell r="S99">
            <v>2</v>
          </cell>
          <cell r="T99">
            <v>0</v>
          </cell>
          <cell r="U99">
            <v>1</v>
          </cell>
          <cell r="V99">
            <v>2</v>
          </cell>
          <cell r="W99">
            <v>1</v>
          </cell>
          <cell r="X99">
            <v>0</v>
          </cell>
          <cell r="Y99">
            <v>0</v>
          </cell>
          <cell r="Z99">
            <v>1</v>
          </cell>
          <cell r="AA99">
            <v>0</v>
          </cell>
          <cell r="AB99" t="str">
            <v>..</v>
          </cell>
          <cell r="AC99" t="str">
            <v>..</v>
          </cell>
          <cell r="AD99">
            <v>2</v>
          </cell>
          <cell r="AE99">
            <v>1</v>
          </cell>
          <cell r="AF99">
            <v>0</v>
          </cell>
          <cell r="AG99">
            <v>0</v>
          </cell>
          <cell r="AH99">
            <v>0</v>
          </cell>
          <cell r="AI99">
            <v>0</v>
          </cell>
          <cell r="AJ99">
            <v>2</v>
          </cell>
          <cell r="AK99">
            <v>2</v>
          </cell>
          <cell r="AL99">
            <v>0</v>
          </cell>
          <cell r="AM99">
            <v>0</v>
          </cell>
          <cell r="AN99">
            <v>0.52</v>
          </cell>
          <cell r="AO99">
            <v>0</v>
          </cell>
          <cell r="AP99">
            <v>2.7450000000000001</v>
          </cell>
          <cell r="AQ99">
            <v>4.29</v>
          </cell>
          <cell r="AR99">
            <v>4</v>
          </cell>
          <cell r="AS99">
            <v>0.84000000000000008</v>
          </cell>
        </row>
        <row r="100">
          <cell r="A100" t="str">
            <v>CZE2013</v>
          </cell>
          <cell r="B100" t="str">
            <v>CZE</v>
          </cell>
          <cell r="C100">
            <v>2013</v>
          </cell>
          <cell r="D100">
            <v>2.181051587301587</v>
          </cell>
          <cell r="E100">
            <v>2.1717096560846558</v>
          </cell>
          <cell r="F100">
            <v>2.4373346560846558</v>
          </cell>
          <cell r="G100">
            <v>2.9246031746031744</v>
          </cell>
          <cell r="H100">
            <v>2.8746031746031746</v>
          </cell>
          <cell r="I100">
            <v>1.4375</v>
          </cell>
          <cell r="J100">
            <v>2.125</v>
          </cell>
          <cell r="K100">
            <v>2.125</v>
          </cell>
          <cell r="L100">
            <v>3.5</v>
          </cell>
          <cell r="M100">
            <v>2.5238095238095237</v>
          </cell>
          <cell r="N100">
            <v>2.75</v>
          </cell>
          <cell r="O100">
            <v>2.6</v>
          </cell>
          <cell r="P100">
            <v>1</v>
          </cell>
          <cell r="Q100">
            <v>1.875</v>
          </cell>
          <cell r="R100">
            <v>3.25</v>
          </cell>
          <cell r="S100">
            <v>4</v>
          </cell>
          <cell r="T100">
            <v>3</v>
          </cell>
          <cell r="U100">
            <v>6</v>
          </cell>
          <cell r="V100">
            <v>4</v>
          </cell>
          <cell r="W100">
            <v>1</v>
          </cell>
          <cell r="X100">
            <v>1</v>
          </cell>
          <cell r="Y100">
            <v>3</v>
          </cell>
          <cell r="Z100">
            <v>1</v>
          </cell>
          <cell r="AA100">
            <v>0</v>
          </cell>
          <cell r="AB100">
            <v>4</v>
          </cell>
          <cell r="AC100">
            <v>1</v>
          </cell>
          <cell r="AD100">
            <v>6</v>
          </cell>
          <cell r="AE100">
            <v>2</v>
          </cell>
          <cell r="AF100">
            <v>0</v>
          </cell>
          <cell r="AG100">
            <v>3</v>
          </cell>
          <cell r="AH100">
            <v>1</v>
          </cell>
          <cell r="AI100">
            <v>0.75</v>
          </cell>
          <cell r="AJ100">
            <v>2</v>
          </cell>
          <cell r="AK100">
            <v>2</v>
          </cell>
          <cell r="AL100">
            <v>4</v>
          </cell>
          <cell r="AM100">
            <v>0</v>
          </cell>
          <cell r="AN100">
            <v>6</v>
          </cell>
          <cell r="AO100">
            <v>6</v>
          </cell>
          <cell r="AP100">
            <v>4.5</v>
          </cell>
          <cell r="AQ100">
            <v>3</v>
          </cell>
          <cell r="AR100">
            <v>1</v>
          </cell>
          <cell r="AS100">
            <v>0</v>
          </cell>
        </row>
        <row r="101">
          <cell r="A101" t="str">
            <v>DNK2013</v>
          </cell>
          <cell r="B101" t="str">
            <v>DNK</v>
          </cell>
          <cell r="C101">
            <v>2013</v>
          </cell>
          <cell r="D101">
            <v>1.7867063492063491</v>
          </cell>
          <cell r="E101">
            <v>1.9680886243386242</v>
          </cell>
          <cell r="F101">
            <v>2.1000330687830684</v>
          </cell>
          <cell r="G101">
            <v>2.1984126984126982</v>
          </cell>
          <cell r="H101">
            <v>2.0984126984126985</v>
          </cell>
          <cell r="I101">
            <v>1.375</v>
          </cell>
          <cell r="J101">
            <v>1.7916666666666665</v>
          </cell>
          <cell r="K101">
            <v>2.875</v>
          </cell>
          <cell r="L101">
            <v>3</v>
          </cell>
          <cell r="M101">
            <v>2.0952380952380949</v>
          </cell>
          <cell r="N101">
            <v>1.5</v>
          </cell>
          <cell r="O101">
            <v>1.2000000000000002</v>
          </cell>
          <cell r="P101">
            <v>2.25</v>
          </cell>
          <cell r="Q101">
            <v>0.5</v>
          </cell>
          <cell r="R101">
            <v>1.3333333333333333</v>
          </cell>
          <cell r="S101">
            <v>4</v>
          </cell>
          <cell r="T101">
            <v>2</v>
          </cell>
          <cell r="U101">
            <v>5</v>
          </cell>
          <cell r="V101">
            <v>5</v>
          </cell>
          <cell r="W101">
            <v>2</v>
          </cell>
          <cell r="X101">
            <v>0</v>
          </cell>
          <cell r="Y101">
            <v>1</v>
          </cell>
          <cell r="Z101">
            <v>1</v>
          </cell>
          <cell r="AA101">
            <v>0</v>
          </cell>
          <cell r="AB101">
            <v>3</v>
          </cell>
          <cell r="AC101">
            <v>1</v>
          </cell>
          <cell r="AD101">
            <v>2</v>
          </cell>
          <cell r="AE101">
            <v>0</v>
          </cell>
          <cell r="AF101">
            <v>1</v>
          </cell>
          <cell r="AG101">
            <v>4</v>
          </cell>
          <cell r="AH101">
            <v>3</v>
          </cell>
          <cell r="AI101">
            <v>0</v>
          </cell>
          <cell r="AJ101">
            <v>2</v>
          </cell>
          <cell r="AK101">
            <v>2</v>
          </cell>
          <cell r="AL101">
            <v>0</v>
          </cell>
          <cell r="AM101">
            <v>0</v>
          </cell>
          <cell r="AN101">
            <v>0</v>
          </cell>
          <cell r="AO101">
            <v>6</v>
          </cell>
          <cell r="AP101">
            <v>4.5</v>
          </cell>
          <cell r="AQ101">
            <v>3</v>
          </cell>
          <cell r="AR101">
            <v>1</v>
          </cell>
          <cell r="AS101">
            <v>3</v>
          </cell>
        </row>
        <row r="102">
          <cell r="A102" t="str">
            <v>FIN2013</v>
          </cell>
          <cell r="B102" t="str">
            <v>FIN</v>
          </cell>
          <cell r="C102">
            <v>2013</v>
          </cell>
          <cell r="D102">
            <v>1.8645833333333333</v>
          </cell>
          <cell r="E102">
            <v>1.8246527777777775</v>
          </cell>
          <cell r="F102">
            <v>2.0451388888888888</v>
          </cell>
          <cell r="G102">
            <v>2.1666666666666665</v>
          </cell>
          <cell r="H102">
            <v>2.3833333333333333</v>
          </cell>
          <cell r="I102">
            <v>1.5625</v>
          </cell>
          <cell r="J102">
            <v>1.875</v>
          </cell>
          <cell r="K102">
            <v>1.625</v>
          </cell>
          <cell r="L102">
            <v>2.75</v>
          </cell>
          <cell r="M102">
            <v>1</v>
          </cell>
          <cell r="N102">
            <v>2.75</v>
          </cell>
          <cell r="O102">
            <v>3.4000000000000004</v>
          </cell>
          <cell r="P102">
            <v>2</v>
          </cell>
          <cell r="Q102">
            <v>1.125</v>
          </cell>
          <cell r="R102">
            <v>1.75</v>
          </cell>
          <cell r="S102">
            <v>3.5</v>
          </cell>
          <cell r="T102">
            <v>2</v>
          </cell>
          <cell r="U102">
            <v>2</v>
          </cell>
          <cell r="V102">
            <v>2</v>
          </cell>
          <cell r="W102">
            <v>3</v>
          </cell>
          <cell r="X102">
            <v>0</v>
          </cell>
          <cell r="Y102">
            <v>0</v>
          </cell>
          <cell r="Z102">
            <v>0</v>
          </cell>
          <cell r="AA102">
            <v>4</v>
          </cell>
          <cell r="AB102">
            <v>4</v>
          </cell>
          <cell r="AC102">
            <v>3</v>
          </cell>
          <cell r="AD102">
            <v>0</v>
          </cell>
          <cell r="AE102">
            <v>6</v>
          </cell>
          <cell r="AF102">
            <v>2</v>
          </cell>
          <cell r="AG102">
            <v>4</v>
          </cell>
          <cell r="AH102">
            <v>0</v>
          </cell>
          <cell r="AI102">
            <v>0.75</v>
          </cell>
          <cell r="AJ102">
            <v>2</v>
          </cell>
          <cell r="AK102">
            <v>4</v>
          </cell>
          <cell r="AL102">
            <v>1</v>
          </cell>
          <cell r="AM102">
            <v>0</v>
          </cell>
          <cell r="AN102">
            <v>0</v>
          </cell>
          <cell r="AO102">
            <v>6</v>
          </cell>
          <cell r="AP102">
            <v>4.5</v>
          </cell>
          <cell r="AQ102">
            <v>0</v>
          </cell>
          <cell r="AR102">
            <v>2</v>
          </cell>
          <cell r="AS102">
            <v>0</v>
          </cell>
        </row>
        <row r="103">
          <cell r="A103" t="str">
            <v>FRA2013</v>
          </cell>
          <cell r="B103" t="str">
            <v>FRA</v>
          </cell>
          <cell r="C103">
            <v>2013</v>
          </cell>
          <cell r="D103">
            <v>3.0049603174603172</v>
          </cell>
          <cell r="E103">
            <v>3.0666335978835981</v>
          </cell>
          <cell r="F103">
            <v>3.2089947089947088</v>
          </cell>
          <cell r="G103">
            <v>2.3849206349206349</v>
          </cell>
          <cell r="H103">
            <v>2.6015873015873017</v>
          </cell>
          <cell r="I103">
            <v>3.625</v>
          </cell>
          <cell r="J103">
            <v>3.75</v>
          </cell>
          <cell r="K103">
            <v>3.375</v>
          </cell>
          <cell r="L103">
            <v>2.5</v>
          </cell>
          <cell r="M103">
            <v>1.9047619047619047</v>
          </cell>
          <cell r="N103">
            <v>2.75</v>
          </cell>
          <cell r="O103">
            <v>3.4000000000000004</v>
          </cell>
          <cell r="P103">
            <v>4</v>
          </cell>
          <cell r="Q103">
            <v>3.25</v>
          </cell>
          <cell r="R103">
            <v>3.5</v>
          </cell>
          <cell r="S103">
            <v>3</v>
          </cell>
          <cell r="T103">
            <v>2</v>
          </cell>
          <cell r="U103">
            <v>3</v>
          </cell>
          <cell r="V103">
            <v>4</v>
          </cell>
          <cell r="W103">
            <v>1</v>
          </cell>
          <cell r="X103">
            <v>0</v>
          </cell>
          <cell r="Y103">
            <v>2</v>
          </cell>
          <cell r="Z103">
            <v>2</v>
          </cell>
          <cell r="AA103">
            <v>4</v>
          </cell>
          <cell r="AB103">
            <v>4</v>
          </cell>
          <cell r="AC103">
            <v>3</v>
          </cell>
          <cell r="AD103">
            <v>0</v>
          </cell>
          <cell r="AE103">
            <v>6</v>
          </cell>
          <cell r="AF103">
            <v>4</v>
          </cell>
          <cell r="AG103">
            <v>4</v>
          </cell>
          <cell r="AH103">
            <v>4</v>
          </cell>
          <cell r="AI103">
            <v>3</v>
          </cell>
          <cell r="AJ103">
            <v>4</v>
          </cell>
          <cell r="AK103">
            <v>4</v>
          </cell>
          <cell r="AL103">
            <v>3</v>
          </cell>
          <cell r="AM103">
            <v>3</v>
          </cell>
          <cell r="AN103">
            <v>2</v>
          </cell>
          <cell r="AO103">
            <v>6</v>
          </cell>
          <cell r="AP103">
            <v>4.5</v>
          </cell>
          <cell r="AQ103">
            <v>3</v>
          </cell>
          <cell r="AR103">
            <v>3</v>
          </cell>
          <cell r="AS103">
            <v>3</v>
          </cell>
        </row>
        <row r="104">
          <cell r="A104" t="str">
            <v>DEU2013</v>
          </cell>
          <cell r="B104" t="str">
            <v>DEU</v>
          </cell>
          <cell r="C104">
            <v>2013</v>
          </cell>
          <cell r="D104">
            <v>1.9970238095238095</v>
          </cell>
          <cell r="E104">
            <v>2.2683531746031744</v>
          </cell>
          <cell r="F104">
            <v>2.4662698412698409</v>
          </cell>
          <cell r="G104">
            <v>2.8690476190476191</v>
          </cell>
          <cell r="H104">
            <v>2.7190476190476187</v>
          </cell>
          <cell r="I104">
            <v>1.125</v>
          </cell>
          <cell r="J104">
            <v>1.75</v>
          </cell>
          <cell r="K104">
            <v>3.625</v>
          </cell>
          <cell r="L104">
            <v>3.5</v>
          </cell>
          <cell r="M104">
            <v>1.857142857142857</v>
          </cell>
          <cell r="N104">
            <v>3.25</v>
          </cell>
          <cell r="O104">
            <v>2.8000000000000003</v>
          </cell>
          <cell r="P104">
            <v>0.75</v>
          </cell>
          <cell r="Q104">
            <v>1.5</v>
          </cell>
          <cell r="R104">
            <v>2.75</v>
          </cell>
          <cell r="S104">
            <v>5</v>
          </cell>
          <cell r="T104">
            <v>2</v>
          </cell>
          <cell r="U104">
            <v>3</v>
          </cell>
          <cell r="V104">
            <v>2</v>
          </cell>
          <cell r="W104">
            <v>4</v>
          </cell>
          <cell r="X104">
            <v>1</v>
          </cell>
          <cell r="Y104">
            <v>1</v>
          </cell>
          <cell r="Z104">
            <v>1</v>
          </cell>
          <cell r="AA104">
            <v>4</v>
          </cell>
          <cell r="AB104">
            <v>3</v>
          </cell>
          <cell r="AC104">
            <v>3</v>
          </cell>
          <cell r="AD104">
            <v>3</v>
          </cell>
          <cell r="AE104">
            <v>1</v>
          </cell>
          <cell r="AF104">
            <v>0</v>
          </cell>
          <cell r="AG104">
            <v>2</v>
          </cell>
          <cell r="AH104">
            <v>1</v>
          </cell>
          <cell r="AI104">
            <v>1.5</v>
          </cell>
          <cell r="AJ104">
            <v>2</v>
          </cell>
          <cell r="AK104">
            <v>4</v>
          </cell>
          <cell r="AL104">
            <v>1</v>
          </cell>
          <cell r="AM104">
            <v>0</v>
          </cell>
          <cell r="AN104">
            <v>6</v>
          </cell>
          <cell r="AO104">
            <v>4.5</v>
          </cell>
          <cell r="AP104">
            <v>6</v>
          </cell>
          <cell r="AQ104">
            <v>3</v>
          </cell>
          <cell r="AR104">
            <v>1</v>
          </cell>
          <cell r="AS104">
            <v>4.5</v>
          </cell>
        </row>
        <row r="105">
          <cell r="A105" t="str">
            <v>GRC2013</v>
          </cell>
          <cell r="B105" t="str">
            <v>GRC</v>
          </cell>
          <cell r="C105">
            <v>2013</v>
          </cell>
          <cell r="D105">
            <v>2.1845238095238093</v>
          </cell>
          <cell r="E105">
            <v>2.3621031746031744</v>
          </cell>
          <cell r="F105">
            <v>2.6213624338624335</v>
          </cell>
          <cell r="G105">
            <v>2.1190476190476191</v>
          </cell>
          <cell r="H105">
            <v>2.0746031746031748</v>
          </cell>
          <cell r="I105">
            <v>2.25</v>
          </cell>
          <cell r="J105">
            <v>2.9166666666666665</v>
          </cell>
          <cell r="K105">
            <v>3.25</v>
          </cell>
          <cell r="L105">
            <v>2.5</v>
          </cell>
          <cell r="M105">
            <v>1.1904761904761905</v>
          </cell>
          <cell r="N105">
            <v>2.6666666666666665</v>
          </cell>
          <cell r="O105">
            <v>2.5333333333333332</v>
          </cell>
          <cell r="P105">
            <v>3</v>
          </cell>
          <cell r="Q105">
            <v>1.5</v>
          </cell>
          <cell r="R105">
            <v>2.833333333333333</v>
          </cell>
          <cell r="S105">
            <v>4</v>
          </cell>
          <cell r="T105">
            <v>1</v>
          </cell>
          <cell r="U105">
            <v>0</v>
          </cell>
          <cell r="V105">
            <v>2</v>
          </cell>
          <cell r="W105">
            <v>1</v>
          </cell>
          <cell r="X105">
            <v>0</v>
          </cell>
          <cell r="Y105">
            <v>2</v>
          </cell>
          <cell r="Z105">
            <v>2</v>
          </cell>
          <cell r="AA105">
            <v>1</v>
          </cell>
          <cell r="AB105">
            <v>3</v>
          </cell>
          <cell r="AC105" t="str">
            <v>..</v>
          </cell>
          <cell r="AD105">
            <v>4</v>
          </cell>
          <cell r="AE105">
            <v>2</v>
          </cell>
          <cell r="AF105">
            <v>4</v>
          </cell>
          <cell r="AG105">
            <v>3</v>
          </cell>
          <cell r="AH105">
            <v>1</v>
          </cell>
          <cell r="AI105">
            <v>1.5</v>
          </cell>
          <cell r="AJ105">
            <v>2</v>
          </cell>
          <cell r="AK105">
            <v>2</v>
          </cell>
          <cell r="AL105">
            <v>1</v>
          </cell>
          <cell r="AM105">
            <v>1</v>
          </cell>
          <cell r="AN105">
            <v>5</v>
          </cell>
          <cell r="AO105">
            <v>6</v>
          </cell>
          <cell r="AP105">
            <v>6</v>
          </cell>
          <cell r="AQ105">
            <v>3</v>
          </cell>
          <cell r="AR105">
            <v>1</v>
          </cell>
          <cell r="AS105">
            <v>3</v>
          </cell>
        </row>
        <row r="106">
          <cell r="A106" t="str">
            <v>HUN2013</v>
          </cell>
          <cell r="B106" t="str">
            <v>HUN</v>
          </cell>
          <cell r="C106">
            <v>2013</v>
          </cell>
          <cell r="D106">
            <v>1.4186507936507935</v>
          </cell>
          <cell r="E106">
            <v>1.7863756613756614</v>
          </cell>
          <cell r="F106">
            <v>2.043320105820106</v>
          </cell>
          <cell r="G106">
            <v>1.5873015873015872</v>
          </cell>
          <cell r="H106">
            <v>1.4539682539682541</v>
          </cell>
          <cell r="I106">
            <v>1.25</v>
          </cell>
          <cell r="J106">
            <v>2</v>
          </cell>
          <cell r="K106">
            <v>3.625</v>
          </cell>
          <cell r="L106">
            <v>1</v>
          </cell>
          <cell r="M106">
            <v>1.7619047619047619</v>
          </cell>
          <cell r="N106">
            <v>2</v>
          </cell>
          <cell r="O106">
            <v>1.6</v>
          </cell>
          <cell r="P106">
            <v>1.75</v>
          </cell>
          <cell r="Q106">
            <v>0.75</v>
          </cell>
          <cell r="R106">
            <v>2.25</v>
          </cell>
          <cell r="S106">
            <v>2</v>
          </cell>
          <cell r="T106">
            <v>0</v>
          </cell>
          <cell r="U106">
            <v>3</v>
          </cell>
          <cell r="V106">
            <v>2</v>
          </cell>
          <cell r="W106">
            <v>2</v>
          </cell>
          <cell r="X106">
            <v>0</v>
          </cell>
          <cell r="Y106">
            <v>2</v>
          </cell>
          <cell r="Z106">
            <v>2</v>
          </cell>
          <cell r="AA106">
            <v>0</v>
          </cell>
          <cell r="AB106">
            <v>4</v>
          </cell>
          <cell r="AC106">
            <v>2</v>
          </cell>
          <cell r="AD106">
            <v>2</v>
          </cell>
          <cell r="AE106">
            <v>0</v>
          </cell>
          <cell r="AF106">
            <v>1</v>
          </cell>
          <cell r="AG106">
            <v>4</v>
          </cell>
          <cell r="AH106">
            <v>1</v>
          </cell>
          <cell r="AI106">
            <v>0</v>
          </cell>
          <cell r="AJ106">
            <v>2</v>
          </cell>
          <cell r="AK106">
            <v>2</v>
          </cell>
          <cell r="AL106">
            <v>1</v>
          </cell>
          <cell r="AM106">
            <v>0</v>
          </cell>
          <cell r="AN106">
            <v>6</v>
          </cell>
          <cell r="AO106">
            <v>4.5</v>
          </cell>
          <cell r="AP106">
            <v>4.5</v>
          </cell>
          <cell r="AQ106">
            <v>6</v>
          </cell>
          <cell r="AR106">
            <v>4</v>
          </cell>
          <cell r="AS106">
            <v>0</v>
          </cell>
        </row>
        <row r="107">
          <cell r="A107" t="str">
            <v>ISL2013</v>
          </cell>
          <cell r="B107" t="str">
            <v>ISL</v>
          </cell>
          <cell r="C107">
            <v>2013</v>
          </cell>
          <cell r="D107">
            <v>1.1775793650793651</v>
          </cell>
          <cell r="E107">
            <v>1.5646494708994707</v>
          </cell>
          <cell r="F107">
            <v>1.9720568783068781</v>
          </cell>
          <cell r="G107">
            <v>1.73015873015873</v>
          </cell>
          <cell r="H107">
            <v>2.0412698412698411</v>
          </cell>
          <cell r="I107">
            <v>0.625</v>
          </cell>
          <cell r="J107">
            <v>1.2916666666666665</v>
          </cell>
          <cell r="K107">
            <v>3.5</v>
          </cell>
          <cell r="L107">
            <v>2</v>
          </cell>
          <cell r="M107">
            <v>1.8571428571428568</v>
          </cell>
          <cell r="N107">
            <v>1.3333333333333333</v>
          </cell>
          <cell r="O107">
            <v>2.2666666666666666</v>
          </cell>
          <cell r="P107">
            <v>0.75</v>
          </cell>
          <cell r="Q107">
            <v>0.5</v>
          </cell>
          <cell r="R107">
            <v>1.8333333333333333</v>
          </cell>
          <cell r="S107">
            <v>2</v>
          </cell>
          <cell r="T107">
            <v>2</v>
          </cell>
          <cell r="U107">
            <v>6</v>
          </cell>
          <cell r="V107">
            <v>5</v>
          </cell>
          <cell r="W107">
            <v>2</v>
          </cell>
          <cell r="X107">
            <v>0</v>
          </cell>
          <cell r="Y107">
            <v>0</v>
          </cell>
          <cell r="Z107">
            <v>0</v>
          </cell>
          <cell r="AA107">
            <v>0</v>
          </cell>
          <cell r="AB107">
            <v>4</v>
          </cell>
          <cell r="AC107" t="str">
            <v>..</v>
          </cell>
          <cell r="AD107">
            <v>0</v>
          </cell>
          <cell r="AE107">
            <v>6</v>
          </cell>
          <cell r="AF107">
            <v>0</v>
          </cell>
          <cell r="AG107">
            <v>0</v>
          </cell>
          <cell r="AH107">
            <v>3</v>
          </cell>
          <cell r="AI107">
            <v>0</v>
          </cell>
          <cell r="AJ107">
            <v>2</v>
          </cell>
          <cell r="AK107">
            <v>2</v>
          </cell>
          <cell r="AL107">
            <v>0</v>
          </cell>
          <cell r="AM107">
            <v>0</v>
          </cell>
          <cell r="AN107">
            <v>6</v>
          </cell>
          <cell r="AO107">
            <v>3</v>
          </cell>
          <cell r="AP107">
            <v>4.5</v>
          </cell>
          <cell r="AQ107">
            <v>6</v>
          </cell>
          <cell r="AR107" t="str">
            <v>..</v>
          </cell>
          <cell r="AS107">
            <v>0</v>
          </cell>
        </row>
        <row r="108">
          <cell r="A108" t="str">
            <v>IRL2013</v>
          </cell>
          <cell r="B108" t="str">
            <v>IRL</v>
          </cell>
          <cell r="C108">
            <v>2013</v>
          </cell>
          <cell r="D108">
            <v>1.0109126984126986</v>
          </cell>
          <cell r="E108">
            <v>1.4257605820105823</v>
          </cell>
          <cell r="F108">
            <v>1.7104828042328042</v>
          </cell>
          <cell r="G108">
            <v>1.396825396825397</v>
          </cell>
          <cell r="H108">
            <v>1.4968253968253968</v>
          </cell>
          <cell r="I108">
            <v>0.625</v>
          </cell>
          <cell r="J108">
            <v>1.2083333333333333</v>
          </cell>
          <cell r="K108">
            <v>3.5</v>
          </cell>
          <cell r="L108">
            <v>1.5</v>
          </cell>
          <cell r="M108">
            <v>1.1904761904761905</v>
          </cell>
          <cell r="N108">
            <v>1.5</v>
          </cell>
          <cell r="O108">
            <v>1.8000000000000003</v>
          </cell>
          <cell r="P108">
            <v>0.75</v>
          </cell>
          <cell r="Q108">
            <v>0.5</v>
          </cell>
          <cell r="R108">
            <v>1.6666666666666665</v>
          </cell>
          <cell r="S108">
            <v>2</v>
          </cell>
          <cell r="T108">
            <v>1</v>
          </cell>
          <cell r="U108">
            <v>1</v>
          </cell>
          <cell r="V108">
            <v>1</v>
          </cell>
          <cell r="W108">
            <v>1</v>
          </cell>
          <cell r="X108">
            <v>0</v>
          </cell>
          <cell r="Y108">
            <v>2</v>
          </cell>
          <cell r="Z108">
            <v>2</v>
          </cell>
          <cell r="AA108">
            <v>0</v>
          </cell>
          <cell r="AB108">
            <v>2</v>
          </cell>
          <cell r="AC108">
            <v>2</v>
          </cell>
          <cell r="AD108">
            <v>2</v>
          </cell>
          <cell r="AE108">
            <v>3</v>
          </cell>
          <cell r="AF108">
            <v>1</v>
          </cell>
          <cell r="AG108">
            <v>0</v>
          </cell>
          <cell r="AH108">
            <v>1</v>
          </cell>
          <cell r="AI108">
            <v>0</v>
          </cell>
          <cell r="AJ108">
            <v>2</v>
          </cell>
          <cell r="AK108">
            <v>2</v>
          </cell>
          <cell r="AL108">
            <v>0</v>
          </cell>
          <cell r="AM108">
            <v>0</v>
          </cell>
          <cell r="AN108">
            <v>2</v>
          </cell>
          <cell r="AO108">
            <v>6</v>
          </cell>
          <cell r="AP108">
            <v>6</v>
          </cell>
          <cell r="AQ108">
            <v>6</v>
          </cell>
          <cell r="AR108">
            <v>2</v>
          </cell>
          <cell r="AS108">
            <v>0</v>
          </cell>
        </row>
        <row r="109">
          <cell r="A109" t="str">
            <v>ITA2013</v>
          </cell>
          <cell r="B109" t="str">
            <v>ITA</v>
          </cell>
          <cell r="C109">
            <v>2013</v>
          </cell>
          <cell r="D109">
            <v>2.2559523809523809</v>
          </cell>
          <cell r="E109">
            <v>2.5049603174603177</v>
          </cell>
          <cell r="F109">
            <v>2.7584325396825395</v>
          </cell>
          <cell r="G109">
            <v>2.5119047619047619</v>
          </cell>
          <cell r="H109">
            <v>2.4119047619047618</v>
          </cell>
          <cell r="I109">
            <v>2</v>
          </cell>
          <cell r="J109">
            <v>2.708333333333333</v>
          </cell>
          <cell r="K109">
            <v>3.75</v>
          </cell>
          <cell r="L109">
            <v>2.75</v>
          </cell>
          <cell r="M109">
            <v>1.2857142857142856</v>
          </cell>
          <cell r="N109">
            <v>3.5</v>
          </cell>
          <cell r="O109">
            <v>3.2</v>
          </cell>
          <cell r="P109">
            <v>2.25</v>
          </cell>
          <cell r="Q109">
            <v>1.75</v>
          </cell>
          <cell r="R109">
            <v>3.1666666666666665</v>
          </cell>
          <cell r="S109">
            <v>3.5</v>
          </cell>
          <cell r="T109">
            <v>2</v>
          </cell>
          <cell r="U109">
            <v>4</v>
          </cell>
          <cell r="V109">
            <v>3</v>
          </cell>
          <cell r="W109">
            <v>2</v>
          </cell>
          <cell r="X109">
            <v>0</v>
          </cell>
          <cell r="Y109">
            <v>0</v>
          </cell>
          <cell r="Z109">
            <v>0</v>
          </cell>
          <cell r="AA109">
            <v>4</v>
          </cell>
          <cell r="AB109">
            <v>4</v>
          </cell>
          <cell r="AC109">
            <v>4</v>
          </cell>
          <cell r="AD109">
            <v>2</v>
          </cell>
          <cell r="AE109">
            <v>2</v>
          </cell>
          <cell r="AF109">
            <v>2</v>
          </cell>
          <cell r="AG109">
            <v>4</v>
          </cell>
          <cell r="AH109">
            <v>1</v>
          </cell>
          <cell r="AI109">
            <v>1.5</v>
          </cell>
          <cell r="AJ109">
            <v>4</v>
          </cell>
          <cell r="AK109">
            <v>2</v>
          </cell>
          <cell r="AL109">
            <v>0</v>
          </cell>
          <cell r="AM109">
            <v>0</v>
          </cell>
          <cell r="AN109">
            <v>6</v>
          </cell>
          <cell r="AO109">
            <v>6</v>
          </cell>
          <cell r="AP109">
            <v>6</v>
          </cell>
          <cell r="AQ109">
            <v>3</v>
          </cell>
          <cell r="AR109">
            <v>3</v>
          </cell>
          <cell r="AS109">
            <v>3</v>
          </cell>
        </row>
        <row r="110">
          <cell r="A110" t="str">
            <v>JPN2013</v>
          </cell>
          <cell r="B110" t="str">
            <v>JPN</v>
          </cell>
          <cell r="C110">
            <v>2013</v>
          </cell>
          <cell r="D110">
            <v>1.1220238095238093</v>
          </cell>
          <cell r="E110">
            <v>1.4766865079365079</v>
          </cell>
          <cell r="F110">
            <v>1.7371031746031744</v>
          </cell>
          <cell r="G110">
            <v>1.3690476190476188</v>
          </cell>
          <cell r="H110">
            <v>1.6190476190476188</v>
          </cell>
          <cell r="I110">
            <v>0.875</v>
          </cell>
          <cell r="J110">
            <v>1.25</v>
          </cell>
          <cell r="K110">
            <v>3.25</v>
          </cell>
          <cell r="L110">
            <v>1</v>
          </cell>
          <cell r="M110">
            <v>0.85714285714285698</v>
          </cell>
          <cell r="N110">
            <v>2.25</v>
          </cell>
          <cell r="O110">
            <v>3</v>
          </cell>
          <cell r="P110">
            <v>0.25</v>
          </cell>
          <cell r="Q110">
            <v>1.5</v>
          </cell>
          <cell r="R110">
            <v>2.25</v>
          </cell>
          <cell r="S110">
            <v>2</v>
          </cell>
          <cell r="T110">
            <v>0</v>
          </cell>
          <cell r="U110">
            <v>3</v>
          </cell>
          <cell r="V110">
            <v>2</v>
          </cell>
          <cell r="W110">
            <v>1</v>
          </cell>
          <cell r="X110">
            <v>0</v>
          </cell>
          <cell r="Y110">
            <v>0</v>
          </cell>
          <cell r="Z110">
            <v>0</v>
          </cell>
          <cell r="AA110">
            <v>2</v>
          </cell>
          <cell r="AB110">
            <v>4</v>
          </cell>
          <cell r="AC110">
            <v>1</v>
          </cell>
          <cell r="AD110">
            <v>2</v>
          </cell>
          <cell r="AE110">
            <v>6</v>
          </cell>
          <cell r="AF110">
            <v>0</v>
          </cell>
          <cell r="AG110">
            <v>1</v>
          </cell>
          <cell r="AH110">
            <v>0</v>
          </cell>
          <cell r="AI110">
            <v>1.5</v>
          </cell>
          <cell r="AJ110">
            <v>2</v>
          </cell>
          <cell r="AK110">
            <v>2</v>
          </cell>
          <cell r="AL110">
            <v>1</v>
          </cell>
          <cell r="AM110">
            <v>1</v>
          </cell>
          <cell r="AN110">
            <v>6</v>
          </cell>
          <cell r="AO110">
            <v>1.5</v>
          </cell>
          <cell r="AP110">
            <v>3</v>
          </cell>
          <cell r="AQ110">
            <v>6</v>
          </cell>
          <cell r="AR110">
            <v>1</v>
          </cell>
          <cell r="AS110">
            <v>3</v>
          </cell>
        </row>
        <row r="111">
          <cell r="A111" t="str">
            <v>KOR2013</v>
          </cell>
          <cell r="B111" t="str">
            <v>KOR</v>
          </cell>
          <cell r="C111">
            <v>2013</v>
          </cell>
          <cell r="D111">
            <v>2.2470238095238093</v>
          </cell>
          <cell r="E111">
            <v>2.1850198412698409</v>
          </cell>
          <cell r="F111">
            <v>2.3239087301587298</v>
          </cell>
          <cell r="G111">
            <v>2.3690476190476191</v>
          </cell>
          <cell r="H111">
            <v>2.2857142857142856</v>
          </cell>
          <cell r="I111">
            <v>2.125</v>
          </cell>
          <cell r="J111">
            <v>2.5416666666666665</v>
          </cell>
          <cell r="K111">
            <v>1.875</v>
          </cell>
          <cell r="L111">
            <v>3</v>
          </cell>
          <cell r="M111">
            <v>0.85714285714285698</v>
          </cell>
          <cell r="N111">
            <v>3.25</v>
          </cell>
          <cell r="O111">
            <v>3</v>
          </cell>
          <cell r="P111">
            <v>0.75</v>
          </cell>
          <cell r="Q111">
            <v>3.5</v>
          </cell>
          <cell r="R111">
            <v>4.333333333333333</v>
          </cell>
          <cell r="S111">
            <v>3</v>
          </cell>
          <cell r="T111">
            <v>3</v>
          </cell>
          <cell r="U111">
            <v>3</v>
          </cell>
          <cell r="V111">
            <v>2</v>
          </cell>
          <cell r="W111">
            <v>1</v>
          </cell>
          <cell r="X111">
            <v>0</v>
          </cell>
          <cell r="Y111">
            <v>0</v>
          </cell>
          <cell r="Z111">
            <v>0</v>
          </cell>
          <cell r="AA111">
            <v>2</v>
          </cell>
          <cell r="AB111">
            <v>4</v>
          </cell>
          <cell r="AC111">
            <v>1</v>
          </cell>
          <cell r="AD111">
            <v>6</v>
          </cell>
          <cell r="AE111">
            <v>2</v>
          </cell>
          <cell r="AF111">
            <v>0</v>
          </cell>
          <cell r="AG111">
            <v>0</v>
          </cell>
          <cell r="AH111">
            <v>3</v>
          </cell>
          <cell r="AI111">
            <v>3</v>
          </cell>
          <cell r="AJ111">
            <v>4</v>
          </cell>
          <cell r="AK111">
            <v>2</v>
          </cell>
          <cell r="AL111">
            <v>4</v>
          </cell>
          <cell r="AM111">
            <v>0</v>
          </cell>
          <cell r="AN111">
            <v>6</v>
          </cell>
          <cell r="AO111">
            <v>6</v>
          </cell>
          <cell r="AP111">
            <v>4.5</v>
          </cell>
          <cell r="AQ111">
            <v>3</v>
          </cell>
          <cell r="AR111">
            <v>0</v>
          </cell>
          <cell r="AS111">
            <v>0</v>
          </cell>
        </row>
        <row r="112">
          <cell r="A112" t="str">
            <v>LUX2013</v>
          </cell>
          <cell r="B112" t="str">
            <v>LUX</v>
          </cell>
          <cell r="C112">
            <v>2013</v>
          </cell>
          <cell r="D112">
            <v>2.998015873015873</v>
          </cell>
          <cell r="E112">
            <v>3.1441798941798944</v>
          </cell>
          <cell r="F112">
            <v>3.1927910052910056</v>
          </cell>
          <cell r="G112">
            <v>2.246031746031746</v>
          </cell>
          <cell r="H112">
            <v>2.2793650793650797</v>
          </cell>
          <cell r="I112">
            <v>3.75</v>
          </cell>
          <cell r="J112">
            <v>3.833333333333333</v>
          </cell>
          <cell r="K112">
            <v>3.875</v>
          </cell>
          <cell r="L112">
            <v>3</v>
          </cell>
          <cell r="M112">
            <v>2.2380952380952381</v>
          </cell>
          <cell r="N112">
            <v>1.5</v>
          </cell>
          <cell r="O112">
            <v>1.6</v>
          </cell>
          <cell r="P112">
            <v>4</v>
          </cell>
          <cell r="Q112">
            <v>3.5</v>
          </cell>
          <cell r="R112">
            <v>3.6666666666666665</v>
          </cell>
          <cell r="S112">
            <v>4</v>
          </cell>
          <cell r="T112">
            <v>2</v>
          </cell>
          <cell r="U112">
            <v>6</v>
          </cell>
          <cell r="V112">
            <v>4</v>
          </cell>
          <cell r="W112">
            <v>3</v>
          </cell>
          <cell r="X112">
            <v>0</v>
          </cell>
          <cell r="Y112">
            <v>0</v>
          </cell>
          <cell r="Z112">
            <v>2</v>
          </cell>
          <cell r="AA112">
            <v>2</v>
          </cell>
          <cell r="AB112">
            <v>3</v>
          </cell>
          <cell r="AC112">
            <v>1</v>
          </cell>
          <cell r="AD112">
            <v>0</v>
          </cell>
          <cell r="AE112">
            <v>2</v>
          </cell>
          <cell r="AF112">
            <v>5</v>
          </cell>
          <cell r="AG112">
            <v>3</v>
          </cell>
          <cell r="AH112">
            <v>3</v>
          </cell>
          <cell r="AI112">
            <v>3</v>
          </cell>
          <cell r="AJ112">
            <v>4</v>
          </cell>
          <cell r="AK112">
            <v>4</v>
          </cell>
          <cell r="AL112">
            <v>4</v>
          </cell>
          <cell r="AM112">
            <v>4</v>
          </cell>
          <cell r="AN112">
            <v>2</v>
          </cell>
          <cell r="AO112">
            <v>6</v>
          </cell>
          <cell r="AP112">
            <v>6</v>
          </cell>
          <cell r="AQ112">
            <v>3</v>
          </cell>
          <cell r="AR112">
            <v>2</v>
          </cell>
          <cell r="AS112">
            <v>4.5</v>
          </cell>
        </row>
        <row r="113">
          <cell r="A113" t="str">
            <v>MEX2013</v>
          </cell>
          <cell r="B113" t="str">
            <v>MEX</v>
          </cell>
          <cell r="C113">
            <v>2013</v>
          </cell>
          <cell r="D113">
            <v>2.0451388888888888</v>
          </cell>
          <cell r="E113">
            <v>2.433449074074074</v>
          </cell>
          <cell r="F113">
            <v>2.480324074074074</v>
          </cell>
          <cell r="G113">
            <v>2.0277777777777777</v>
          </cell>
          <cell r="H113">
            <v>1.9111111111111108</v>
          </cell>
          <cell r="I113">
            <v>2.0625</v>
          </cell>
          <cell r="J113">
            <v>2.2916666666666665</v>
          </cell>
          <cell r="K113">
            <v>4.375</v>
          </cell>
          <cell r="L113">
            <v>1</v>
          </cell>
          <cell r="M113">
            <v>1.3333333333333333</v>
          </cell>
          <cell r="N113">
            <v>3.75</v>
          </cell>
          <cell r="O113">
            <v>3.4</v>
          </cell>
          <cell r="P113">
            <v>2.5</v>
          </cell>
          <cell r="Q113">
            <v>1.625</v>
          </cell>
          <cell r="R113">
            <v>2.083333333333333</v>
          </cell>
          <cell r="S113">
            <v>2</v>
          </cell>
          <cell r="T113">
            <v>0</v>
          </cell>
          <cell r="U113">
            <v>0</v>
          </cell>
          <cell r="V113">
            <v>0</v>
          </cell>
          <cell r="W113">
            <v>0</v>
          </cell>
          <cell r="X113">
            <v>2</v>
          </cell>
          <cell r="Y113">
            <v>4</v>
          </cell>
          <cell r="Z113">
            <v>1</v>
          </cell>
          <cell r="AA113">
            <v>5</v>
          </cell>
          <cell r="AB113">
            <v>4</v>
          </cell>
          <cell r="AC113">
            <v>3</v>
          </cell>
          <cell r="AD113">
            <v>3</v>
          </cell>
          <cell r="AE113">
            <v>2</v>
          </cell>
          <cell r="AF113">
            <v>5</v>
          </cell>
          <cell r="AG113">
            <v>0</v>
          </cell>
          <cell r="AH113">
            <v>0</v>
          </cell>
          <cell r="AI113">
            <v>2.25</v>
          </cell>
          <cell r="AJ113">
            <v>2</v>
          </cell>
          <cell r="AK113">
            <v>2</v>
          </cell>
          <cell r="AL113">
            <v>0</v>
          </cell>
          <cell r="AM113">
            <v>0</v>
          </cell>
          <cell r="AN113">
            <v>0</v>
          </cell>
          <cell r="AO113">
            <v>6</v>
          </cell>
          <cell r="AP113">
            <v>6</v>
          </cell>
          <cell r="AQ113">
            <v>6</v>
          </cell>
          <cell r="AR113">
            <v>1</v>
          </cell>
          <cell r="AS113">
            <v>4.5</v>
          </cell>
        </row>
        <row r="114">
          <cell r="A114" t="str">
            <v>NLD2013</v>
          </cell>
          <cell r="B114" t="str">
            <v>NLD</v>
          </cell>
          <cell r="C114">
            <v>2013</v>
          </cell>
          <cell r="D114">
            <v>1.8794642857142858</v>
          </cell>
          <cell r="E114">
            <v>2.0974702380952381</v>
          </cell>
          <cell r="F114">
            <v>2.1999007936507935</v>
          </cell>
          <cell r="G114">
            <v>2.8214285714285716</v>
          </cell>
          <cell r="H114">
            <v>2.8380952380952382</v>
          </cell>
          <cell r="I114">
            <v>0.9375</v>
          </cell>
          <cell r="J114">
            <v>1.1666666666666665</v>
          </cell>
          <cell r="K114">
            <v>3.1875</v>
          </cell>
          <cell r="L114">
            <v>4</v>
          </cell>
          <cell r="M114">
            <v>1.7142857142857142</v>
          </cell>
          <cell r="N114">
            <v>2.75</v>
          </cell>
          <cell r="O114">
            <v>2.8000000000000003</v>
          </cell>
          <cell r="P114">
            <v>1</v>
          </cell>
          <cell r="Q114">
            <v>0.875</v>
          </cell>
          <cell r="R114">
            <v>1.3333333333333333</v>
          </cell>
          <cell r="S114">
            <v>5</v>
          </cell>
          <cell r="T114">
            <v>3</v>
          </cell>
          <cell r="U114">
            <v>2</v>
          </cell>
          <cell r="V114">
            <v>1</v>
          </cell>
          <cell r="W114">
            <v>1</v>
          </cell>
          <cell r="X114">
            <v>0</v>
          </cell>
          <cell r="Y114">
            <v>3</v>
          </cell>
          <cell r="Z114">
            <v>3</v>
          </cell>
          <cell r="AA114">
            <v>3</v>
          </cell>
          <cell r="AB114">
            <v>5</v>
          </cell>
          <cell r="AC114">
            <v>1</v>
          </cell>
          <cell r="AD114">
            <v>2</v>
          </cell>
          <cell r="AE114">
            <v>3</v>
          </cell>
          <cell r="AF114">
            <v>0</v>
          </cell>
          <cell r="AG114">
            <v>3</v>
          </cell>
          <cell r="AH114">
            <v>1</v>
          </cell>
          <cell r="AI114">
            <v>0.75</v>
          </cell>
          <cell r="AJ114">
            <v>2</v>
          </cell>
          <cell r="AK114">
            <v>4</v>
          </cell>
          <cell r="AL114">
            <v>0</v>
          </cell>
          <cell r="AM114">
            <v>0</v>
          </cell>
          <cell r="AN114">
            <v>0</v>
          </cell>
          <cell r="AO114">
            <v>4.5</v>
          </cell>
          <cell r="AP114">
            <v>3.75</v>
          </cell>
          <cell r="AQ114">
            <v>3</v>
          </cell>
          <cell r="AR114">
            <v>3</v>
          </cell>
          <cell r="AS114">
            <v>3</v>
          </cell>
        </row>
        <row r="115">
          <cell r="A115" t="str">
            <v>NZL2013</v>
          </cell>
          <cell r="B115" t="str">
            <v>NZL</v>
          </cell>
          <cell r="C115">
            <v>2013</v>
          </cell>
          <cell r="D115">
            <v>1.1964285714285716</v>
          </cell>
          <cell r="E115">
            <v>0.99702380952380953</v>
          </cell>
          <cell r="F115">
            <v>0.96924603174603174</v>
          </cell>
          <cell r="G115">
            <v>1.392857142857143</v>
          </cell>
          <cell r="H115">
            <v>1.4095238095238096</v>
          </cell>
          <cell r="I115">
            <v>1</v>
          </cell>
          <cell r="J115">
            <v>0.91666666666666663</v>
          </cell>
          <cell r="K115">
            <v>0</v>
          </cell>
          <cell r="L115">
            <v>2</v>
          </cell>
          <cell r="M115">
            <v>0.42857142857142855</v>
          </cell>
          <cell r="N115">
            <v>1.75</v>
          </cell>
          <cell r="O115">
            <v>1.8000000000000003</v>
          </cell>
          <cell r="P115">
            <v>1.5</v>
          </cell>
          <cell r="Q115">
            <v>0.5</v>
          </cell>
          <cell r="R115">
            <v>0.33333333333333331</v>
          </cell>
          <cell r="S115">
            <v>3</v>
          </cell>
          <cell r="T115">
            <v>1</v>
          </cell>
          <cell r="U115">
            <v>2</v>
          </cell>
          <cell r="V115">
            <v>1</v>
          </cell>
          <cell r="W115">
            <v>0</v>
          </cell>
          <cell r="X115">
            <v>0</v>
          </cell>
          <cell r="Y115">
            <v>0</v>
          </cell>
          <cell r="Z115">
            <v>0</v>
          </cell>
          <cell r="AA115">
            <v>0</v>
          </cell>
          <cell r="AB115">
            <v>4</v>
          </cell>
          <cell r="AC115">
            <v>1</v>
          </cell>
          <cell r="AD115">
            <v>2</v>
          </cell>
          <cell r="AE115">
            <v>2</v>
          </cell>
          <cell r="AF115">
            <v>2</v>
          </cell>
          <cell r="AG115">
            <v>2</v>
          </cell>
          <cell r="AH115">
            <v>0</v>
          </cell>
          <cell r="AI115">
            <v>0</v>
          </cell>
          <cell r="AJ115">
            <v>2</v>
          </cell>
          <cell r="AK115">
            <v>4</v>
          </cell>
          <cell r="AL115">
            <v>0</v>
          </cell>
          <cell r="AM115">
            <v>0</v>
          </cell>
          <cell r="AN115">
            <v>0</v>
          </cell>
          <cell r="AO115">
            <v>0</v>
          </cell>
          <cell r="AP115">
            <v>0</v>
          </cell>
          <cell r="AQ115">
            <v>0</v>
          </cell>
          <cell r="AR115">
            <v>0</v>
          </cell>
          <cell r="AS115">
            <v>0</v>
          </cell>
        </row>
        <row r="116">
          <cell r="A116" t="str">
            <v>NOR2013</v>
          </cell>
          <cell r="B116" t="str">
            <v>NOR</v>
          </cell>
          <cell r="C116">
            <v>2013</v>
          </cell>
          <cell r="D116">
            <v>2.666666666666667</v>
          </cell>
          <cell r="E116">
            <v>2.6388888888888888</v>
          </cell>
          <cell r="F116">
            <v>2.7708333333333335</v>
          </cell>
          <cell r="G116">
            <v>2.3333333333333335</v>
          </cell>
          <cell r="H116">
            <v>2.2333333333333334</v>
          </cell>
          <cell r="I116">
            <v>3</v>
          </cell>
          <cell r="J116">
            <v>3.416666666666667</v>
          </cell>
          <cell r="K116">
            <v>2.5</v>
          </cell>
          <cell r="L116">
            <v>2.5</v>
          </cell>
          <cell r="M116">
            <v>0.99999999999999989</v>
          </cell>
          <cell r="N116">
            <v>3.5</v>
          </cell>
          <cell r="O116">
            <v>3.2</v>
          </cell>
          <cell r="P116">
            <v>3.5</v>
          </cell>
          <cell r="Q116">
            <v>2.5</v>
          </cell>
          <cell r="R116">
            <v>3.3333333333333335</v>
          </cell>
          <cell r="S116">
            <v>3</v>
          </cell>
          <cell r="T116">
            <v>2</v>
          </cell>
          <cell r="U116">
            <v>3</v>
          </cell>
          <cell r="V116">
            <v>2</v>
          </cell>
          <cell r="W116">
            <v>2</v>
          </cell>
          <cell r="X116">
            <v>0</v>
          </cell>
          <cell r="Y116">
            <v>0</v>
          </cell>
          <cell r="Z116">
            <v>0</v>
          </cell>
          <cell r="AA116">
            <v>5</v>
          </cell>
          <cell r="AB116">
            <v>3</v>
          </cell>
          <cell r="AC116">
            <v>2</v>
          </cell>
          <cell r="AD116">
            <v>4</v>
          </cell>
          <cell r="AE116">
            <v>2</v>
          </cell>
          <cell r="AF116">
            <v>4</v>
          </cell>
          <cell r="AG116">
            <v>5</v>
          </cell>
          <cell r="AH116">
            <v>1</v>
          </cell>
          <cell r="AI116">
            <v>3</v>
          </cell>
          <cell r="AJ116">
            <v>3</v>
          </cell>
          <cell r="AK116">
            <v>3</v>
          </cell>
          <cell r="AL116">
            <v>1</v>
          </cell>
          <cell r="AM116">
            <v>0</v>
          </cell>
          <cell r="AN116">
            <v>4</v>
          </cell>
          <cell r="AO116">
            <v>6</v>
          </cell>
          <cell r="AP116">
            <v>4.5</v>
          </cell>
          <cell r="AQ116">
            <v>4.5</v>
          </cell>
          <cell r="AR116">
            <v>1</v>
          </cell>
          <cell r="AS116">
            <v>0</v>
          </cell>
        </row>
        <row r="117">
          <cell r="A117" t="str">
            <v>POL2013</v>
          </cell>
          <cell r="B117" t="str">
            <v>POL</v>
          </cell>
          <cell r="C117">
            <v>2013</v>
          </cell>
          <cell r="D117">
            <v>1.9900793650793649</v>
          </cell>
          <cell r="E117">
            <v>2.1375661375661372</v>
          </cell>
          <cell r="F117">
            <v>2.3667328042328037</v>
          </cell>
          <cell r="G117">
            <v>2.2301587301587298</v>
          </cell>
          <cell r="H117">
            <v>2.1968253968253966</v>
          </cell>
          <cell r="I117">
            <v>1.75</v>
          </cell>
          <cell r="J117">
            <v>2.333333333333333</v>
          </cell>
          <cell r="K117">
            <v>2.875</v>
          </cell>
          <cell r="L117">
            <v>3</v>
          </cell>
          <cell r="M117">
            <v>2.1904761904761902</v>
          </cell>
          <cell r="N117">
            <v>1.5</v>
          </cell>
          <cell r="O117">
            <v>1.4000000000000001</v>
          </cell>
          <cell r="P117">
            <v>1</v>
          </cell>
          <cell r="Q117">
            <v>2.5</v>
          </cell>
          <cell r="R117">
            <v>3.6666666666666665</v>
          </cell>
          <cell r="S117">
            <v>4</v>
          </cell>
          <cell r="T117">
            <v>2</v>
          </cell>
          <cell r="U117">
            <v>3</v>
          </cell>
          <cell r="V117">
            <v>5</v>
          </cell>
          <cell r="W117">
            <v>2</v>
          </cell>
          <cell r="X117">
            <v>1</v>
          </cell>
          <cell r="Y117">
            <v>2</v>
          </cell>
          <cell r="Z117">
            <v>1</v>
          </cell>
          <cell r="AA117">
            <v>0</v>
          </cell>
          <cell r="AB117">
            <v>4</v>
          </cell>
          <cell r="AC117">
            <v>0</v>
          </cell>
          <cell r="AD117">
            <v>2</v>
          </cell>
          <cell r="AE117">
            <v>1</v>
          </cell>
          <cell r="AF117">
            <v>0</v>
          </cell>
          <cell r="AG117">
            <v>4</v>
          </cell>
          <cell r="AH117">
            <v>0</v>
          </cell>
          <cell r="AI117">
            <v>3</v>
          </cell>
          <cell r="AJ117">
            <v>2</v>
          </cell>
          <cell r="AK117">
            <v>2</v>
          </cell>
          <cell r="AL117">
            <v>2</v>
          </cell>
          <cell r="AM117">
            <v>0</v>
          </cell>
          <cell r="AN117">
            <v>6</v>
          </cell>
          <cell r="AO117">
            <v>6</v>
          </cell>
          <cell r="AP117">
            <v>4.5</v>
          </cell>
          <cell r="AQ117">
            <v>3</v>
          </cell>
          <cell r="AR117">
            <v>1</v>
          </cell>
          <cell r="AS117">
            <v>3</v>
          </cell>
        </row>
        <row r="118">
          <cell r="A118" t="str">
            <v>PRT2013</v>
          </cell>
          <cell r="B118" t="str">
            <v>PRT</v>
          </cell>
          <cell r="C118">
            <v>2013</v>
          </cell>
          <cell r="D118">
            <v>2.4985119047619051</v>
          </cell>
          <cell r="E118">
            <v>2.394593253968254</v>
          </cell>
          <cell r="F118">
            <v>2.5386904761904758</v>
          </cell>
          <cell r="G118">
            <v>3.1845238095238098</v>
          </cell>
          <cell r="H118">
            <v>3.0095238095238095</v>
          </cell>
          <cell r="I118">
            <v>1.8125</v>
          </cell>
          <cell r="J118">
            <v>2.333333333333333</v>
          </cell>
          <cell r="K118">
            <v>1.875</v>
          </cell>
          <cell r="L118">
            <v>3.5</v>
          </cell>
          <cell r="M118">
            <v>2.4285714285714284</v>
          </cell>
          <cell r="N118">
            <v>3.625</v>
          </cell>
          <cell r="O118">
            <v>3.1000000000000005</v>
          </cell>
          <cell r="P118">
            <v>1.5</v>
          </cell>
          <cell r="Q118">
            <v>2.125</v>
          </cell>
          <cell r="R118">
            <v>3.1666666666666665</v>
          </cell>
          <cell r="S118">
            <v>4</v>
          </cell>
          <cell r="T118">
            <v>3</v>
          </cell>
          <cell r="U118">
            <v>2</v>
          </cell>
          <cell r="V118">
            <v>2</v>
          </cell>
          <cell r="W118">
            <v>1</v>
          </cell>
          <cell r="X118">
            <v>1</v>
          </cell>
          <cell r="Y118">
            <v>4</v>
          </cell>
          <cell r="Z118">
            <v>4</v>
          </cell>
          <cell r="AA118">
            <v>2.5</v>
          </cell>
          <cell r="AB118">
            <v>4</v>
          </cell>
          <cell r="AC118">
            <v>3</v>
          </cell>
          <cell r="AD118">
            <v>5</v>
          </cell>
          <cell r="AE118">
            <v>1</v>
          </cell>
          <cell r="AF118">
            <v>2</v>
          </cell>
          <cell r="AG118">
            <v>1</v>
          </cell>
          <cell r="AH118">
            <v>1</v>
          </cell>
          <cell r="AI118">
            <v>2.25</v>
          </cell>
          <cell r="AJ118">
            <v>2</v>
          </cell>
          <cell r="AK118">
            <v>2</v>
          </cell>
          <cell r="AL118">
            <v>2</v>
          </cell>
          <cell r="AM118">
            <v>2</v>
          </cell>
          <cell r="AN118">
            <v>6</v>
          </cell>
          <cell r="AO118">
            <v>4.5</v>
          </cell>
          <cell r="AP118">
            <v>6</v>
          </cell>
          <cell r="AQ118">
            <v>1.5</v>
          </cell>
          <cell r="AR118">
            <v>0</v>
          </cell>
          <cell r="AS118">
            <v>0</v>
          </cell>
        </row>
        <row r="119">
          <cell r="A119" t="str">
            <v>SVK2013</v>
          </cell>
          <cell r="B119" t="str">
            <v>SVK</v>
          </cell>
          <cell r="C119">
            <v>2013</v>
          </cell>
          <cell r="D119">
            <v>1.7956349206349205</v>
          </cell>
          <cell r="E119">
            <v>2.0588624338624335</v>
          </cell>
          <cell r="F119">
            <v>2.3227513227513228</v>
          </cell>
          <cell r="G119">
            <v>1.8412698412698412</v>
          </cell>
          <cell r="H119">
            <v>1.807936507936508</v>
          </cell>
          <cell r="I119">
            <v>1.75</v>
          </cell>
          <cell r="J119">
            <v>2.4166666666666665</v>
          </cell>
          <cell r="K119">
            <v>3.375</v>
          </cell>
          <cell r="L119">
            <v>1.5</v>
          </cell>
          <cell r="M119">
            <v>1.5238095238095237</v>
          </cell>
          <cell r="N119">
            <v>2.5</v>
          </cell>
          <cell r="O119">
            <v>2.4</v>
          </cell>
          <cell r="P119">
            <v>1.5</v>
          </cell>
          <cell r="Q119">
            <v>2</v>
          </cell>
          <cell r="R119">
            <v>3.333333333333333</v>
          </cell>
          <cell r="S119">
            <v>2</v>
          </cell>
          <cell r="T119">
            <v>1</v>
          </cell>
          <cell r="U119">
            <v>3</v>
          </cell>
          <cell r="V119">
            <v>4</v>
          </cell>
          <cell r="W119">
            <v>1</v>
          </cell>
          <cell r="X119">
            <v>0</v>
          </cell>
          <cell r="Y119">
            <v>1</v>
          </cell>
          <cell r="Z119">
            <v>1</v>
          </cell>
          <cell r="AA119">
            <v>0</v>
          </cell>
          <cell r="AB119">
            <v>4</v>
          </cell>
          <cell r="AC119">
            <v>1</v>
          </cell>
          <cell r="AD119">
            <v>5</v>
          </cell>
          <cell r="AE119">
            <v>2</v>
          </cell>
          <cell r="AF119">
            <v>0</v>
          </cell>
          <cell r="AG119">
            <v>3</v>
          </cell>
          <cell r="AH119">
            <v>3</v>
          </cell>
          <cell r="AI119">
            <v>3</v>
          </cell>
          <cell r="AJ119">
            <v>2</v>
          </cell>
          <cell r="AK119">
            <v>4</v>
          </cell>
          <cell r="AL119">
            <v>0</v>
          </cell>
          <cell r="AM119">
            <v>0</v>
          </cell>
          <cell r="AN119">
            <v>6</v>
          </cell>
          <cell r="AO119">
            <v>6</v>
          </cell>
          <cell r="AP119">
            <v>4.5</v>
          </cell>
          <cell r="AQ119">
            <v>6</v>
          </cell>
          <cell r="AR119">
            <v>3</v>
          </cell>
          <cell r="AS119">
            <v>0</v>
          </cell>
        </row>
        <row r="120">
          <cell r="A120" t="str">
            <v>ESP2013</v>
          </cell>
          <cell r="B120" t="str">
            <v>ESP</v>
          </cell>
          <cell r="C120">
            <v>2013</v>
          </cell>
          <cell r="D120">
            <v>2.3050595238095237</v>
          </cell>
          <cell r="E120">
            <v>2.4417162698412698</v>
          </cell>
          <cell r="F120">
            <v>2.6517857142857144</v>
          </cell>
          <cell r="G120">
            <v>2.0476190476190474</v>
          </cell>
          <cell r="H120">
            <v>1.9476190476190478</v>
          </cell>
          <cell r="I120">
            <v>2.5625</v>
          </cell>
          <cell r="J120">
            <v>3.1666666666666665</v>
          </cell>
          <cell r="K120">
            <v>3.125</v>
          </cell>
          <cell r="L120">
            <v>1.5</v>
          </cell>
          <cell r="M120">
            <v>2.1428571428571428</v>
          </cell>
          <cell r="N120">
            <v>2.5</v>
          </cell>
          <cell r="O120">
            <v>2.2000000000000002</v>
          </cell>
          <cell r="P120">
            <v>2.75</v>
          </cell>
          <cell r="Q120">
            <v>2.375</v>
          </cell>
          <cell r="R120">
            <v>3.583333333333333</v>
          </cell>
          <cell r="S120">
            <v>3</v>
          </cell>
          <cell r="T120">
            <v>0</v>
          </cell>
          <cell r="U120">
            <v>2</v>
          </cell>
          <cell r="V120">
            <v>1</v>
          </cell>
          <cell r="W120">
            <v>0</v>
          </cell>
          <cell r="X120">
            <v>1</v>
          </cell>
          <cell r="Y120">
            <v>4</v>
          </cell>
          <cell r="Z120">
            <v>4</v>
          </cell>
          <cell r="AA120">
            <v>4</v>
          </cell>
          <cell r="AB120">
            <v>4</v>
          </cell>
          <cell r="AC120">
            <v>2</v>
          </cell>
          <cell r="AD120">
            <v>0</v>
          </cell>
          <cell r="AE120">
            <v>1</v>
          </cell>
          <cell r="AF120">
            <v>3</v>
          </cell>
          <cell r="AG120">
            <v>3</v>
          </cell>
          <cell r="AH120">
            <v>2</v>
          </cell>
          <cell r="AI120">
            <v>2.25</v>
          </cell>
          <cell r="AJ120">
            <v>4</v>
          </cell>
          <cell r="AK120">
            <v>4</v>
          </cell>
          <cell r="AL120">
            <v>1</v>
          </cell>
          <cell r="AM120">
            <v>0</v>
          </cell>
          <cell r="AN120">
            <v>6</v>
          </cell>
          <cell r="AO120">
            <v>6</v>
          </cell>
          <cell r="AP120">
            <v>4.5</v>
          </cell>
          <cell r="AQ120">
            <v>4.5</v>
          </cell>
          <cell r="AR120">
            <v>2</v>
          </cell>
          <cell r="AS120">
            <v>1.5</v>
          </cell>
        </row>
        <row r="121">
          <cell r="A121" t="str">
            <v>SWE2013</v>
          </cell>
          <cell r="B121" t="str">
            <v>SWE</v>
          </cell>
          <cell r="C121">
            <v>2013</v>
          </cell>
          <cell r="D121">
            <v>1.7098214285714286</v>
          </cell>
          <cell r="E121">
            <v>1.8415178571428574</v>
          </cell>
          <cell r="F121">
            <v>1.9543650793650793</v>
          </cell>
          <cell r="G121">
            <v>2.6071428571428572</v>
          </cell>
          <cell r="H121">
            <v>2.5238095238095237</v>
          </cell>
          <cell r="I121">
            <v>0.8125</v>
          </cell>
          <cell r="J121">
            <v>1.1666666666666665</v>
          </cell>
          <cell r="K121">
            <v>2.5</v>
          </cell>
          <cell r="L121">
            <v>3</v>
          </cell>
          <cell r="M121">
            <v>1.5714285714285714</v>
          </cell>
          <cell r="N121">
            <v>3.25</v>
          </cell>
          <cell r="O121">
            <v>3</v>
          </cell>
          <cell r="P121">
            <v>0.75</v>
          </cell>
          <cell r="Q121">
            <v>0.875</v>
          </cell>
          <cell r="R121">
            <v>1.5833333333333333</v>
          </cell>
          <cell r="S121">
            <v>4</v>
          </cell>
          <cell r="T121">
            <v>2</v>
          </cell>
          <cell r="U121">
            <v>3</v>
          </cell>
          <cell r="V121">
            <v>5</v>
          </cell>
          <cell r="W121">
            <v>3</v>
          </cell>
          <cell r="X121">
            <v>0</v>
          </cell>
          <cell r="Y121">
            <v>0</v>
          </cell>
          <cell r="Z121">
            <v>0</v>
          </cell>
          <cell r="AA121">
            <v>4</v>
          </cell>
          <cell r="AB121">
            <v>3</v>
          </cell>
          <cell r="AC121">
            <v>6</v>
          </cell>
          <cell r="AD121">
            <v>0</v>
          </cell>
          <cell r="AE121">
            <v>2</v>
          </cell>
          <cell r="AF121">
            <v>0</v>
          </cell>
          <cell r="AG121">
            <v>0</v>
          </cell>
          <cell r="AH121">
            <v>3</v>
          </cell>
          <cell r="AI121">
            <v>0.75</v>
          </cell>
          <cell r="AJ121">
            <v>2</v>
          </cell>
          <cell r="AK121">
            <v>4</v>
          </cell>
          <cell r="AL121">
            <v>0</v>
          </cell>
          <cell r="AM121">
            <v>0</v>
          </cell>
          <cell r="AN121">
            <v>0</v>
          </cell>
          <cell r="AO121">
            <v>6</v>
          </cell>
          <cell r="AP121">
            <v>6</v>
          </cell>
          <cell r="AQ121">
            <v>3</v>
          </cell>
          <cell r="AR121">
            <v>1</v>
          </cell>
          <cell r="AS121">
            <v>0</v>
          </cell>
        </row>
        <row r="122">
          <cell r="A122" t="str">
            <v>CHE2013</v>
          </cell>
          <cell r="B122" t="str">
            <v>CHE</v>
          </cell>
          <cell r="C122">
            <v>2013</v>
          </cell>
          <cell r="D122">
            <v>1.3601190476190474</v>
          </cell>
          <cell r="E122">
            <v>1.7375992063492061</v>
          </cell>
          <cell r="F122">
            <v>1.8000992063492061</v>
          </cell>
          <cell r="G122">
            <v>1.5952380952380951</v>
          </cell>
          <cell r="H122">
            <v>1.4952380952380953</v>
          </cell>
          <cell r="I122">
            <v>1.125</v>
          </cell>
          <cell r="J122">
            <v>1.375</v>
          </cell>
          <cell r="K122">
            <v>3.625</v>
          </cell>
          <cell r="L122">
            <v>2</v>
          </cell>
          <cell r="M122">
            <v>1.2857142857142856</v>
          </cell>
          <cell r="N122">
            <v>1.5</v>
          </cell>
          <cell r="O122">
            <v>1.2000000000000002</v>
          </cell>
          <cell r="P122">
            <v>1.25</v>
          </cell>
          <cell r="Q122">
            <v>1</v>
          </cell>
          <cell r="R122">
            <v>1.5</v>
          </cell>
          <cell r="S122">
            <v>2</v>
          </cell>
          <cell r="T122">
            <v>2</v>
          </cell>
          <cell r="U122">
            <v>3</v>
          </cell>
          <cell r="V122">
            <v>4</v>
          </cell>
          <cell r="W122">
            <v>2</v>
          </cell>
          <cell r="X122">
            <v>0</v>
          </cell>
          <cell r="Y122">
            <v>0</v>
          </cell>
          <cell r="Z122">
            <v>0</v>
          </cell>
          <cell r="AA122">
            <v>0</v>
          </cell>
          <cell r="AB122">
            <v>5</v>
          </cell>
          <cell r="AC122">
            <v>1</v>
          </cell>
          <cell r="AD122">
            <v>0</v>
          </cell>
          <cell r="AE122">
            <v>0</v>
          </cell>
          <cell r="AF122">
            <v>0</v>
          </cell>
          <cell r="AG122">
            <v>5</v>
          </cell>
          <cell r="AH122">
            <v>0</v>
          </cell>
          <cell r="AI122">
            <v>0</v>
          </cell>
          <cell r="AJ122">
            <v>4</v>
          </cell>
          <cell r="AK122">
            <v>4</v>
          </cell>
          <cell r="AL122">
            <v>0</v>
          </cell>
          <cell r="AM122">
            <v>0</v>
          </cell>
          <cell r="AN122">
            <v>2</v>
          </cell>
          <cell r="AO122">
            <v>3</v>
          </cell>
          <cell r="AP122">
            <v>4.5</v>
          </cell>
          <cell r="AQ122">
            <v>6</v>
          </cell>
          <cell r="AR122">
            <v>1</v>
          </cell>
          <cell r="AS122">
            <v>3</v>
          </cell>
        </row>
        <row r="123">
          <cell r="A123" t="str">
            <v>TUR2013</v>
          </cell>
          <cell r="B123" t="str">
            <v>TUR</v>
          </cell>
          <cell r="C123">
            <v>2013</v>
          </cell>
          <cell r="D123">
            <v>3.5922619047619051</v>
          </cell>
          <cell r="E123">
            <v>3.5143849206349209</v>
          </cell>
          <cell r="F123">
            <v>3.5074404761904758</v>
          </cell>
          <cell r="G123">
            <v>2.3095238095238098</v>
          </cell>
          <cell r="H123">
            <v>2.2095238095238097</v>
          </cell>
          <cell r="I123">
            <v>4.875</v>
          </cell>
          <cell r="J123">
            <v>4.958333333333333</v>
          </cell>
          <cell r="K123">
            <v>3.125</v>
          </cell>
          <cell r="L123">
            <v>2</v>
          </cell>
          <cell r="M123">
            <v>3.4285714285714284</v>
          </cell>
          <cell r="N123">
            <v>1.5</v>
          </cell>
          <cell r="O123">
            <v>1.2000000000000002</v>
          </cell>
          <cell r="P123">
            <v>4.25</v>
          </cell>
          <cell r="Q123">
            <v>5.5</v>
          </cell>
          <cell r="R123">
            <v>5.6666666666666661</v>
          </cell>
          <cell r="S123">
            <v>4</v>
          </cell>
          <cell r="T123">
            <v>0</v>
          </cell>
          <cell r="U123">
            <v>3</v>
          </cell>
          <cell r="V123">
            <v>4</v>
          </cell>
          <cell r="W123">
            <v>1</v>
          </cell>
          <cell r="X123">
            <v>0</v>
          </cell>
          <cell r="Y123">
            <v>6</v>
          </cell>
          <cell r="Z123">
            <v>6</v>
          </cell>
          <cell r="AA123">
            <v>0</v>
          </cell>
          <cell r="AB123">
            <v>4</v>
          </cell>
          <cell r="AC123">
            <v>2</v>
          </cell>
          <cell r="AD123">
            <v>0</v>
          </cell>
          <cell r="AE123">
            <v>0</v>
          </cell>
          <cell r="AF123">
            <v>6</v>
          </cell>
          <cell r="AG123">
            <v>5</v>
          </cell>
          <cell r="AH123">
            <v>0</v>
          </cell>
          <cell r="AI123">
            <v>6</v>
          </cell>
          <cell r="AJ123">
            <v>4</v>
          </cell>
          <cell r="AK123">
            <v>4</v>
          </cell>
          <cell r="AL123">
            <v>6</v>
          </cell>
          <cell r="AM123">
            <v>6</v>
          </cell>
          <cell r="AN123">
            <v>6</v>
          </cell>
          <cell r="AO123">
            <v>6</v>
          </cell>
          <cell r="AP123">
            <v>4.5</v>
          </cell>
          <cell r="AQ123">
            <v>3</v>
          </cell>
          <cell r="AR123">
            <v>2</v>
          </cell>
          <cell r="AS123">
            <v>3</v>
          </cell>
        </row>
        <row r="124">
          <cell r="A124" t="str">
            <v>GBR2013</v>
          </cell>
          <cell r="B124" t="str">
            <v>GBR</v>
          </cell>
          <cell r="C124">
            <v>2013</v>
          </cell>
          <cell r="D124">
            <v>0.70337301587301582</v>
          </cell>
          <cell r="E124">
            <v>1.0653108465608465</v>
          </cell>
          <cell r="F124">
            <v>1.1694775132275133</v>
          </cell>
          <cell r="G124">
            <v>1.0317460317460316</v>
          </cell>
          <cell r="H124">
            <v>1.1150793650793649</v>
          </cell>
          <cell r="I124">
            <v>0.375</v>
          </cell>
          <cell r="J124">
            <v>0.54166666666666663</v>
          </cell>
          <cell r="K124">
            <v>2.875</v>
          </cell>
          <cell r="L124">
            <v>1.25</v>
          </cell>
          <cell r="M124">
            <v>1.0952380952380951</v>
          </cell>
          <cell r="N124">
            <v>0.75</v>
          </cell>
          <cell r="O124">
            <v>1</v>
          </cell>
          <cell r="P124">
            <v>0.25</v>
          </cell>
          <cell r="Q124">
            <v>0.5</v>
          </cell>
          <cell r="R124">
            <v>0.83333333333333326</v>
          </cell>
          <cell r="S124">
            <v>2.5</v>
          </cell>
          <cell r="T124">
            <v>0</v>
          </cell>
          <cell r="U124">
            <v>1</v>
          </cell>
          <cell r="V124">
            <v>2</v>
          </cell>
          <cell r="W124">
            <v>2</v>
          </cell>
          <cell r="X124">
            <v>0</v>
          </cell>
          <cell r="Y124">
            <v>1</v>
          </cell>
          <cell r="Z124">
            <v>1</v>
          </cell>
          <cell r="AA124">
            <v>0</v>
          </cell>
          <cell r="AB124">
            <v>0</v>
          </cell>
          <cell r="AC124">
            <v>1</v>
          </cell>
          <cell r="AD124">
            <v>2</v>
          </cell>
          <cell r="AE124">
            <v>2</v>
          </cell>
          <cell r="AF124">
            <v>0</v>
          </cell>
          <cell r="AG124">
            <v>0</v>
          </cell>
          <cell r="AH124">
            <v>1</v>
          </cell>
          <cell r="AI124">
            <v>0</v>
          </cell>
          <cell r="AJ124">
            <v>2</v>
          </cell>
          <cell r="AK124">
            <v>2</v>
          </cell>
          <cell r="AL124">
            <v>0</v>
          </cell>
          <cell r="AM124">
            <v>0</v>
          </cell>
          <cell r="AN124">
            <v>0</v>
          </cell>
          <cell r="AO124">
            <v>3</v>
          </cell>
          <cell r="AP124">
            <v>3</v>
          </cell>
          <cell r="AQ124">
            <v>4.5</v>
          </cell>
          <cell r="AR124">
            <v>4</v>
          </cell>
          <cell r="AS124">
            <v>0</v>
          </cell>
        </row>
        <row r="125">
          <cell r="A125" t="str">
            <v>USA2013</v>
          </cell>
          <cell r="B125" t="str">
            <v>USA</v>
          </cell>
          <cell r="C125">
            <v>2013</v>
          </cell>
          <cell r="D125">
            <v>0.2533333333333333</v>
          </cell>
          <cell r="E125">
            <v>0.69027777777777777</v>
          </cell>
          <cell r="F125">
            <v>0.82222222222222219</v>
          </cell>
          <cell r="G125">
            <v>0.25666666666666665</v>
          </cell>
          <cell r="H125">
            <v>0.49000000000000005</v>
          </cell>
          <cell r="I125">
            <v>0.25</v>
          </cell>
          <cell r="J125">
            <v>0.33333333333333331</v>
          </cell>
          <cell r="K125">
            <v>2.875</v>
          </cell>
          <cell r="L125">
            <v>0.27</v>
          </cell>
          <cell r="M125">
            <v>0</v>
          </cell>
          <cell r="N125">
            <v>0.5</v>
          </cell>
          <cell r="O125">
            <v>1.2000000000000002</v>
          </cell>
          <cell r="P125">
            <v>0</v>
          </cell>
          <cell r="Q125">
            <v>0.5</v>
          </cell>
          <cell r="R125">
            <v>0.66666666666666663</v>
          </cell>
          <cell r="S125">
            <v>0.54</v>
          </cell>
          <cell r="T125">
            <v>0</v>
          </cell>
          <cell r="U125">
            <v>0</v>
          </cell>
          <cell r="V125">
            <v>0</v>
          </cell>
          <cell r="W125">
            <v>0</v>
          </cell>
          <cell r="X125">
            <v>0</v>
          </cell>
          <cell r="Y125">
            <v>0</v>
          </cell>
          <cell r="Z125">
            <v>0</v>
          </cell>
          <cell r="AA125">
            <v>0</v>
          </cell>
          <cell r="AB125" t="str">
            <v>..</v>
          </cell>
          <cell r="AC125" t="str">
            <v>..</v>
          </cell>
          <cell r="AD125">
            <v>1</v>
          </cell>
          <cell r="AE125">
            <v>4</v>
          </cell>
          <cell r="AF125">
            <v>0</v>
          </cell>
          <cell r="AG125">
            <v>0</v>
          </cell>
          <cell r="AH125">
            <v>0</v>
          </cell>
          <cell r="AI125">
            <v>0</v>
          </cell>
          <cell r="AJ125">
            <v>2</v>
          </cell>
          <cell r="AK125">
            <v>2</v>
          </cell>
          <cell r="AL125">
            <v>0</v>
          </cell>
          <cell r="AM125">
            <v>0</v>
          </cell>
          <cell r="AN125">
            <v>2</v>
          </cell>
          <cell r="AO125">
            <v>0</v>
          </cell>
          <cell r="AP125">
            <v>1.5</v>
          </cell>
          <cell r="AQ125">
            <v>6</v>
          </cell>
          <cell r="AR125">
            <v>4</v>
          </cell>
          <cell r="AS125">
            <v>0</v>
          </cell>
        </row>
        <row r="126">
          <cell r="A126" t="str">
            <v>BRA2013</v>
          </cell>
          <cell r="B126" t="str">
            <v>BRA</v>
          </cell>
          <cell r="C126">
            <v>2013</v>
          </cell>
          <cell r="D126" t="str">
            <v>..</v>
          </cell>
          <cell r="E126" t="str">
            <v>..</v>
          </cell>
          <cell r="F126" t="str">
            <v>..</v>
          </cell>
          <cell r="G126" t="str">
            <v>..</v>
          </cell>
          <cell r="H126" t="str">
            <v>..</v>
          </cell>
          <cell r="I126" t="str">
            <v>..</v>
          </cell>
          <cell r="J126" t="str">
            <v>..</v>
          </cell>
          <cell r="K126" t="str">
            <v>..</v>
          </cell>
          <cell r="L126" t="str">
            <v>..</v>
          </cell>
          <cell r="M126" t="str">
            <v>..</v>
          </cell>
          <cell r="N126" t="str">
            <v>..</v>
          </cell>
          <cell r="O126" t="str">
            <v>..</v>
          </cell>
          <cell r="P126" t="str">
            <v>..</v>
          </cell>
          <cell r="Q126" t="str">
            <v>..</v>
          </cell>
          <cell r="R126" t="str">
            <v>..</v>
          </cell>
          <cell r="S126" t="str">
            <v>..</v>
          </cell>
          <cell r="T126" t="str">
            <v>..</v>
          </cell>
          <cell r="U126" t="str">
            <v>..</v>
          </cell>
          <cell r="V126" t="str">
            <v>..</v>
          </cell>
          <cell r="W126" t="str">
            <v>..</v>
          </cell>
          <cell r="X126" t="str">
            <v>..</v>
          </cell>
          <cell r="Y126" t="str">
            <v>..</v>
          </cell>
          <cell r="Z126" t="str">
            <v>..</v>
          </cell>
          <cell r="AA126" t="str">
            <v>..</v>
          </cell>
          <cell r="AB126" t="str">
            <v>..</v>
          </cell>
          <cell r="AC126" t="str">
            <v>..</v>
          </cell>
          <cell r="AD126" t="str">
            <v>..</v>
          </cell>
          <cell r="AE126" t="str">
            <v>..</v>
          </cell>
          <cell r="AF126" t="str">
            <v>..</v>
          </cell>
          <cell r="AG126" t="str">
            <v>..</v>
          </cell>
          <cell r="AH126" t="str">
            <v>..</v>
          </cell>
          <cell r="AI126" t="str">
            <v>..</v>
          </cell>
          <cell r="AJ126" t="str">
            <v>..</v>
          </cell>
          <cell r="AK126" t="str">
            <v>..</v>
          </cell>
          <cell r="AL126" t="str">
            <v>..</v>
          </cell>
          <cell r="AM126" t="str">
            <v>..</v>
          </cell>
          <cell r="AN126" t="str">
            <v>..</v>
          </cell>
          <cell r="AO126" t="str">
            <v>..</v>
          </cell>
          <cell r="AP126" t="str">
            <v>..</v>
          </cell>
          <cell r="AQ126" t="str">
            <v>..</v>
          </cell>
          <cell r="AR126" t="str">
            <v>..</v>
          </cell>
          <cell r="AS126" t="str">
            <v>..</v>
          </cell>
        </row>
        <row r="127">
          <cell r="A127" t="str">
            <v>CHL2013</v>
          </cell>
          <cell r="B127" t="str">
            <v>CHL</v>
          </cell>
          <cell r="C127">
            <v>2013</v>
          </cell>
          <cell r="D127">
            <v>2.8134920634920633</v>
          </cell>
          <cell r="E127">
            <v>2.3445767195767195</v>
          </cell>
          <cell r="F127">
            <v>2.0598544973544972</v>
          </cell>
          <cell r="G127">
            <v>2.626984126984127</v>
          </cell>
          <cell r="H127">
            <v>2.5269841269841269</v>
          </cell>
          <cell r="I127">
            <v>3</v>
          </cell>
          <cell r="J127">
            <v>2.4166666666666665</v>
          </cell>
          <cell r="K127">
            <v>0</v>
          </cell>
          <cell r="L127">
            <v>2</v>
          </cell>
          <cell r="M127">
            <v>2.3809523809523805</v>
          </cell>
          <cell r="N127">
            <v>3.5</v>
          </cell>
          <cell r="O127">
            <v>3.2</v>
          </cell>
          <cell r="P127">
            <v>2</v>
          </cell>
          <cell r="Q127">
            <v>4</v>
          </cell>
          <cell r="R127">
            <v>2.833333333333333</v>
          </cell>
          <cell r="S127">
            <v>4</v>
          </cell>
          <cell r="T127">
            <v>0</v>
          </cell>
          <cell r="U127">
            <v>3</v>
          </cell>
          <cell r="V127">
            <v>2</v>
          </cell>
          <cell r="W127">
            <v>1</v>
          </cell>
          <cell r="X127">
            <v>0</v>
          </cell>
          <cell r="Y127">
            <v>5</v>
          </cell>
          <cell r="Z127">
            <v>3</v>
          </cell>
          <cell r="AA127">
            <v>6</v>
          </cell>
          <cell r="AB127">
            <v>6</v>
          </cell>
          <cell r="AC127">
            <v>1</v>
          </cell>
          <cell r="AD127">
            <v>1</v>
          </cell>
          <cell r="AE127">
            <v>2</v>
          </cell>
          <cell r="AF127">
            <v>0</v>
          </cell>
          <cell r="AG127">
            <v>4</v>
          </cell>
          <cell r="AH127">
            <v>4</v>
          </cell>
          <cell r="AI127">
            <v>3</v>
          </cell>
          <cell r="AJ127">
            <v>4</v>
          </cell>
          <cell r="AK127">
            <v>2</v>
          </cell>
          <cell r="AL127">
            <v>6</v>
          </cell>
          <cell r="AM127">
            <v>6</v>
          </cell>
          <cell r="AN127">
            <v>1</v>
          </cell>
          <cell r="AO127">
            <v>0</v>
          </cell>
          <cell r="AP127">
            <v>0</v>
          </cell>
          <cell r="AQ127">
            <v>0</v>
          </cell>
          <cell r="AR127">
            <v>0</v>
          </cell>
          <cell r="AS127">
            <v>0</v>
          </cell>
        </row>
        <row r="128">
          <cell r="A128" t="str">
            <v>CHN2013</v>
          </cell>
          <cell r="B128" t="str">
            <v>CHN</v>
          </cell>
          <cell r="C128">
            <v>2013</v>
          </cell>
          <cell r="D128" t="str">
            <v>..</v>
          </cell>
          <cell r="E128" t="str">
            <v>..</v>
          </cell>
          <cell r="F128" t="str">
            <v>..</v>
          </cell>
          <cell r="G128" t="str">
            <v>..</v>
          </cell>
          <cell r="H128" t="str">
            <v>..</v>
          </cell>
          <cell r="I128" t="str">
            <v>..</v>
          </cell>
          <cell r="J128" t="str">
            <v>..</v>
          </cell>
          <cell r="K128" t="str">
            <v>..</v>
          </cell>
          <cell r="L128" t="str">
            <v>..</v>
          </cell>
          <cell r="M128" t="str">
            <v>..</v>
          </cell>
          <cell r="N128" t="str">
            <v>..</v>
          </cell>
          <cell r="O128" t="str">
            <v>..</v>
          </cell>
          <cell r="P128" t="str">
            <v>..</v>
          </cell>
          <cell r="Q128" t="str">
            <v>..</v>
          </cell>
          <cell r="R128" t="str">
            <v>..</v>
          </cell>
          <cell r="S128" t="str">
            <v>..</v>
          </cell>
          <cell r="T128" t="str">
            <v>..</v>
          </cell>
          <cell r="U128" t="str">
            <v>..</v>
          </cell>
          <cell r="V128" t="str">
            <v>..</v>
          </cell>
          <cell r="W128" t="str">
            <v>..</v>
          </cell>
          <cell r="X128" t="str">
            <v>..</v>
          </cell>
          <cell r="Y128" t="str">
            <v>..</v>
          </cell>
          <cell r="Z128" t="str">
            <v>..</v>
          </cell>
          <cell r="AA128" t="str">
            <v>..</v>
          </cell>
          <cell r="AB128" t="str">
            <v>..</v>
          </cell>
          <cell r="AC128" t="str">
            <v>..</v>
          </cell>
          <cell r="AD128" t="str">
            <v>..</v>
          </cell>
          <cell r="AE128" t="str">
            <v>..</v>
          </cell>
          <cell r="AF128" t="str">
            <v>..</v>
          </cell>
          <cell r="AG128" t="str">
            <v>..</v>
          </cell>
          <cell r="AH128" t="str">
            <v>..</v>
          </cell>
          <cell r="AI128" t="str">
            <v>..</v>
          </cell>
          <cell r="AJ128" t="str">
            <v>..</v>
          </cell>
          <cell r="AK128" t="str">
            <v>..</v>
          </cell>
          <cell r="AL128" t="str">
            <v>..</v>
          </cell>
          <cell r="AM128" t="str">
            <v>..</v>
          </cell>
          <cell r="AN128" t="str">
            <v>..</v>
          </cell>
          <cell r="AO128" t="str">
            <v>..</v>
          </cell>
          <cell r="AP128" t="str">
            <v>..</v>
          </cell>
          <cell r="AQ128" t="str">
            <v>..</v>
          </cell>
          <cell r="AR128" t="str">
            <v>..</v>
          </cell>
          <cell r="AS128" t="str">
            <v>..</v>
          </cell>
        </row>
        <row r="129">
          <cell r="A129" t="str">
            <v>EST2013</v>
          </cell>
          <cell r="B129" t="str">
            <v>EST</v>
          </cell>
          <cell r="C129">
            <v>2013</v>
          </cell>
          <cell r="D129">
            <v>2.4047619047619047</v>
          </cell>
          <cell r="E129">
            <v>2.4831349206349205</v>
          </cell>
          <cell r="F129">
            <v>2.472718253968254</v>
          </cell>
          <cell r="G129">
            <v>1.8095238095238095</v>
          </cell>
          <cell r="H129">
            <v>1.7428571428571429</v>
          </cell>
          <cell r="I129">
            <v>3</v>
          </cell>
          <cell r="J129">
            <v>3.0416666666666665</v>
          </cell>
          <cell r="K129">
            <v>2.875</v>
          </cell>
          <cell r="L129">
            <v>2</v>
          </cell>
          <cell r="M129">
            <v>1.4285714285714284</v>
          </cell>
          <cell r="N129">
            <v>2</v>
          </cell>
          <cell r="O129">
            <v>1.8</v>
          </cell>
          <cell r="P129">
            <v>3.25</v>
          </cell>
          <cell r="Q129">
            <v>2.75</v>
          </cell>
          <cell r="R129">
            <v>2.833333333333333</v>
          </cell>
          <cell r="S129">
            <v>3</v>
          </cell>
          <cell r="T129">
            <v>1</v>
          </cell>
          <cell r="U129">
            <v>2</v>
          </cell>
          <cell r="V129">
            <v>2</v>
          </cell>
          <cell r="W129">
            <v>2</v>
          </cell>
          <cell r="X129">
            <v>1</v>
          </cell>
          <cell r="Y129">
            <v>1</v>
          </cell>
          <cell r="Z129">
            <v>1</v>
          </cell>
          <cell r="AA129">
            <v>4</v>
          </cell>
          <cell r="AB129">
            <v>4</v>
          </cell>
          <cell r="AC129">
            <v>0</v>
          </cell>
          <cell r="AD129">
            <v>0</v>
          </cell>
          <cell r="AE129">
            <v>1</v>
          </cell>
          <cell r="AF129">
            <v>4</v>
          </cell>
          <cell r="AG129">
            <v>4</v>
          </cell>
          <cell r="AH129">
            <v>1</v>
          </cell>
          <cell r="AI129">
            <v>3</v>
          </cell>
          <cell r="AJ129">
            <v>4</v>
          </cell>
          <cell r="AK129">
            <v>4</v>
          </cell>
          <cell r="AL129">
            <v>1</v>
          </cell>
          <cell r="AM129">
            <v>1</v>
          </cell>
          <cell r="AN129">
            <v>0</v>
          </cell>
          <cell r="AO129">
            <v>6</v>
          </cell>
          <cell r="AP129">
            <v>6</v>
          </cell>
          <cell r="AQ129">
            <v>4.5</v>
          </cell>
          <cell r="AR129">
            <v>1</v>
          </cell>
          <cell r="AS129">
            <v>0</v>
          </cell>
        </row>
        <row r="130">
          <cell r="A130" t="str">
            <v>IND2013</v>
          </cell>
          <cell r="B130" t="str">
            <v>IND</v>
          </cell>
          <cell r="C130">
            <v>2013</v>
          </cell>
          <cell r="D130" t="str">
            <v>..</v>
          </cell>
          <cell r="E130" t="str">
            <v>..</v>
          </cell>
          <cell r="F130" t="str">
            <v>..</v>
          </cell>
          <cell r="G130" t="str">
            <v>..</v>
          </cell>
          <cell r="H130" t="str">
            <v>..</v>
          </cell>
          <cell r="I130" t="str">
            <v>..</v>
          </cell>
          <cell r="J130" t="str">
            <v>..</v>
          </cell>
          <cell r="K130" t="str">
            <v>..</v>
          </cell>
          <cell r="L130" t="str">
            <v>..</v>
          </cell>
          <cell r="M130" t="str">
            <v>..</v>
          </cell>
          <cell r="N130" t="str">
            <v>..</v>
          </cell>
          <cell r="O130" t="str">
            <v>..</v>
          </cell>
          <cell r="P130" t="str">
            <v>..</v>
          </cell>
          <cell r="Q130" t="str">
            <v>..</v>
          </cell>
          <cell r="R130" t="str">
            <v>..</v>
          </cell>
          <cell r="S130" t="str">
            <v>..</v>
          </cell>
          <cell r="T130" t="str">
            <v>..</v>
          </cell>
          <cell r="U130" t="str">
            <v>..</v>
          </cell>
          <cell r="V130" t="str">
            <v>..</v>
          </cell>
          <cell r="W130" t="str">
            <v>..</v>
          </cell>
          <cell r="X130" t="str">
            <v>..</v>
          </cell>
          <cell r="Y130" t="str">
            <v>..</v>
          </cell>
          <cell r="Z130" t="str">
            <v>..</v>
          </cell>
          <cell r="AA130" t="str">
            <v>..</v>
          </cell>
          <cell r="AB130" t="str">
            <v>..</v>
          </cell>
          <cell r="AC130" t="str">
            <v>..</v>
          </cell>
          <cell r="AD130" t="str">
            <v>..</v>
          </cell>
          <cell r="AE130" t="str">
            <v>..</v>
          </cell>
          <cell r="AF130" t="str">
            <v>..</v>
          </cell>
          <cell r="AG130" t="str">
            <v>..</v>
          </cell>
          <cell r="AH130" t="str">
            <v>..</v>
          </cell>
          <cell r="AI130" t="str">
            <v>..</v>
          </cell>
          <cell r="AJ130" t="str">
            <v>..</v>
          </cell>
          <cell r="AK130" t="str">
            <v>..</v>
          </cell>
          <cell r="AL130" t="str">
            <v>..</v>
          </cell>
          <cell r="AM130" t="str">
            <v>..</v>
          </cell>
          <cell r="AN130" t="str">
            <v>..</v>
          </cell>
          <cell r="AO130" t="str">
            <v>..</v>
          </cell>
          <cell r="AP130" t="str">
            <v>..</v>
          </cell>
          <cell r="AQ130" t="str">
            <v>..</v>
          </cell>
          <cell r="AR130" t="str">
            <v>..</v>
          </cell>
          <cell r="AS130" t="str">
            <v>..</v>
          </cell>
        </row>
        <row r="131">
          <cell r="A131" t="str">
            <v>IDN2013</v>
          </cell>
          <cell r="B131" t="str">
            <v>IDN</v>
          </cell>
          <cell r="C131">
            <v>2013</v>
          </cell>
          <cell r="D131" t="str">
            <v>..</v>
          </cell>
          <cell r="E131" t="str">
            <v>..</v>
          </cell>
          <cell r="F131" t="str">
            <v>..</v>
          </cell>
          <cell r="G131" t="str">
            <v>..</v>
          </cell>
          <cell r="H131" t="str">
            <v>..</v>
          </cell>
          <cell r="I131" t="str">
            <v>..</v>
          </cell>
          <cell r="J131" t="str">
            <v>..</v>
          </cell>
          <cell r="K131" t="str">
            <v>..</v>
          </cell>
          <cell r="L131" t="str">
            <v>..</v>
          </cell>
          <cell r="M131" t="str">
            <v>..</v>
          </cell>
          <cell r="N131" t="str">
            <v>..</v>
          </cell>
          <cell r="O131" t="str">
            <v>..</v>
          </cell>
          <cell r="P131" t="str">
            <v>..</v>
          </cell>
          <cell r="Q131" t="str">
            <v>..</v>
          </cell>
          <cell r="R131" t="str">
            <v>..</v>
          </cell>
          <cell r="S131" t="str">
            <v>..</v>
          </cell>
          <cell r="T131" t="str">
            <v>..</v>
          </cell>
          <cell r="U131" t="str">
            <v>..</v>
          </cell>
          <cell r="V131" t="str">
            <v>..</v>
          </cell>
          <cell r="W131" t="str">
            <v>..</v>
          </cell>
          <cell r="X131" t="str">
            <v>..</v>
          </cell>
          <cell r="Y131" t="str">
            <v>..</v>
          </cell>
          <cell r="Z131" t="str">
            <v>..</v>
          </cell>
          <cell r="AA131" t="str">
            <v>..</v>
          </cell>
          <cell r="AB131" t="str">
            <v>..</v>
          </cell>
          <cell r="AC131" t="str">
            <v>..</v>
          </cell>
          <cell r="AD131" t="str">
            <v>..</v>
          </cell>
          <cell r="AE131" t="str">
            <v>..</v>
          </cell>
          <cell r="AF131" t="str">
            <v>..</v>
          </cell>
          <cell r="AG131" t="str">
            <v>..</v>
          </cell>
          <cell r="AH131" t="str">
            <v>..</v>
          </cell>
          <cell r="AI131" t="str">
            <v>..</v>
          </cell>
          <cell r="AJ131" t="str">
            <v>..</v>
          </cell>
          <cell r="AK131" t="str">
            <v>..</v>
          </cell>
          <cell r="AL131" t="str">
            <v>..</v>
          </cell>
          <cell r="AM131" t="str">
            <v>..</v>
          </cell>
          <cell r="AN131" t="str">
            <v>..</v>
          </cell>
          <cell r="AO131" t="str">
            <v>..</v>
          </cell>
          <cell r="AP131" t="str">
            <v>..</v>
          </cell>
          <cell r="AQ131" t="str">
            <v>..</v>
          </cell>
          <cell r="AR131" t="str">
            <v>..</v>
          </cell>
          <cell r="AS131" t="str">
            <v>..</v>
          </cell>
        </row>
        <row r="132">
          <cell r="A132" t="str">
            <v>ISR2013</v>
          </cell>
          <cell r="B132" t="str">
            <v>ISR</v>
          </cell>
          <cell r="C132">
            <v>2013</v>
          </cell>
          <cell r="D132">
            <v>1.4553571428571428</v>
          </cell>
          <cell r="E132">
            <v>1.5252976190476188</v>
          </cell>
          <cell r="F132">
            <v>1.9523809523809526</v>
          </cell>
          <cell r="G132">
            <v>2.0357142857142856</v>
          </cell>
          <cell r="H132">
            <v>2.3523809523809525</v>
          </cell>
          <cell r="I132">
            <v>0.875</v>
          </cell>
          <cell r="J132">
            <v>1.5833333333333333</v>
          </cell>
          <cell r="K132">
            <v>1.875</v>
          </cell>
          <cell r="L132">
            <v>2</v>
          </cell>
          <cell r="M132">
            <v>2.8571428571428568</v>
          </cell>
          <cell r="N132">
            <v>1.25</v>
          </cell>
          <cell r="O132">
            <v>2.2000000000000002</v>
          </cell>
          <cell r="P132">
            <v>0</v>
          </cell>
          <cell r="Q132">
            <v>1.75</v>
          </cell>
          <cell r="R132">
            <v>3.1666666666666665</v>
          </cell>
          <cell r="S132">
            <v>4</v>
          </cell>
          <cell r="T132">
            <v>0</v>
          </cell>
          <cell r="U132">
            <v>1</v>
          </cell>
          <cell r="V132">
            <v>2</v>
          </cell>
          <cell r="W132">
            <v>1</v>
          </cell>
          <cell r="X132">
            <v>0</v>
          </cell>
          <cell r="Y132">
            <v>6</v>
          </cell>
          <cell r="Z132">
            <v>6</v>
          </cell>
          <cell r="AA132">
            <v>0</v>
          </cell>
          <cell r="AB132">
            <v>2</v>
          </cell>
          <cell r="AC132">
            <v>1</v>
          </cell>
          <cell r="AD132">
            <v>2</v>
          </cell>
          <cell r="AE132">
            <v>6</v>
          </cell>
          <cell r="AF132">
            <v>0</v>
          </cell>
          <cell r="AG132">
            <v>0</v>
          </cell>
          <cell r="AH132">
            <v>0</v>
          </cell>
          <cell r="AI132">
            <v>0</v>
          </cell>
          <cell r="AJ132">
            <v>2</v>
          </cell>
          <cell r="AK132">
            <v>2</v>
          </cell>
          <cell r="AL132">
            <v>5</v>
          </cell>
          <cell r="AM132">
            <v>0</v>
          </cell>
          <cell r="AN132">
            <v>6</v>
          </cell>
          <cell r="AO132">
            <v>6</v>
          </cell>
          <cell r="AP132">
            <v>4.5</v>
          </cell>
          <cell r="AQ132">
            <v>3</v>
          </cell>
          <cell r="AR132">
            <v>0</v>
          </cell>
          <cell r="AS132">
            <v>0</v>
          </cell>
        </row>
        <row r="133">
          <cell r="A133" t="str">
            <v>RUS2013</v>
          </cell>
          <cell r="B133" t="str">
            <v>RUS</v>
          </cell>
          <cell r="C133">
            <v>2013</v>
          </cell>
          <cell r="D133" t="str">
            <v>..</v>
          </cell>
          <cell r="E133" t="str">
            <v>..</v>
          </cell>
          <cell r="F133" t="str">
            <v>..</v>
          </cell>
          <cell r="G133" t="str">
            <v>..</v>
          </cell>
          <cell r="H133" t="str">
            <v>..</v>
          </cell>
          <cell r="I133" t="str">
            <v>..</v>
          </cell>
          <cell r="J133" t="str">
            <v>..</v>
          </cell>
          <cell r="K133" t="str">
            <v>..</v>
          </cell>
          <cell r="L133" t="str">
            <v>..</v>
          </cell>
          <cell r="M133" t="str">
            <v>..</v>
          </cell>
          <cell r="N133" t="str">
            <v>..</v>
          </cell>
          <cell r="O133" t="str">
            <v>..</v>
          </cell>
          <cell r="P133" t="str">
            <v>..</v>
          </cell>
          <cell r="Q133" t="str">
            <v>..</v>
          </cell>
          <cell r="R133" t="str">
            <v>..</v>
          </cell>
          <cell r="S133" t="str">
            <v>..</v>
          </cell>
          <cell r="T133" t="str">
            <v>..</v>
          </cell>
          <cell r="U133" t="str">
            <v>..</v>
          </cell>
          <cell r="V133" t="str">
            <v>..</v>
          </cell>
          <cell r="W133" t="str">
            <v>..</v>
          </cell>
          <cell r="X133" t="str">
            <v>..</v>
          </cell>
          <cell r="Y133" t="str">
            <v>..</v>
          </cell>
          <cell r="Z133" t="str">
            <v>..</v>
          </cell>
          <cell r="AA133" t="str">
            <v>..</v>
          </cell>
          <cell r="AB133" t="str">
            <v>..</v>
          </cell>
          <cell r="AC133" t="str">
            <v>..</v>
          </cell>
          <cell r="AD133" t="str">
            <v>..</v>
          </cell>
          <cell r="AE133" t="str">
            <v>..</v>
          </cell>
          <cell r="AF133" t="str">
            <v>..</v>
          </cell>
          <cell r="AG133" t="str">
            <v>..</v>
          </cell>
          <cell r="AH133" t="str">
            <v>..</v>
          </cell>
          <cell r="AI133" t="str">
            <v>..</v>
          </cell>
          <cell r="AJ133" t="str">
            <v>..</v>
          </cell>
          <cell r="AK133" t="str">
            <v>..</v>
          </cell>
          <cell r="AL133" t="str">
            <v>..</v>
          </cell>
          <cell r="AM133" t="str">
            <v>..</v>
          </cell>
          <cell r="AN133" t="str">
            <v>..</v>
          </cell>
          <cell r="AO133" t="str">
            <v>..</v>
          </cell>
          <cell r="AP133" t="str">
            <v>..</v>
          </cell>
          <cell r="AQ133" t="str">
            <v>..</v>
          </cell>
          <cell r="AR133" t="str">
            <v>..</v>
          </cell>
          <cell r="AS133" t="str">
            <v>..</v>
          </cell>
        </row>
        <row r="134">
          <cell r="A134" t="str">
            <v>SVN2013</v>
          </cell>
          <cell r="B134" t="str">
            <v>SVN</v>
          </cell>
          <cell r="C134">
            <v>2013</v>
          </cell>
          <cell r="D134">
            <v>2.2078373015873014</v>
          </cell>
          <cell r="E134">
            <v>2.4023644179894181</v>
          </cell>
          <cell r="F134">
            <v>2.5985449735449735</v>
          </cell>
          <cell r="G134">
            <v>2.6031746031746033</v>
          </cell>
          <cell r="H134">
            <v>2.3865079365079365</v>
          </cell>
          <cell r="I134">
            <v>1.8125</v>
          </cell>
          <cell r="J134">
            <v>2.5</v>
          </cell>
          <cell r="K134">
            <v>3.375</v>
          </cell>
          <cell r="L134">
            <v>2.75</v>
          </cell>
          <cell r="M134">
            <v>1.8095238095238093</v>
          </cell>
          <cell r="N134">
            <v>3.25</v>
          </cell>
          <cell r="O134">
            <v>2.6</v>
          </cell>
          <cell r="P134">
            <v>1.75</v>
          </cell>
          <cell r="Q134">
            <v>1.875</v>
          </cell>
          <cell r="R134">
            <v>3.25</v>
          </cell>
          <cell r="S134">
            <v>4.5</v>
          </cell>
          <cell r="T134">
            <v>1</v>
          </cell>
          <cell r="U134">
            <v>3</v>
          </cell>
          <cell r="V134">
            <v>2</v>
          </cell>
          <cell r="W134">
            <v>1</v>
          </cell>
          <cell r="X134">
            <v>0</v>
          </cell>
          <cell r="Y134">
            <v>2</v>
          </cell>
          <cell r="Z134">
            <v>3</v>
          </cell>
          <cell r="AA134">
            <v>4</v>
          </cell>
          <cell r="AB134">
            <v>3</v>
          </cell>
          <cell r="AC134">
            <v>2</v>
          </cell>
          <cell r="AD134">
            <v>4</v>
          </cell>
          <cell r="AE134">
            <v>0</v>
          </cell>
          <cell r="AF134">
            <v>2</v>
          </cell>
          <cell r="AG134">
            <v>0</v>
          </cell>
          <cell r="AH134">
            <v>3</v>
          </cell>
          <cell r="AI134">
            <v>0.75</v>
          </cell>
          <cell r="AJ134">
            <v>2</v>
          </cell>
          <cell r="AK134">
            <v>2</v>
          </cell>
          <cell r="AL134">
            <v>4</v>
          </cell>
          <cell r="AM134">
            <v>0</v>
          </cell>
          <cell r="AN134">
            <v>6</v>
          </cell>
          <cell r="AO134">
            <v>6</v>
          </cell>
          <cell r="AP134">
            <v>4.5</v>
          </cell>
          <cell r="AQ134">
            <v>3</v>
          </cell>
          <cell r="AR134">
            <v>3</v>
          </cell>
          <cell r="AS134">
            <v>3</v>
          </cell>
        </row>
        <row r="135">
          <cell r="A135" t="str">
            <v>ZAF2013</v>
          </cell>
          <cell r="B135" t="str">
            <v>ZAF</v>
          </cell>
          <cell r="C135">
            <v>2013</v>
          </cell>
          <cell r="D135" t="str">
            <v>..</v>
          </cell>
          <cell r="E135" t="str">
            <v>..</v>
          </cell>
          <cell r="F135" t="str">
            <v>..</v>
          </cell>
          <cell r="G135" t="str">
            <v>..</v>
          </cell>
          <cell r="H135" t="str">
            <v>..</v>
          </cell>
          <cell r="I135" t="str">
            <v>..</v>
          </cell>
          <cell r="J135" t="str">
            <v>..</v>
          </cell>
          <cell r="K135" t="str">
            <v>..</v>
          </cell>
          <cell r="L135" t="str">
            <v>..</v>
          </cell>
          <cell r="M135" t="str">
            <v>..</v>
          </cell>
          <cell r="N135" t="str">
            <v>..</v>
          </cell>
          <cell r="O135" t="str">
            <v>..</v>
          </cell>
          <cell r="P135" t="str">
            <v>..</v>
          </cell>
          <cell r="Q135" t="str">
            <v>..</v>
          </cell>
          <cell r="R135" t="str">
            <v>..</v>
          </cell>
          <cell r="S135" t="str">
            <v>..</v>
          </cell>
          <cell r="T135" t="str">
            <v>..</v>
          </cell>
          <cell r="U135" t="str">
            <v>..</v>
          </cell>
          <cell r="V135" t="str">
            <v>..</v>
          </cell>
          <cell r="W135" t="str">
            <v>..</v>
          </cell>
          <cell r="X135" t="str">
            <v>..</v>
          </cell>
          <cell r="Y135" t="str">
            <v>..</v>
          </cell>
          <cell r="Z135" t="str">
            <v>..</v>
          </cell>
          <cell r="AA135" t="str">
            <v>..</v>
          </cell>
          <cell r="AB135" t="str">
            <v>..</v>
          </cell>
          <cell r="AC135" t="str">
            <v>..</v>
          </cell>
          <cell r="AD135" t="str">
            <v>..</v>
          </cell>
          <cell r="AE135" t="str">
            <v>..</v>
          </cell>
          <cell r="AF135" t="str">
            <v>..</v>
          </cell>
          <cell r="AG135" t="str">
            <v>..</v>
          </cell>
          <cell r="AH135" t="str">
            <v>..</v>
          </cell>
          <cell r="AI135" t="str">
            <v>..</v>
          </cell>
          <cell r="AJ135" t="str">
            <v>..</v>
          </cell>
          <cell r="AK135" t="str">
            <v>..</v>
          </cell>
          <cell r="AL135" t="str">
            <v>..</v>
          </cell>
          <cell r="AM135" t="str">
            <v>..</v>
          </cell>
          <cell r="AN135" t="str">
            <v>..</v>
          </cell>
          <cell r="AO135" t="str">
            <v>..</v>
          </cell>
          <cell r="AP135" t="str">
            <v>..</v>
          </cell>
          <cell r="AQ135" t="str">
            <v>..</v>
          </cell>
          <cell r="AR135" t="str">
            <v>..</v>
          </cell>
          <cell r="AS135" t="str">
            <v>..</v>
          </cell>
        </row>
        <row r="136">
          <cell r="A136" t="str">
            <v>SAU2013</v>
          </cell>
          <cell r="B136" t="str">
            <v>SAU</v>
          </cell>
          <cell r="C136">
            <v>2013</v>
          </cell>
          <cell r="D136" t="str">
            <v>..</v>
          </cell>
          <cell r="E136" t="str">
            <v>..</v>
          </cell>
          <cell r="F136" t="str">
            <v>..</v>
          </cell>
          <cell r="G136" t="str">
            <v>..</v>
          </cell>
          <cell r="H136" t="str">
            <v>..</v>
          </cell>
          <cell r="I136" t="str">
            <v>..</v>
          </cell>
          <cell r="J136" t="str">
            <v>..</v>
          </cell>
          <cell r="K136" t="str">
            <v>..</v>
          </cell>
          <cell r="L136" t="str">
            <v>..</v>
          </cell>
          <cell r="M136" t="str">
            <v>..</v>
          </cell>
          <cell r="N136" t="str">
            <v>..</v>
          </cell>
          <cell r="O136" t="str">
            <v>..</v>
          </cell>
          <cell r="P136" t="str">
            <v>..</v>
          </cell>
          <cell r="Q136" t="str">
            <v>..</v>
          </cell>
          <cell r="R136" t="str">
            <v>..</v>
          </cell>
          <cell r="S136" t="str">
            <v>..</v>
          </cell>
          <cell r="T136" t="str">
            <v>..</v>
          </cell>
          <cell r="U136" t="str">
            <v>..</v>
          </cell>
          <cell r="V136" t="str">
            <v>..</v>
          </cell>
          <cell r="W136" t="str">
            <v>..</v>
          </cell>
          <cell r="X136" t="str">
            <v>..</v>
          </cell>
          <cell r="Y136" t="str">
            <v>..</v>
          </cell>
          <cell r="Z136" t="str">
            <v>..</v>
          </cell>
          <cell r="AA136" t="str">
            <v>..</v>
          </cell>
          <cell r="AB136" t="str">
            <v>..</v>
          </cell>
          <cell r="AC136" t="str">
            <v>..</v>
          </cell>
          <cell r="AD136" t="str">
            <v>..</v>
          </cell>
          <cell r="AE136" t="str">
            <v>..</v>
          </cell>
          <cell r="AF136" t="str">
            <v>..</v>
          </cell>
          <cell r="AG136" t="str">
            <v>..</v>
          </cell>
          <cell r="AH136" t="str">
            <v>..</v>
          </cell>
          <cell r="AI136" t="str">
            <v>..</v>
          </cell>
          <cell r="AJ136" t="str">
            <v>..</v>
          </cell>
          <cell r="AK136" t="str">
            <v>..</v>
          </cell>
          <cell r="AL136" t="str">
            <v>..</v>
          </cell>
          <cell r="AM136" t="str">
            <v>..</v>
          </cell>
          <cell r="AN136" t="str">
            <v>..</v>
          </cell>
          <cell r="AO136" t="str">
            <v>..</v>
          </cell>
          <cell r="AP136" t="str">
            <v>..</v>
          </cell>
          <cell r="AQ136" t="str">
            <v>..</v>
          </cell>
          <cell r="AR136" t="str">
            <v>..</v>
          </cell>
          <cell r="AS136" t="str">
            <v>..</v>
          </cell>
        </row>
        <row r="137">
          <cell r="A137" t="str">
            <v>LVA2013</v>
          </cell>
          <cell r="B137" t="str">
            <v>LVA</v>
          </cell>
          <cell r="C137">
            <v>2013</v>
          </cell>
          <cell r="D137">
            <v>1.7807539682539684</v>
          </cell>
          <cell r="E137">
            <v>2.10896164021164</v>
          </cell>
          <cell r="F137">
            <v>2.4422949735449735</v>
          </cell>
          <cell r="G137">
            <v>2.6865079365079367</v>
          </cell>
          <cell r="H137">
            <v>2.56984126984127</v>
          </cell>
          <cell r="I137">
            <v>0.875</v>
          </cell>
          <cell r="J137">
            <v>1.7916666666666665</v>
          </cell>
          <cell r="K137">
            <v>3.75</v>
          </cell>
          <cell r="L137">
            <v>3.5</v>
          </cell>
          <cell r="M137">
            <v>1.8095238095238093</v>
          </cell>
          <cell r="N137">
            <v>2.75</v>
          </cell>
          <cell r="O137">
            <v>2.4000000000000004</v>
          </cell>
          <cell r="P137">
            <v>1.25</v>
          </cell>
          <cell r="Q137">
            <v>0.5</v>
          </cell>
          <cell r="R137">
            <v>2.333333333333333</v>
          </cell>
          <cell r="S137">
            <v>5</v>
          </cell>
          <cell r="T137">
            <v>2</v>
          </cell>
          <cell r="U137">
            <v>3</v>
          </cell>
          <cell r="V137">
            <v>2</v>
          </cell>
          <cell r="W137">
            <v>1</v>
          </cell>
          <cell r="X137">
            <v>2</v>
          </cell>
          <cell r="Y137">
            <v>2</v>
          </cell>
          <cell r="Z137">
            <v>1</v>
          </cell>
          <cell r="AA137">
            <v>0</v>
          </cell>
          <cell r="AB137">
            <v>4</v>
          </cell>
          <cell r="AC137">
            <v>1</v>
          </cell>
          <cell r="AD137">
            <v>6</v>
          </cell>
          <cell r="AE137">
            <v>1</v>
          </cell>
          <cell r="AF137">
            <v>2</v>
          </cell>
          <cell r="AG137">
            <v>0</v>
          </cell>
          <cell r="AH137">
            <v>1</v>
          </cell>
          <cell r="AI137">
            <v>0</v>
          </cell>
          <cell r="AJ137">
            <v>2</v>
          </cell>
          <cell r="AK137">
            <v>4</v>
          </cell>
          <cell r="AL137">
            <v>0</v>
          </cell>
          <cell r="AM137">
            <v>0</v>
          </cell>
          <cell r="AN137">
            <v>6</v>
          </cell>
          <cell r="AO137">
            <v>6</v>
          </cell>
          <cell r="AP137">
            <v>6</v>
          </cell>
          <cell r="AQ137">
            <v>6</v>
          </cell>
          <cell r="AR137">
            <v>3</v>
          </cell>
          <cell r="AS137">
            <v>0</v>
          </cell>
        </row>
      </sheetData>
      <sheetData sheetId="2"/>
      <sheetData sheetId="3"/>
      <sheetData sheetId="4"/>
      <sheetData sheetId="5"/>
      <sheetData sheetId="6"/>
      <sheetData sheetId="7"/>
      <sheetData sheetId="8"/>
      <sheetData sheetId="9"/>
      <sheetData sheetId="10"/>
      <sheetData sheetId="11"/>
      <sheetData sheetId="12"/>
      <sheetData sheetId="13">
        <row r="5">
          <cell r="A5">
            <v>0</v>
          </cell>
          <cell r="B5">
            <v>0</v>
          </cell>
        </row>
        <row r="6">
          <cell r="A6">
            <v>2.0001000000000002</v>
          </cell>
          <cell r="B6">
            <v>1</v>
          </cell>
        </row>
        <row r="7">
          <cell r="A7">
            <v>10</v>
          </cell>
          <cell r="B7">
            <v>2</v>
          </cell>
        </row>
        <row r="8">
          <cell r="A8">
            <v>18</v>
          </cell>
          <cell r="B8">
            <v>3</v>
          </cell>
        </row>
        <row r="9">
          <cell r="A9">
            <v>26</v>
          </cell>
          <cell r="B9">
            <v>4</v>
          </cell>
        </row>
        <row r="10">
          <cell r="A10">
            <v>35</v>
          </cell>
          <cell r="B10">
            <v>5</v>
          </cell>
        </row>
        <row r="11">
          <cell r="A11">
            <v>45</v>
          </cell>
          <cell r="B11">
            <v>6</v>
          </cell>
        </row>
        <row r="14">
          <cell r="A14">
            <v>0</v>
          </cell>
          <cell r="B14">
            <v>0</v>
          </cell>
        </row>
        <row r="15">
          <cell r="A15">
            <v>1E-4</v>
          </cell>
          <cell r="B15">
            <v>1</v>
          </cell>
        </row>
        <row r="16">
          <cell r="A16">
            <v>0.40010000000000001</v>
          </cell>
          <cell r="B16">
            <v>2</v>
          </cell>
        </row>
        <row r="17">
          <cell r="A17">
            <v>0.80010000000000003</v>
          </cell>
          <cell r="B17">
            <v>3</v>
          </cell>
        </row>
        <row r="18">
          <cell r="A18">
            <v>1.2000999999999999</v>
          </cell>
          <cell r="B18">
            <v>4</v>
          </cell>
        </row>
        <row r="19">
          <cell r="A19">
            <v>1.6</v>
          </cell>
          <cell r="B19">
            <v>5</v>
          </cell>
        </row>
        <row r="20">
          <cell r="A20">
            <v>2</v>
          </cell>
          <cell r="B20">
            <v>6</v>
          </cell>
        </row>
        <row r="23">
          <cell r="A23">
            <v>0</v>
          </cell>
          <cell r="B23">
            <v>0</v>
          </cell>
        </row>
        <row r="24">
          <cell r="A24">
            <v>1E-4</v>
          </cell>
          <cell r="B24">
            <v>1</v>
          </cell>
        </row>
        <row r="25">
          <cell r="A25">
            <v>0.75000999999999995</v>
          </cell>
          <cell r="B25">
            <v>2</v>
          </cell>
        </row>
        <row r="26">
          <cell r="A26">
            <v>1.2500100000000001</v>
          </cell>
          <cell r="B26">
            <v>3</v>
          </cell>
        </row>
        <row r="27">
          <cell r="A27">
            <v>2</v>
          </cell>
          <cell r="B27">
            <v>4</v>
          </cell>
        </row>
        <row r="28">
          <cell r="A28">
            <v>2.5</v>
          </cell>
          <cell r="B28">
            <v>5</v>
          </cell>
        </row>
        <row r="29">
          <cell r="A29">
            <v>3.5</v>
          </cell>
          <cell r="B29">
            <v>6</v>
          </cell>
        </row>
        <row r="32">
          <cell r="A32">
            <v>0</v>
          </cell>
          <cell r="B32">
            <v>0</v>
          </cell>
        </row>
        <row r="33">
          <cell r="A33">
            <v>1</v>
          </cell>
          <cell r="B33">
            <v>1</v>
          </cell>
        </row>
        <row r="34">
          <cell r="A34">
            <v>2.7500100000000001</v>
          </cell>
          <cell r="B34">
            <v>2</v>
          </cell>
        </row>
        <row r="35">
          <cell r="A35">
            <v>5</v>
          </cell>
          <cell r="B35">
            <v>3</v>
          </cell>
        </row>
        <row r="36">
          <cell r="A36">
            <v>7</v>
          </cell>
          <cell r="B36">
            <v>4</v>
          </cell>
        </row>
        <row r="37">
          <cell r="A37">
            <v>9</v>
          </cell>
          <cell r="B37">
            <v>5</v>
          </cell>
        </row>
        <row r="38">
          <cell r="A38">
            <v>11</v>
          </cell>
          <cell r="B38">
            <v>6</v>
          </cell>
        </row>
        <row r="41">
          <cell r="A41">
            <v>0</v>
          </cell>
          <cell r="B41">
            <v>0</v>
          </cell>
        </row>
        <row r="42">
          <cell r="A42">
            <v>1E-4</v>
          </cell>
          <cell r="B42">
            <v>1</v>
          </cell>
        </row>
        <row r="43">
          <cell r="A43">
            <v>0.50009999999999999</v>
          </cell>
          <cell r="B43">
            <v>2</v>
          </cell>
        </row>
        <row r="44">
          <cell r="A44">
            <v>1.0001</v>
          </cell>
          <cell r="B44">
            <v>3</v>
          </cell>
        </row>
        <row r="45">
          <cell r="A45">
            <v>1.7500100000000001</v>
          </cell>
          <cell r="B45">
            <v>4</v>
          </cell>
        </row>
        <row r="46">
          <cell r="A46">
            <v>2.5001000000000002</v>
          </cell>
          <cell r="B46">
            <v>5</v>
          </cell>
        </row>
        <row r="47">
          <cell r="A47">
            <v>3</v>
          </cell>
          <cell r="B47">
            <v>6</v>
          </cell>
        </row>
        <row r="50">
          <cell r="A50">
            <v>0</v>
          </cell>
          <cell r="B50">
            <v>0</v>
          </cell>
        </row>
        <row r="51">
          <cell r="A51">
            <v>1E-4</v>
          </cell>
          <cell r="B51">
            <v>1</v>
          </cell>
        </row>
        <row r="52">
          <cell r="A52">
            <v>0.50009999999999999</v>
          </cell>
          <cell r="B52">
            <v>2</v>
          </cell>
        </row>
        <row r="53">
          <cell r="A53">
            <v>1.0009999999999999</v>
          </cell>
          <cell r="B53">
            <v>3</v>
          </cell>
        </row>
        <row r="54">
          <cell r="A54">
            <v>2.0009999999999999</v>
          </cell>
          <cell r="B54">
            <v>4</v>
          </cell>
        </row>
        <row r="55">
          <cell r="A55">
            <v>3.0009999999999999</v>
          </cell>
          <cell r="B55">
            <v>5</v>
          </cell>
        </row>
        <row r="56">
          <cell r="A56">
            <v>4</v>
          </cell>
          <cell r="B56">
            <v>6</v>
          </cell>
        </row>
        <row r="59">
          <cell r="A59">
            <v>0</v>
          </cell>
          <cell r="B59">
            <v>0</v>
          </cell>
        </row>
        <row r="60">
          <cell r="A60">
            <v>1E-4</v>
          </cell>
          <cell r="B60">
            <v>1</v>
          </cell>
        </row>
        <row r="61">
          <cell r="A61">
            <v>3.0001000000000002</v>
          </cell>
          <cell r="B61">
            <v>2</v>
          </cell>
        </row>
        <row r="62">
          <cell r="A62">
            <v>6.0000999999999998</v>
          </cell>
          <cell r="B62">
            <v>3</v>
          </cell>
        </row>
        <row r="63">
          <cell r="A63">
            <v>10.0001</v>
          </cell>
          <cell r="B63">
            <v>4</v>
          </cell>
        </row>
        <row r="64">
          <cell r="A64">
            <v>12.0001</v>
          </cell>
          <cell r="B64">
            <v>5</v>
          </cell>
        </row>
        <row r="65">
          <cell r="A65">
            <v>18.0001</v>
          </cell>
          <cell r="B65">
            <v>6</v>
          </cell>
        </row>
        <row r="68">
          <cell r="A68">
            <v>0</v>
          </cell>
          <cell r="B68">
            <v>6</v>
          </cell>
        </row>
        <row r="69">
          <cell r="A69">
            <v>1.5</v>
          </cell>
          <cell r="B69">
            <v>5</v>
          </cell>
        </row>
        <row r="70">
          <cell r="A70">
            <v>2.5001000000000002</v>
          </cell>
          <cell r="B70">
            <v>4</v>
          </cell>
        </row>
        <row r="71">
          <cell r="A71">
            <v>5.0000999999999998</v>
          </cell>
          <cell r="B71">
            <v>3</v>
          </cell>
        </row>
        <row r="72">
          <cell r="A72">
            <v>9.0000999999999998</v>
          </cell>
          <cell r="B72">
            <v>2</v>
          </cell>
        </row>
        <row r="73">
          <cell r="A73">
            <v>12.0001</v>
          </cell>
          <cell r="B73">
            <v>1</v>
          </cell>
        </row>
        <row r="74">
          <cell r="A74">
            <v>24</v>
          </cell>
          <cell r="B74">
            <v>0</v>
          </cell>
        </row>
        <row r="77">
          <cell r="A77">
            <v>0</v>
          </cell>
          <cell r="B77">
            <v>0</v>
          </cell>
        </row>
        <row r="78">
          <cell r="A78">
            <v>3.0001000000000002</v>
          </cell>
          <cell r="B78">
            <v>1</v>
          </cell>
        </row>
        <row r="79">
          <cell r="A79">
            <v>8.0000999999999998</v>
          </cell>
          <cell r="B79">
            <v>2</v>
          </cell>
        </row>
        <row r="80">
          <cell r="A80">
            <v>12.0001</v>
          </cell>
          <cell r="B80">
            <v>3</v>
          </cell>
        </row>
        <row r="81">
          <cell r="A81">
            <v>18.0001</v>
          </cell>
          <cell r="B81">
            <v>4</v>
          </cell>
        </row>
        <row r="82">
          <cell r="A82">
            <v>24.0001</v>
          </cell>
          <cell r="B82">
            <v>5</v>
          </cell>
        </row>
        <row r="83">
          <cell r="A83">
            <v>30.0001</v>
          </cell>
          <cell r="B83">
            <v>6</v>
          </cell>
        </row>
        <row r="86">
          <cell r="A86">
            <v>0</v>
          </cell>
          <cell r="B86">
            <v>0</v>
          </cell>
        </row>
        <row r="87">
          <cell r="A87">
            <v>1E-4</v>
          </cell>
          <cell r="B87">
            <v>1</v>
          </cell>
        </row>
        <row r="88">
          <cell r="A88">
            <v>1.0001</v>
          </cell>
          <cell r="B88">
            <v>2</v>
          </cell>
        </row>
        <row r="89">
          <cell r="A89">
            <v>3.0001000000000002</v>
          </cell>
          <cell r="B89">
            <v>3</v>
          </cell>
        </row>
        <row r="90">
          <cell r="A90">
            <v>6.0000999999999998</v>
          </cell>
          <cell r="B90">
            <v>4</v>
          </cell>
        </row>
        <row r="91">
          <cell r="A91">
            <v>9.0000999999999998</v>
          </cell>
          <cell r="B91">
            <v>5</v>
          </cell>
        </row>
        <row r="92">
          <cell r="A92">
            <v>12.0001</v>
          </cell>
          <cell r="B92">
            <v>6</v>
          </cell>
        </row>
        <row r="95">
          <cell r="A95">
            <v>0</v>
          </cell>
          <cell r="B95">
            <v>6</v>
          </cell>
        </row>
        <row r="96">
          <cell r="A96">
            <v>1.5</v>
          </cell>
          <cell r="B96">
            <v>5</v>
          </cell>
        </row>
        <row r="97">
          <cell r="A97">
            <v>2</v>
          </cell>
          <cell r="B97">
            <v>4</v>
          </cell>
        </row>
        <row r="98">
          <cell r="A98">
            <v>3</v>
          </cell>
          <cell r="B98">
            <v>3</v>
          </cell>
        </row>
        <row r="99">
          <cell r="A99">
            <v>4</v>
          </cell>
          <cell r="B99">
            <v>2</v>
          </cell>
        </row>
        <row r="100">
          <cell r="A100">
            <v>5</v>
          </cell>
          <cell r="B100">
            <v>1</v>
          </cell>
        </row>
        <row r="101">
          <cell r="A101">
            <v>99</v>
          </cell>
          <cell r="B101">
            <v>0</v>
          </cell>
        </row>
        <row r="104">
          <cell r="A104">
            <v>0</v>
          </cell>
          <cell r="B104">
            <v>6</v>
          </cell>
        </row>
        <row r="105">
          <cell r="A105">
            <v>12</v>
          </cell>
          <cell r="B105">
            <v>5</v>
          </cell>
        </row>
        <row r="106">
          <cell r="A106">
            <v>18</v>
          </cell>
          <cell r="B106">
            <v>4</v>
          </cell>
        </row>
        <row r="107">
          <cell r="A107">
            <v>24</v>
          </cell>
          <cell r="B107">
            <v>3</v>
          </cell>
        </row>
        <row r="108">
          <cell r="A108">
            <v>30</v>
          </cell>
          <cell r="B108">
            <v>2</v>
          </cell>
        </row>
        <row r="109">
          <cell r="A109">
            <v>36</v>
          </cell>
          <cell r="B109">
            <v>1</v>
          </cell>
        </row>
        <row r="110">
          <cell r="A110">
            <v>200</v>
          </cell>
          <cell r="B110">
            <v>0</v>
          </cell>
        </row>
        <row r="113">
          <cell r="A113">
            <v>0</v>
          </cell>
          <cell r="B113">
            <v>6</v>
          </cell>
        </row>
        <row r="114">
          <cell r="A114">
            <v>6.0000999999999998</v>
          </cell>
          <cell r="B114">
            <v>5</v>
          </cell>
        </row>
        <row r="115">
          <cell r="A115">
            <v>12</v>
          </cell>
          <cell r="B115">
            <v>4</v>
          </cell>
        </row>
        <row r="116">
          <cell r="A116">
            <v>18</v>
          </cell>
          <cell r="B116">
            <v>3</v>
          </cell>
        </row>
        <row r="117">
          <cell r="A117">
            <v>24</v>
          </cell>
          <cell r="B117">
            <v>2</v>
          </cell>
        </row>
        <row r="118">
          <cell r="A118">
            <v>36</v>
          </cell>
          <cell r="B118">
            <v>1</v>
          </cell>
        </row>
        <row r="119">
          <cell r="A119">
            <v>99</v>
          </cell>
          <cell r="B119">
            <v>0</v>
          </cell>
        </row>
        <row r="122">
          <cell r="A122">
            <v>0</v>
          </cell>
          <cell r="B122">
            <v>0</v>
          </cell>
        </row>
        <row r="123">
          <cell r="A123">
            <v>0.01</v>
          </cell>
          <cell r="B123">
            <v>1</v>
          </cell>
        </row>
        <row r="124">
          <cell r="A124">
            <v>25</v>
          </cell>
          <cell r="B124">
            <v>2</v>
          </cell>
        </row>
        <row r="125">
          <cell r="A125">
            <v>30</v>
          </cell>
          <cell r="B125">
            <v>3</v>
          </cell>
        </row>
        <row r="126">
          <cell r="A126">
            <v>50</v>
          </cell>
          <cell r="B126">
            <v>4</v>
          </cell>
        </row>
        <row r="127">
          <cell r="A127">
            <v>70</v>
          </cell>
          <cell r="B127">
            <v>5</v>
          </cell>
        </row>
        <row r="128">
          <cell r="A128">
            <v>90</v>
          </cell>
          <cell r="B128">
            <v>6</v>
          </cell>
        </row>
      </sheetData>
      <sheetData sheetId="14"/>
      <sheetData sheetId="1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 val="Hong Kong"/>
      <sheetName val="India"/>
      <sheetName val="Japan"/>
      <sheetName val="Korea"/>
      <sheetName val="Malaysia"/>
      <sheetName val="Philippines"/>
      <sheetName val="Singapore"/>
      <sheetName val="Thailand"/>
      <sheetName val="Taiwa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2"/>
      <sheetName val="Australia"/>
    </sheetNames>
    <sheetDataSet>
      <sheetData sheetId="0" refreshError="1"/>
      <sheetData sheetId="1"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ngapore"/>
      <sheetName val="Japan"/>
    </sheetNames>
    <sheetDataSet>
      <sheetData sheetId="0" refreshError="1"/>
      <sheetData sheetId="1"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workings"/>
    </sheetNames>
    <sheetDataSet>
      <sheetData sheetId="0"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Name val="Balance Subsidiarias"/>
      <sheetName val="Instrumentos Financieros"/>
      <sheetName val="Reporto y Derivados"/>
      <sheetName val="Cartera de Crédito"/>
      <sheetName val="Calificación de la Cartera"/>
      <sheetName val="C_Crédito por Actividad Eco."/>
      <sheetName val="Captación"/>
      <sheetName val="Cart. Cred. Entid. y Mpio."/>
      <sheetName val="Cart. por Act. Econ. y Banco"/>
      <sheetName val="Captación por Ent. Fed."/>
      <sheetName val="Resultados"/>
      <sheetName val="Resultado Subsidiarias"/>
      <sheetName val="Variaciones en el Capital"/>
      <sheetName val="Cambios en la Situación Financ."/>
      <sheetName val="Balance del Extanjero"/>
      <sheetName val="Resultados del Extranjer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2003"/>
      <sheetName val="Total 2004"/>
      <sheetName val="Graph Data"/>
      <sheetName val="Total 2005"/>
      <sheetName val="Market Share"/>
      <sheetName val="Profit Per Unit"/>
      <sheetName val="Market Exposure"/>
      <sheetName val="2005 Metro EBIT"/>
      <sheetName val="Margin Chart"/>
      <sheetName val="Top 5 EBIT"/>
      <sheetName val="Builder Share"/>
      <sheetName val="2005 Mkt Breakdown"/>
      <sheetName val="Top 5 Price"/>
      <sheetName val="2005 Share"/>
      <sheetName val="2005 Market Size"/>
      <sheetName val="Top 3,5"/>
      <sheetName val="2005 EBIT Chart"/>
      <sheetName val="2004 EBIT Chart"/>
      <sheetName val="2005 Unit Chart"/>
      <sheetName val="States 2005"/>
      <sheetName val="States 2004"/>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mom"/>
    </sheet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Profit"/>
    </sheetNames>
    <sheetDataSet>
      <sheetData sheetId="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02-0065"/>
      <sheetName val="I01-0234"/>
      <sheetName val="I03-0066"/>
      <sheetName val="I04-0067"/>
      <sheetName val="I05-0068"/>
      <sheetName val="I06-0941"/>
      <sheetName val="I07-0069"/>
      <sheetName val="I08-0070"/>
      <sheetName val="I09-0071"/>
      <sheetName val="I10-0072"/>
      <sheetName val="I11-0073"/>
      <sheetName val="I12-0052"/>
      <sheetName val="I12-0978 (2)"/>
      <sheetName val="I13-0075"/>
      <sheetName val="Original"/>
      <sheetName val="AI01"/>
      <sheetName val="AI02"/>
      <sheetName val="AI03"/>
      <sheetName val="AI04"/>
      <sheetName val="AI05"/>
      <sheetName val="AI06"/>
      <sheetName val="AI07"/>
      <sheetName val="AI08"/>
      <sheetName val="AI09"/>
      <sheetName val="AI10"/>
      <sheetName val="AI11"/>
      <sheetName val="AI12"/>
      <sheetName val="AI12 (2)"/>
      <sheetName val="AI1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ts"/>
    </sheet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QUEST_TABLE"/>
    </sheet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facturer"/>
      <sheetName val="Hoja1"/>
      <sheetName val="Summary"/>
    </sheetNames>
    <sheetDataSet>
      <sheetData sheetId="0"/>
      <sheetData sheetId="1"/>
      <sheetData sheetId="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DP"/>
    </sheet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eficit"/>
      <sheetName val="Baseline"/>
      <sheetName val="rev"/>
      <sheetName val="outlays"/>
      <sheetName val="Offbud"/>
      <sheetName val="int"/>
      <sheetName val="OffReceipts"/>
      <sheetName val="Disc"/>
      <sheetName val="DiscNoEmerg"/>
      <sheetName val="HLS-Act"/>
      <sheetName val="Table 3-1"/>
      <sheetName val="Growth rates"/>
      <sheetName val="Growth rates Reest"/>
      <sheetName val="BA_Growth"/>
      <sheetName val="OMBComp"/>
      <sheetName val="Reest"/>
      <sheetName val="DctBaseReest"/>
      <sheetName val="DiscBaseReest"/>
      <sheetName val="DiscBaseNoExtReest"/>
      <sheetName val="OMBCompPolicy"/>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7">
          <cell r="C7" t="str">
            <v>Actual</v>
          </cell>
          <cell r="E7" t="str">
            <v>Actual</v>
          </cell>
          <cell r="G7" t="str">
            <v>Estimated</v>
          </cell>
          <cell r="I7" t="str">
            <v>Projecteda</v>
          </cell>
          <cell r="K7" t="str">
            <v>Projecteda</v>
          </cell>
        </row>
        <row r="8">
          <cell r="C8" t="str">
            <v>1997-2006</v>
          </cell>
          <cell r="E8">
            <v>2007</v>
          </cell>
          <cell r="G8">
            <v>2008</v>
          </cell>
          <cell r="I8">
            <v>2009</v>
          </cell>
          <cell r="K8" t="str">
            <v>2010-2018</v>
          </cell>
        </row>
        <row r="12">
          <cell r="B12" t="str">
            <v>Individual Income Taxes</v>
          </cell>
          <cell r="C12">
            <v>4.7486032318542648</v>
          </cell>
          <cell r="E12">
            <v>11.453499733693008</v>
          </cell>
          <cell r="G12">
            <v>-1.9289391027070057</v>
          </cell>
          <cell r="I12">
            <v>17.146302554196314</v>
          </cell>
          <cell r="K12">
            <v>6.9387469713228844</v>
          </cell>
        </row>
        <row r="13">
          <cell r="B13" t="str">
            <v>Corporate Income Taxes</v>
          </cell>
          <cell r="C13">
            <v>7.4933293847241567</v>
          </cell>
          <cell r="E13">
            <v>4.6135371487503685</v>
          </cell>
          <cell r="G13">
            <v>-12.08246037651679</v>
          </cell>
          <cell r="I13">
            <v>3.8724753715940086</v>
          </cell>
          <cell r="K13">
            <v>1.4292913648464411</v>
          </cell>
        </row>
        <row r="14">
          <cell r="B14" t="str">
            <v>Social Insurance Taxes</v>
          </cell>
          <cell r="C14">
            <v>5.1012875818637227</v>
          </cell>
          <cell r="E14">
            <v>3.7939392549620976</v>
          </cell>
          <cell r="G14">
            <v>4.8615247587148636</v>
          </cell>
          <cell r="I14">
            <v>4.1532774443012954</v>
          </cell>
          <cell r="K14">
            <v>4.5148962795312109</v>
          </cell>
        </row>
        <row r="15">
          <cell r="B15" t="str">
            <v>Otherb</v>
          </cell>
          <cell r="C15">
            <v>4.0369925225316683</v>
          </cell>
          <cell r="E15">
            <v>-3.9000417928981568</v>
          </cell>
          <cell r="G15">
            <v>1.762291890594847</v>
          </cell>
          <cell r="I15">
            <v>0.37687320286878823</v>
          </cell>
          <cell r="K15">
            <v>7.12500847930706</v>
          </cell>
        </row>
        <row r="17">
          <cell r="B17" t="str">
            <v>Total Revenues</v>
          </cell>
          <cell r="C17">
            <v>5.1768936908140883</v>
          </cell>
          <cell r="E17">
            <v>6.6875185620015154</v>
          </cell>
          <cell r="G17">
            <v>-0.8564087679470922</v>
          </cell>
          <cell r="I17">
            <v>9.6909419180986056</v>
          </cell>
          <cell r="K17">
            <v>5.5853898768911447</v>
          </cell>
        </row>
        <row r="21">
          <cell r="C21">
            <v>6.0225986999876024</v>
          </cell>
          <cell r="E21">
            <v>2.7787770548362234</v>
          </cell>
          <cell r="G21">
            <v>8.6643534531464006</v>
          </cell>
          <cell r="I21">
            <v>5.4905638364516562</v>
          </cell>
          <cell r="K21">
            <v>5.63571789106041</v>
          </cell>
        </row>
        <row r="22">
          <cell r="B22" t="str">
            <v>Social Security</v>
          </cell>
          <cell r="C22">
            <v>4.5956093072890392</v>
          </cell>
          <cell r="E22">
            <v>6.9002097769671922</v>
          </cell>
          <cell r="G22">
            <v>5.2020665861771231</v>
          </cell>
          <cell r="I22">
            <v>5.6437176408272949</v>
          </cell>
          <cell r="K22">
            <v>5.9581970116646454</v>
          </cell>
        </row>
        <row r="23">
          <cell r="B23" t="str">
            <v>Medicare</v>
          </cell>
          <cell r="C23">
            <v>6.9263400051611024</v>
          </cell>
          <cell r="E23">
            <v>16.917857515524947</v>
          </cell>
          <cell r="G23">
            <v>4.0935137213261807</v>
          </cell>
          <cell r="I23">
            <v>7.2728152095534515</v>
          </cell>
          <cell r="K23">
            <v>6.8735882395491776</v>
          </cell>
        </row>
        <row r="24">
          <cell r="B24" t="str">
            <v>Medicaid</v>
          </cell>
          <cell r="C24">
            <v>6.9802784931323192</v>
          </cell>
          <cell r="E24">
            <v>5.5357785467128107</v>
          </cell>
          <cell r="G24">
            <v>8.5209627329192461</v>
          </cell>
          <cell r="I24">
            <v>8.2125230220383205</v>
          </cell>
          <cell r="K24">
            <v>7.9323292169510617</v>
          </cell>
        </row>
        <row r="25">
          <cell r="B25" t="str">
            <v>Otherc</v>
          </cell>
          <cell r="C25">
            <v>7.2063828127606033</v>
          </cell>
          <cell r="E25">
            <v>-22.788782926495088</v>
          </cell>
          <cell r="G25">
            <v>25.327456854928521</v>
          </cell>
          <cell r="I25">
            <v>0.65855329013220221</v>
          </cell>
          <cell r="K25">
            <v>-3.9535229706733066E-2</v>
          </cell>
        </row>
        <row r="26">
          <cell r="G26" t="str">
            <v xml:space="preserve"> </v>
          </cell>
          <cell r="I26" t="str">
            <v xml:space="preserve"> </v>
          </cell>
        </row>
        <row r="27">
          <cell r="C27">
            <v>6.6769135744379149</v>
          </cell>
          <cell r="E27">
            <v>2.4648372184518541</v>
          </cell>
          <cell r="G27">
            <v>4.8505413914913253</v>
          </cell>
          <cell r="I27">
            <v>2.6819776048690347</v>
          </cell>
          <cell r="K27">
            <v>2.1887449542027593</v>
          </cell>
        </row>
        <row r="28">
          <cell r="B28" t="str">
            <v>Defense</v>
          </cell>
          <cell r="C28">
            <v>6.9341365711387937</v>
          </cell>
          <cell r="E28">
            <v>5.6135499082646367</v>
          </cell>
          <cell r="G28">
            <v>4.2925324539344389</v>
          </cell>
          <cell r="I28">
            <v>3.0974131187842202</v>
          </cell>
          <cell r="K28">
            <v>2.3018298575080198</v>
          </cell>
        </row>
        <row r="29">
          <cell r="B29" t="str">
            <v>Nondefense</v>
          </cell>
          <cell r="C29">
            <v>6.4147668152078285</v>
          </cell>
          <cell r="E29">
            <v>-0.83124297902666955</v>
          </cell>
          <cell r="G29">
            <v>5.4726277261128109</v>
          </cell>
          <cell r="I29">
            <v>2.2240186313287502</v>
          </cell>
          <cell r="K29">
            <v>2.0618331295697567</v>
          </cell>
        </row>
        <row r="30">
          <cell r="G30" t="str">
            <v xml:space="preserve"> </v>
          </cell>
          <cell r="I30" t="str">
            <v xml:space="preserve"> </v>
          </cell>
        </row>
        <row r="31">
          <cell r="C31">
            <v>-0.61626563184342675</v>
          </cell>
          <cell r="E31">
            <v>4.6363022554864575</v>
          </cell>
          <cell r="G31">
            <v>-1.4508095432902213</v>
          </cell>
          <cell r="I31">
            <v>-8.2308735861410849</v>
          </cell>
          <cell r="K31">
            <v>2.4046319729486898</v>
          </cell>
        </row>
        <row r="32">
          <cell r="G32" t="str">
            <v xml:space="preserve"> </v>
          </cell>
          <cell r="I32" t="str">
            <v xml:space="preserve"> </v>
          </cell>
        </row>
        <row r="33">
          <cell r="C33">
            <v>5.4591300958756195</v>
          </cell>
          <cell r="E33">
            <v>2.8170902319205604</v>
          </cell>
          <cell r="G33">
            <v>6.3306865584393357</v>
          </cell>
          <cell r="I33">
            <v>3.329390400002219</v>
          </cell>
          <cell r="K33">
            <v>4.2252597404885739</v>
          </cell>
        </row>
        <row r="34">
          <cell r="G34" t="str">
            <v xml:space="preserve"> </v>
          </cell>
          <cell r="I34" t="str">
            <v xml:space="preserve"> </v>
          </cell>
        </row>
        <row r="35">
          <cell r="C35">
            <v>6.2911235894605344</v>
          </cell>
          <cell r="E35">
            <v>2.6473630123450276</v>
          </cell>
          <cell r="G35">
            <v>7.0707447499771314</v>
          </cell>
          <cell r="I35">
            <v>4.3413257211786016</v>
          </cell>
          <cell r="K35">
            <v>4.3553703848308034</v>
          </cell>
        </row>
        <row r="38">
          <cell r="C38">
            <v>2.5725322517730076</v>
          </cell>
          <cell r="E38">
            <v>2.3483095745044036</v>
          </cell>
          <cell r="G38">
            <v>3.2876462144060037</v>
          </cell>
          <cell r="I38">
            <v>1.949104151204617</v>
          </cell>
          <cell r="K38">
            <v>2.1526703654074941</v>
          </cell>
        </row>
        <row r="40">
          <cell r="C40">
            <v>5.3991189652255356</v>
          </cell>
          <cell r="E40">
            <v>4.9748521845964788</v>
          </cell>
          <cell r="G40">
            <v>4.1751530827397687</v>
          </cell>
          <cell r="I40">
            <v>3.7301265602863731</v>
          </cell>
          <cell r="K40">
            <v>4.7266128397834395</v>
          </cell>
        </row>
        <row r="42">
          <cell r="C42">
            <v>7.1997037886633253</v>
          </cell>
          <cell r="E42">
            <v>6.8369700760548602</v>
          </cell>
          <cell r="G42">
            <v>-2.533710714338977</v>
          </cell>
          <cell r="I42">
            <v>2.8570663371204175</v>
          </cell>
          <cell r="K42">
            <v>2.3730630693638677</v>
          </cell>
        </row>
        <row r="43">
          <cell r="B43" t="str">
            <v>Defense</v>
          </cell>
          <cell r="C43">
            <v>7.6940842778054463</v>
          </cell>
          <cell r="E43">
            <v>11.834754404722325</v>
          </cell>
          <cell r="G43">
            <v>-5.6469987113691893</v>
          </cell>
          <cell r="I43">
            <v>2.1818020813288319</v>
          </cell>
          <cell r="K43">
            <v>2.3938581881523202</v>
          </cell>
        </row>
        <row r="44">
          <cell r="B44" t="str">
            <v>Nondefense</v>
          </cell>
          <cell r="C44">
            <v>6.617965783333668</v>
          </cell>
          <cell r="E44">
            <v>0.62188971345700228</v>
          </cell>
          <cell r="G44">
            <v>1.7693042261653469</v>
          </cell>
          <cell r="I44">
            <v>3.7223653975825721</v>
          </cell>
          <cell r="K44">
            <v>2.3467631651409526</v>
          </cell>
        </row>
        <row r="51">
          <cell r="B51" t="str">
            <v>When constructing its baseline, CBO's uses the employment cost index for wages and salaries to inflate discretionary spending related to federal personnel and the gross domestic product price index to adjust other discretionary spending.</v>
          </cell>
        </row>
        <row r="55">
          <cell r="B55" t="str">
            <v>Includes excise, estate, and gift taxes as well as customs duties.</v>
          </cell>
        </row>
        <row r="58">
          <cell r="B58" t="str">
            <v>Includes offsetting receipts.</v>
          </cell>
        </row>
      </sheetData>
      <sheetData sheetId="13"/>
      <sheetData sheetId="14"/>
      <sheetData sheetId="15"/>
      <sheetData sheetId="16"/>
      <sheetData sheetId="17"/>
      <sheetData sheetId="18"/>
      <sheetData sheetId="19"/>
      <sheetData sheetId="2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1Coyun"/>
      <sheetName val="2Coyun"/>
      <sheetName val="1.Mex_I_X"/>
      <sheetName val="2 y 3. export"/>
      <sheetName val="4.IED autos"/>
      <sheetName val="5.los más"/>
      <sheetName val="6 Valor de Export.AutosPartes"/>
      <sheetName val="7.VENTAS INTER"/>
      <sheetName val="1.EUA VTS"/>
      <sheetName val="2. PRO. LIGERO TLC"/>
      <sheetName val="3. EUA.IMPORT VEHÍCULOS"/>
      <sheetName val="4.EUA IMPORT PART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000"/>
      <sheetName val="Listas"/>
      <sheetName val="Listas_CCAO"/>
      <sheetName val="Listas INDIRECTO"/>
      <sheetName val="TD_MacroProcesos"/>
      <sheetName val="TD_Actividades"/>
      <sheetName val="TD_Objetivos"/>
      <sheetName val="MATRIZ"/>
      <sheetName val="Post_Back"/>
      <sheetName val="Post_Back (base)"/>
      <sheetName val="Tracking"/>
      <sheetName val="511201"/>
      <sheetName val="Serv. Prof. Externos"/>
      <sheetName val="Semin.-Conf"/>
      <sheetName val="Viajes_Mision"/>
      <sheetName val="511205"/>
      <sheetName val="Serv. Prof. Ext. Adm CARTERA"/>
      <sheetName val="Viajes_Mision Adm CARTERA"/>
      <sheetName val="Directorio"/>
      <sheetName val="Concejo"/>
      <sheetName val="Serv. Prof. Ext. CULTURA"/>
      <sheetName val="513101"/>
      <sheetName val="512204"/>
      <sheetName val="512602"/>
      <sheetName val="512705"/>
      <sheetName val="512706"/>
      <sheetName val="511127"/>
      <sheetName val="512702"/>
      <sheetName val="512703"/>
      <sheetName val="512704"/>
      <sheetName val="512707"/>
      <sheetName val="513102"/>
      <sheetName val="513103"/>
      <sheetName val="513104"/>
      <sheetName val="512103"/>
      <sheetName val="512105"/>
      <sheetName val="512106"/>
      <sheetName val="512208"/>
      <sheetName val="512214"/>
      <sheetName val="512601"/>
      <sheetName val="512603"/>
      <sheetName val="512604"/>
      <sheetName val="512606"/>
      <sheetName val="Adiestramiento de Personal"/>
    </sheetNames>
    <sheetDataSet>
      <sheetData sheetId="0">
        <row r="8">
          <cell r="D8" t="str">
            <v>ENE</v>
          </cell>
        </row>
        <row r="9">
          <cell r="D9" t="str">
            <v>FEB</v>
          </cell>
        </row>
        <row r="10">
          <cell r="D10" t="str">
            <v>MAR</v>
          </cell>
        </row>
        <row r="11">
          <cell r="D11" t="str">
            <v>ABR</v>
          </cell>
        </row>
        <row r="12">
          <cell r="D12" t="str">
            <v>MAY</v>
          </cell>
        </row>
        <row r="13">
          <cell r="D13" t="str">
            <v>JUN</v>
          </cell>
        </row>
        <row r="14">
          <cell r="D14" t="str">
            <v>JUL</v>
          </cell>
        </row>
        <row r="15">
          <cell r="D15" t="str">
            <v>AGO</v>
          </cell>
        </row>
        <row r="16">
          <cell r="D16" t="str">
            <v>SEP</v>
          </cell>
        </row>
        <row r="17">
          <cell r="D17" t="str">
            <v>OCT</v>
          </cell>
        </row>
        <row r="18">
          <cell r="D18" t="str">
            <v>NOV</v>
          </cell>
        </row>
        <row r="19">
          <cell r="D19" t="str">
            <v>DIC</v>
          </cell>
        </row>
      </sheetData>
      <sheetData sheetId="1" refreshError="1"/>
      <sheetData sheetId="2">
        <row r="12">
          <cell r="P12" t="str">
            <v>Argentina (Buenos Aires) &gt;&gt; Argentina (Córdoba)</v>
          </cell>
          <cell r="BH12">
            <v>1</v>
          </cell>
        </row>
        <row r="13">
          <cell r="P13" t="str">
            <v>Argentina (Buenos Aires) &gt;&gt; Argentina (Rosario)</v>
          </cell>
          <cell r="BH13">
            <v>2</v>
          </cell>
        </row>
        <row r="14">
          <cell r="P14" t="str">
            <v>Argentina (Buenos Aires) &gt;&gt; Argentina (Tucumán)</v>
          </cell>
          <cell r="BH14">
            <v>3</v>
          </cell>
        </row>
        <row r="15">
          <cell r="P15" t="str">
            <v>Argentina (Buenos Aires) &gt;&gt; Bolivia (La Paz)</v>
          </cell>
          <cell r="BH15">
            <v>4</v>
          </cell>
        </row>
        <row r="16">
          <cell r="P16" t="str">
            <v>Argentina (Buenos Aires) &gt;&gt; Brasil (Brasilia)</v>
          </cell>
          <cell r="BH16">
            <v>5</v>
          </cell>
        </row>
        <row r="17">
          <cell r="P17" t="str">
            <v>Argentina (Buenos Aires) &gt;&gt; Colombia (Bogotá)</v>
          </cell>
          <cell r="BH17">
            <v>6</v>
          </cell>
        </row>
        <row r="18">
          <cell r="P18" t="str">
            <v>Argentina (Buenos Aires) &gt;&gt; Ecuador (Quito)</v>
          </cell>
          <cell r="BH18">
            <v>7</v>
          </cell>
        </row>
        <row r="19">
          <cell r="P19" t="str">
            <v>Argentina (Buenos Aires) &gt;&gt; España (Madrid)</v>
          </cell>
          <cell r="BH19">
            <v>8</v>
          </cell>
        </row>
        <row r="20">
          <cell r="P20" t="str">
            <v>Argentina (Buenos Aires) &gt;&gt; Estados Unidos (Miami)</v>
          </cell>
          <cell r="BH20">
            <v>9</v>
          </cell>
        </row>
        <row r="21">
          <cell r="P21" t="str">
            <v>Argentina (Buenos Aires) &gt;&gt; Italia (Roma)</v>
          </cell>
          <cell r="BH21">
            <v>10</v>
          </cell>
        </row>
        <row r="22">
          <cell r="P22" t="str">
            <v>Argentina (Buenos Aires) &gt;&gt; México (Ciudad de México)</v>
          </cell>
          <cell r="BH22">
            <v>11</v>
          </cell>
        </row>
        <row r="23">
          <cell r="P23" t="str">
            <v>Argentina (Buenos Aires) &gt;&gt; Panamá (Ciudad de Panamá)</v>
          </cell>
          <cell r="BH23">
            <v>12</v>
          </cell>
        </row>
        <row r="24">
          <cell r="P24" t="str">
            <v>Argentina (Buenos Aires) &gt;&gt; Paraguay (Asunción)</v>
          </cell>
          <cell r="BH24">
            <v>13</v>
          </cell>
        </row>
        <row r="25">
          <cell r="P25" t="str">
            <v>Argentina (Buenos Aires) &gt;&gt; Perú (Lima)</v>
          </cell>
          <cell r="BH25">
            <v>14</v>
          </cell>
        </row>
        <row r="26">
          <cell r="P26" t="str">
            <v>Argentina (Buenos Aires) &gt;&gt; República Dominicana (Santo Domingo)</v>
          </cell>
          <cell r="BH26">
            <v>15</v>
          </cell>
        </row>
        <row r="27">
          <cell r="P27" t="str">
            <v>Argentina (Buenos Aires) &gt;&gt; Trinidad y Tobago (Puerto España)</v>
          </cell>
          <cell r="BH27">
            <v>16</v>
          </cell>
        </row>
        <row r="28">
          <cell r="P28" t="str">
            <v>Argentina (Buenos Aires) &gt;&gt; Uruguay (Montevideo)</v>
          </cell>
          <cell r="BH28">
            <v>17</v>
          </cell>
        </row>
        <row r="29">
          <cell r="P29" t="str">
            <v>Argentina (Buenos Aires) &gt;&gt; Venezuela (Caracas)</v>
          </cell>
          <cell r="BH29">
            <v>18</v>
          </cell>
        </row>
        <row r="30">
          <cell r="P30" t="str">
            <v>Bolivia (La Paz) &gt;&gt; Argentina (Buenos Aires)</v>
          </cell>
          <cell r="BH30">
            <v>19</v>
          </cell>
        </row>
        <row r="31">
          <cell r="P31" t="str">
            <v>Bolivia (La Paz) &gt;&gt; Bolivia (Cochabamba)</v>
          </cell>
          <cell r="BH31">
            <v>20</v>
          </cell>
        </row>
        <row r="32">
          <cell r="P32" t="str">
            <v>Bolivia (La Paz) &gt;&gt; Bolivia (Santa Cruz)</v>
          </cell>
          <cell r="BH32">
            <v>21</v>
          </cell>
        </row>
        <row r="33">
          <cell r="P33" t="str">
            <v>Bolivia (La Paz) &gt;&gt; Bolivia (Sucre)</v>
          </cell>
          <cell r="BH33">
            <v>22</v>
          </cell>
        </row>
        <row r="34">
          <cell r="P34" t="str">
            <v>Bolivia (La Paz) &gt;&gt; Bolivia (Tarija)</v>
          </cell>
          <cell r="BH34">
            <v>23</v>
          </cell>
        </row>
        <row r="35">
          <cell r="P35" t="str">
            <v>Bolivia (La Paz) &gt;&gt; Brasil (Brasilia)</v>
          </cell>
          <cell r="BH35">
            <v>24</v>
          </cell>
        </row>
        <row r="36">
          <cell r="P36" t="str">
            <v>Bolivia (La Paz) &gt;&gt; Colombia (Bogotá)</v>
          </cell>
          <cell r="BH36">
            <v>25</v>
          </cell>
        </row>
        <row r="37">
          <cell r="P37" t="str">
            <v>Bolivia (La Paz) &gt;&gt; Ecuador (Quito)</v>
          </cell>
          <cell r="BH37">
            <v>26</v>
          </cell>
        </row>
        <row r="38">
          <cell r="P38" t="str">
            <v>Bolivia (La Paz) &gt;&gt; España (Madrid)</v>
          </cell>
          <cell r="BH38">
            <v>27</v>
          </cell>
        </row>
        <row r="39">
          <cell r="P39" t="str">
            <v>Bolivia (La Paz) &gt;&gt; Estados Unidos (Miami)</v>
          </cell>
          <cell r="BH39">
            <v>28</v>
          </cell>
        </row>
        <row r="40">
          <cell r="P40" t="str">
            <v>Bolivia (La Paz) &gt;&gt; México (Ciudad de México)</v>
          </cell>
          <cell r="BH40">
            <v>29</v>
          </cell>
        </row>
        <row r="41">
          <cell r="P41" t="str">
            <v>Bolivia (La Paz) &gt;&gt; Panamá (Ciudad de Panamá)</v>
          </cell>
          <cell r="BH41">
            <v>30</v>
          </cell>
        </row>
        <row r="42">
          <cell r="P42" t="str">
            <v>Bolivia (La Paz) &gt;&gt; Paraguay (Asunción)</v>
          </cell>
        </row>
        <row r="43">
          <cell r="P43" t="str">
            <v>Bolivia (La Paz) &gt;&gt; Perú (Lima)</v>
          </cell>
        </row>
        <row r="44">
          <cell r="P44" t="str">
            <v>Bolivia (La Paz) &gt;&gt; República Dominicana (Santo Domingo)</v>
          </cell>
        </row>
        <row r="45">
          <cell r="P45" t="str">
            <v>Bolivia (La Paz) &gt;&gt; Trinidad y Tobago (Puerto España)</v>
          </cell>
        </row>
        <row r="46">
          <cell r="P46" t="str">
            <v>Bolivia (La Paz) &gt;&gt; Uruguay (Montevideo)</v>
          </cell>
        </row>
        <row r="47">
          <cell r="P47" t="str">
            <v>Bolivia (La Paz) &gt;&gt; Venezuela (Caracas)</v>
          </cell>
        </row>
        <row r="48">
          <cell r="P48" t="str">
            <v>Brasil (Brasilia) &gt;&gt; Argentina (Buenos Aires)</v>
          </cell>
        </row>
        <row r="49">
          <cell r="P49" t="str">
            <v>Brasil (Brasilia) &gt;&gt; Bolivia (La Paz)</v>
          </cell>
        </row>
        <row r="50">
          <cell r="P50" t="str">
            <v>Brasil (Brasilia) &gt;&gt; Brasil (Belem)</v>
          </cell>
        </row>
        <row r="51">
          <cell r="P51" t="str">
            <v>Brasil (Brasilia) &gt;&gt; Brasil (Florianópolis)</v>
          </cell>
        </row>
        <row r="52">
          <cell r="P52" t="str">
            <v>Brasil (Brasilia) &gt;&gt; Brasil (Fortaleza)</v>
          </cell>
        </row>
        <row r="53">
          <cell r="P53" t="str">
            <v>Brasil (Brasilia) &gt;&gt; Brasil (Manaos)</v>
          </cell>
        </row>
        <row r="54">
          <cell r="P54" t="str">
            <v>Brasil (Brasilia) &gt;&gt; Brasil (Rio de Janeiro)</v>
          </cell>
        </row>
        <row r="55">
          <cell r="P55" t="str">
            <v>Brasil (Brasilia) &gt;&gt; Brasil (Sao Paolo)</v>
          </cell>
        </row>
        <row r="56">
          <cell r="P56" t="str">
            <v>Brasil (Brasilia) &gt;&gt; Colombia (Bogotá)</v>
          </cell>
        </row>
        <row r="57">
          <cell r="P57" t="str">
            <v>Brasil (Brasilia) &gt;&gt; Ecuador (Quito)</v>
          </cell>
        </row>
        <row r="58">
          <cell r="P58" t="str">
            <v>Brasil (Brasilia) &gt;&gt; España (Madrid)</v>
          </cell>
        </row>
        <row r="59">
          <cell r="P59" t="str">
            <v>Brasil (Brasilia) &gt;&gt; Estados Unidos (Miami)</v>
          </cell>
        </row>
        <row r="60">
          <cell r="P60" t="str">
            <v>Brasil (Brasilia) &gt;&gt; México (Ciudad de México)</v>
          </cell>
        </row>
        <row r="61">
          <cell r="P61" t="str">
            <v>Brasil (Brasilia) &gt;&gt; Panamá (Ciudad de Panamá)</v>
          </cell>
        </row>
        <row r="62">
          <cell r="P62" t="str">
            <v>Brasil (Brasilia) &gt;&gt; Paraguay (Asunción)</v>
          </cell>
        </row>
        <row r="63">
          <cell r="P63" t="str">
            <v>Brasil (Brasilia) &gt;&gt; Perú (Lima)</v>
          </cell>
        </row>
        <row r="64">
          <cell r="P64" t="str">
            <v>Brasil (Brasilia) &gt;&gt; República Dominicana (Santo Domingo)</v>
          </cell>
        </row>
        <row r="65">
          <cell r="P65" t="str">
            <v>Brasil (Brasilia) &gt;&gt; Trinidad y Tobago (Puerto España)</v>
          </cell>
        </row>
        <row r="66">
          <cell r="P66" t="str">
            <v>Brasil (Brasilia) &gt;&gt; Uruguay (Montevideo)</v>
          </cell>
        </row>
        <row r="67">
          <cell r="P67" t="str">
            <v>Brasil (Brasilia) &gt;&gt; Venezuela (Caracas)</v>
          </cell>
        </row>
        <row r="68">
          <cell r="P68" t="str">
            <v>Chile (Santiago de Chile) &gt;&gt; Argentina (Buenos Aires)</v>
          </cell>
        </row>
        <row r="69">
          <cell r="P69" t="str">
            <v>Chile (Santiago de Chile) &gt;&gt; Bolivia (La Paz)</v>
          </cell>
        </row>
        <row r="70">
          <cell r="P70" t="str">
            <v>Chile (Santiago de Chile) &gt;&gt; Brasil (Brasilia)</v>
          </cell>
        </row>
        <row r="71">
          <cell r="P71" t="str">
            <v>Chile (Santiago de Chile) &gt;&gt; Colombia (Bogotá)</v>
          </cell>
        </row>
        <row r="72">
          <cell r="P72" t="str">
            <v>Chile (Santiago de Chile) &gt;&gt; Ecuador (Quito)</v>
          </cell>
        </row>
        <row r="73">
          <cell r="P73" t="str">
            <v>Chile (Santiago de Chile) &gt;&gt; España (Madrid)</v>
          </cell>
        </row>
        <row r="74">
          <cell r="P74" t="str">
            <v>Chile (Santiago de Chile) &gt;&gt; México (Ciudad de México)</v>
          </cell>
        </row>
        <row r="75">
          <cell r="P75" t="str">
            <v>Chile (Santiago de Chile) &gt;&gt; Panamá (Ciudad de Panamá)</v>
          </cell>
        </row>
        <row r="76">
          <cell r="P76" t="str">
            <v>Chile (Santiago de Chile) &gt;&gt; Paraguay (Asunción)</v>
          </cell>
        </row>
        <row r="77">
          <cell r="P77" t="str">
            <v>Chile (Santiago de Chile) &gt;&gt; Perú (Lima)</v>
          </cell>
        </row>
        <row r="78">
          <cell r="P78" t="str">
            <v>Chile (Santiago de Chile) &gt;&gt; Trinidad y Tobago (Puerto España)</v>
          </cell>
        </row>
        <row r="79">
          <cell r="P79" t="str">
            <v>Chile (Santiago de Chile) &gt;&gt; Uruguay (Montevideo)</v>
          </cell>
        </row>
        <row r="80">
          <cell r="P80" t="str">
            <v>Chile (Santiago de Chile) &gt;&gt; Venezuela (Caracas)</v>
          </cell>
        </row>
        <row r="81">
          <cell r="P81" t="str">
            <v>Colombia (Bogotá) &gt;&gt; Argentina (Buenos Aires)</v>
          </cell>
        </row>
        <row r="82">
          <cell r="P82" t="str">
            <v>Colombia (Bogotá) &gt;&gt; Australia (Sidney)</v>
          </cell>
        </row>
        <row r="83">
          <cell r="P83" t="str">
            <v>Colombia (Bogotá) &gt;&gt; Bolivia (La Paz)</v>
          </cell>
        </row>
        <row r="84">
          <cell r="P84" t="str">
            <v>Colombia (Bogotá) &gt;&gt; Brasil (Brasilia)</v>
          </cell>
        </row>
        <row r="85">
          <cell r="P85" t="str">
            <v>Colombia (Bogota) &gt;&gt; Canadá (Toronto)</v>
          </cell>
        </row>
        <row r="86">
          <cell r="P86" t="str">
            <v>Colombia (Bogotá) &gt;&gt; China (Hong Kong)</v>
          </cell>
        </row>
        <row r="87">
          <cell r="P87" t="str">
            <v>Colombia (Bogotá) &gt;&gt; Colombia (Cartagena)</v>
          </cell>
        </row>
        <row r="88">
          <cell r="P88" t="str">
            <v>Colombia (Bogotá) &gt;&gt; Colombia (Medellin)</v>
          </cell>
        </row>
        <row r="89">
          <cell r="P89" t="str">
            <v>Colombia (Bogotá) &gt;&gt; Ecuador (Quito)</v>
          </cell>
        </row>
        <row r="90">
          <cell r="P90" t="str">
            <v>Colombia (Bogotá) &gt;&gt; España (Madrid)</v>
          </cell>
        </row>
        <row r="91">
          <cell r="P91" t="str">
            <v>Colombia (Bogotá) &gt;&gt; Estados Unidos (Miami)</v>
          </cell>
        </row>
        <row r="92">
          <cell r="P92" t="str">
            <v>Colombia (Bogotá) &gt;&gt; Estados Unidos (New York)</v>
          </cell>
        </row>
        <row r="93">
          <cell r="P93" t="str">
            <v>Colombia (Bogotá) &gt;&gt; Estados Unidos (Washington)</v>
          </cell>
        </row>
        <row r="94">
          <cell r="P94" t="str">
            <v>Colombia (Bogotá) &gt;&gt; Francia (Paris)</v>
          </cell>
        </row>
        <row r="95">
          <cell r="P95" t="str">
            <v>Colombia (Bogotá) &gt;&gt; Holanda (Amsterdam)</v>
          </cell>
        </row>
        <row r="96">
          <cell r="P96" t="str">
            <v>Colombia (Bogotá) &gt;&gt; Indonesia (Yakarta)</v>
          </cell>
        </row>
        <row r="97">
          <cell r="P97" t="str">
            <v>Colombia (Bogotá) &gt;&gt; Japón (Tokio)</v>
          </cell>
        </row>
        <row r="98">
          <cell r="P98" t="str">
            <v>Colombia (Bogotá) &gt;&gt; Luxemburgo (Luxemburgo)</v>
          </cell>
        </row>
        <row r="99">
          <cell r="P99" t="str">
            <v>Colombia (Bogotá) &gt;&gt; Malasia (Kuala Lumpur)</v>
          </cell>
        </row>
        <row r="100">
          <cell r="P100" t="str">
            <v>Colombia (Bogotá) &gt;&gt; México (Ciudad de México)</v>
          </cell>
        </row>
        <row r="101">
          <cell r="P101" t="str">
            <v>Colombia (Bogotá) &gt;&gt; Nicaragua (Managua)</v>
          </cell>
        </row>
        <row r="102">
          <cell r="P102" t="str">
            <v>Colombia (Bogotá) &gt;&gt; Panamá (Ciudad de Panamá)</v>
          </cell>
        </row>
        <row r="103">
          <cell r="P103" t="str">
            <v>Colombia (Bogotá) &gt;&gt; Paraguay (Asunción)</v>
          </cell>
        </row>
        <row r="104">
          <cell r="P104" t="str">
            <v>Colombia (Bogotá) &gt;&gt; Perú (Lima)</v>
          </cell>
        </row>
        <row r="105">
          <cell r="P105" t="str">
            <v>Colombia (Bogotá) &gt;&gt; Reino Unido (Londres)</v>
          </cell>
        </row>
        <row r="106">
          <cell r="P106" t="str">
            <v>Colombia (Bogotá) &gt;&gt; República Dominicana (Santo Domingo)</v>
          </cell>
        </row>
        <row r="107">
          <cell r="P107" t="str">
            <v>Colombia (Bogotá) &gt;&gt; Rusia (Moscú)</v>
          </cell>
        </row>
        <row r="108">
          <cell r="P108" t="str">
            <v>Colombia (Bogotá) &gt;&gt; Singapur (Singapur)</v>
          </cell>
        </row>
        <row r="109">
          <cell r="P109" t="str">
            <v>Colombia (Bogotá) &gt;&gt; Suecia (Estocolmo)</v>
          </cell>
        </row>
        <row r="110">
          <cell r="P110" t="str">
            <v>Colombia (Bogotá) &gt;&gt; Suiza (Berna)</v>
          </cell>
        </row>
        <row r="111">
          <cell r="P111" t="str">
            <v>Colombia (Bogotá) &gt;&gt; Trinidad y Tobago (Puerto España)</v>
          </cell>
        </row>
        <row r="112">
          <cell r="P112" t="str">
            <v>Colombia (Bogotá) &gt;&gt; Uruguay (Montevideo)</v>
          </cell>
        </row>
        <row r="113">
          <cell r="P113" t="str">
            <v>Colombia (Bogotá) &gt;&gt; Venezuela (Caracas)</v>
          </cell>
        </row>
        <row r="114">
          <cell r="P114" t="str">
            <v>Ecuador (Quito) &gt;&gt; Argentina (Buenos Aires)</v>
          </cell>
        </row>
        <row r="115">
          <cell r="P115" t="str">
            <v>Ecuador (Quito) &gt;&gt; Bolivia (La Paz)</v>
          </cell>
        </row>
        <row r="116">
          <cell r="P116" t="str">
            <v>Ecuador (Quito) &gt;&gt; Brasil (Brasilia)</v>
          </cell>
        </row>
        <row r="117">
          <cell r="P117" t="str">
            <v>Ecuador (Quito) &gt;&gt; Colombia (Bogotá)</v>
          </cell>
        </row>
        <row r="118">
          <cell r="P118" t="str">
            <v>Ecuador (Quito) &gt;&gt; Costa Rica (San José )</v>
          </cell>
        </row>
        <row r="119">
          <cell r="P119" t="str">
            <v>Ecuador (Quito) &gt;&gt; Ecuador (Guayaquil)</v>
          </cell>
        </row>
        <row r="120">
          <cell r="P120" t="str">
            <v>Ecuador (Quito) &gt;&gt; España (Madrid)</v>
          </cell>
        </row>
        <row r="121">
          <cell r="P121" t="str">
            <v>Ecuador (Quito) &gt;&gt; Estados Unidos (Miami)</v>
          </cell>
        </row>
        <row r="122">
          <cell r="P122" t="str">
            <v>Ecuador (Quito) &gt;&gt; México (Ciudad de México)</v>
          </cell>
        </row>
        <row r="123">
          <cell r="P123" t="str">
            <v>Ecuador (Quito) &gt;&gt; Panamá (Ciudad de Panamá)</v>
          </cell>
        </row>
        <row r="124">
          <cell r="P124" t="str">
            <v>Ecuador (Quito) &gt;&gt; Paraguay (Asunción)</v>
          </cell>
        </row>
        <row r="125">
          <cell r="P125" t="str">
            <v>Ecuador (Quito) &gt;&gt; Perú (Lima)</v>
          </cell>
        </row>
        <row r="126">
          <cell r="P126" t="str">
            <v>Ecuador (Quito) &gt;&gt; República Dominicana (Santo Domingo)</v>
          </cell>
        </row>
        <row r="127">
          <cell r="P127" t="str">
            <v>Ecuador (Quito) &gt;&gt; Trinidad y Tobago (Puerto España)</v>
          </cell>
        </row>
        <row r="128">
          <cell r="P128" t="str">
            <v>Ecuador (Quito) &gt;&gt; Uruguay (Montevideo)</v>
          </cell>
        </row>
        <row r="129">
          <cell r="P129" t="str">
            <v>Ecuador (Quito) &gt;&gt; Venezuela (Caracas)</v>
          </cell>
        </row>
        <row r="130">
          <cell r="P130" t="str">
            <v>España (Madrid) &gt;&gt; Alemania (Berlín)</v>
          </cell>
        </row>
        <row r="131">
          <cell r="P131" t="str">
            <v>España (Madrid) &gt;&gt; Argentina (Buenos Aires)</v>
          </cell>
        </row>
        <row r="132">
          <cell r="P132" t="str">
            <v>España (Madrid) &gt;&gt; Austria (Viena)</v>
          </cell>
        </row>
        <row r="133">
          <cell r="P133" t="str">
            <v>España (Madrid) &gt;&gt; Bélgica (Bruselas)</v>
          </cell>
        </row>
        <row r="134">
          <cell r="P134" t="str">
            <v>España (Madrid) &gt;&gt; Bolivia (La Paz)</v>
          </cell>
        </row>
        <row r="135">
          <cell r="P135" t="str">
            <v>España (Madrid) &gt;&gt; Brasil (Brasilia)</v>
          </cell>
        </row>
        <row r="136">
          <cell r="P136" t="str">
            <v>España (Madrid) &gt;&gt; Colombia (Bogotá)</v>
          </cell>
        </row>
        <row r="137">
          <cell r="P137" t="str">
            <v>España (Madrid) &gt;&gt; Ecuador (Quito)</v>
          </cell>
        </row>
        <row r="138">
          <cell r="P138" t="str">
            <v>España (Madrid) &gt;&gt; Emiratos Árabes Unidos (Abu Dabi)</v>
          </cell>
        </row>
        <row r="139">
          <cell r="P139" t="str">
            <v>España (Madrid) &gt;&gt; España (Barcelona)</v>
          </cell>
        </row>
        <row r="140">
          <cell r="P140" t="str">
            <v>España (Madrid) &gt;&gt; España (Bilbao)</v>
          </cell>
        </row>
        <row r="141">
          <cell r="P141" t="str">
            <v>España (Madrid) &gt;&gt; España (Granada)</v>
          </cell>
        </row>
        <row r="142">
          <cell r="P142" t="str">
            <v>España (Madrid) &gt;&gt; España (Logroño)</v>
          </cell>
        </row>
        <row r="143">
          <cell r="P143" t="str">
            <v>España (Madrid) &gt;&gt; España (Santander)</v>
          </cell>
        </row>
        <row r="144">
          <cell r="P144" t="str">
            <v>España (Madrid) &gt;&gt; España (Sevilla)</v>
          </cell>
        </row>
        <row r="145">
          <cell r="P145" t="str">
            <v>España (Madrid) &gt;&gt; España (Valencia)</v>
          </cell>
        </row>
        <row r="146">
          <cell r="P146" t="str">
            <v>España (Madrid) &gt;&gt; Finlandia (Helsinki)</v>
          </cell>
        </row>
        <row r="147">
          <cell r="P147" t="str">
            <v>España (Madrid) &gt;&gt; Francia (Paris)</v>
          </cell>
        </row>
        <row r="148">
          <cell r="P148" t="str">
            <v>España (Madrid) &gt;&gt; Holanda (Amsterdam)</v>
          </cell>
        </row>
        <row r="149">
          <cell r="P149" t="str">
            <v>España (Madrid) &gt;&gt; Italia (Roma)</v>
          </cell>
        </row>
        <row r="150">
          <cell r="P150" t="str">
            <v>España (Madrid) &gt;&gt; Luxemburgo (Luxemburgo)</v>
          </cell>
        </row>
        <row r="151">
          <cell r="P151" t="str">
            <v>España (Madrid) &gt;&gt; México (Ciudad de México)</v>
          </cell>
        </row>
        <row r="152">
          <cell r="P152" t="str">
            <v>España (Madrid) &gt;&gt; Noruega (Oslo)</v>
          </cell>
        </row>
        <row r="153">
          <cell r="P153" t="str">
            <v>España (Madrid) &gt;&gt; Panamá (Ciudad de Panamá)</v>
          </cell>
        </row>
        <row r="154">
          <cell r="P154" t="str">
            <v>España (Madrid) &gt;&gt; Paraguay (Asunción)</v>
          </cell>
        </row>
        <row r="155">
          <cell r="P155" t="str">
            <v>España (Madrid) &gt;&gt; Perú (Lima)</v>
          </cell>
        </row>
        <row r="156">
          <cell r="P156" t="str">
            <v>España (Madrid) &gt;&gt; Portugal (Lisboa)</v>
          </cell>
        </row>
        <row r="157">
          <cell r="P157" t="str">
            <v>España (Madrid) &gt;&gt; Reino Unido (Londres)</v>
          </cell>
        </row>
        <row r="158">
          <cell r="P158" t="str">
            <v>España (Madrid) &gt;&gt; República Checa (Praga)</v>
          </cell>
        </row>
        <row r="159">
          <cell r="P159" t="str">
            <v>España (Madrid) &gt;&gt; República Dominicana (Santo Domingo)</v>
          </cell>
        </row>
        <row r="160">
          <cell r="P160" t="str">
            <v>España (Madrid) &gt;&gt; Rusia (Moscú)</v>
          </cell>
        </row>
        <row r="161">
          <cell r="P161" t="str">
            <v>España (Madrid) &gt;&gt; Sudáfrica (Ciudad del Cabo)</v>
          </cell>
        </row>
        <row r="162">
          <cell r="P162" t="str">
            <v>España (Madrid) &gt;&gt; Suecia (Estocolmo)</v>
          </cell>
        </row>
        <row r="163">
          <cell r="P163" t="str">
            <v>España (Madrid) &gt;&gt; Suiza (Berna)</v>
          </cell>
        </row>
        <row r="164">
          <cell r="P164" t="str">
            <v>España (Madrid) &gt;&gt; Trinidad y Tobago (Puerto España)</v>
          </cell>
        </row>
        <row r="165">
          <cell r="P165" t="str">
            <v>España (Madrid) &gt;&gt; Uruguay (Montevideo)</v>
          </cell>
        </row>
        <row r="166">
          <cell r="P166" t="str">
            <v>España (Madrid) &gt;&gt; Venezuela (Caracas)</v>
          </cell>
        </row>
        <row r="167">
          <cell r="P167" t="str">
            <v>México (Ciudad de México) &gt;&gt; Argentina (Buenos Aires)</v>
          </cell>
        </row>
        <row r="168">
          <cell r="P168" t="str">
            <v>México (Ciudad de México) &gt;&gt; Bolivia (La Paz)</v>
          </cell>
        </row>
        <row r="169">
          <cell r="P169" t="str">
            <v>México (Ciudad de México) &gt;&gt; Brasil (Brasilia)</v>
          </cell>
        </row>
        <row r="170">
          <cell r="P170" t="str">
            <v>México (Ciudad de México) &gt;&gt; Colombia (Bogotá)</v>
          </cell>
        </row>
        <row r="171">
          <cell r="P171" t="str">
            <v>México (Ciudad de México) &gt;&gt; Ecuador (Quito)</v>
          </cell>
        </row>
        <row r="172">
          <cell r="P172" t="str">
            <v>México (Ciudad de México) &gt;&gt; España (Madrid)</v>
          </cell>
        </row>
        <row r="173">
          <cell r="P173" t="str">
            <v>México (Ciudad de México) &gt;&gt; Estados Unidos (Miami)</v>
          </cell>
        </row>
        <row r="174">
          <cell r="P174" t="str">
            <v>México (Ciudad de México) &gt;&gt; México (Cancún)</v>
          </cell>
        </row>
        <row r="175">
          <cell r="P175" t="str">
            <v>México (Ciudad de México) &gt;&gt; México (Guadalajara)</v>
          </cell>
        </row>
        <row r="176">
          <cell r="P176" t="str">
            <v>México (Ciudad de México) &gt;&gt; México (León)</v>
          </cell>
        </row>
        <row r="177">
          <cell r="P177" t="str">
            <v>México (Ciudad de México) &gt;&gt; México (Monterrey)</v>
          </cell>
        </row>
        <row r="178">
          <cell r="P178" t="str">
            <v>México (Ciudad de México) &gt;&gt; México (Querétaro)</v>
          </cell>
        </row>
        <row r="179">
          <cell r="P179" t="str">
            <v>México (Ciudad de México) &gt;&gt; Panamá (Ciudad de Panamá)</v>
          </cell>
        </row>
        <row r="180">
          <cell r="P180" t="str">
            <v>México (Ciudad de México) &gt;&gt; Paraguay (Asunción)</v>
          </cell>
        </row>
        <row r="181">
          <cell r="P181" t="str">
            <v>México (Ciudad de México) &gt;&gt; Perú (Lima)</v>
          </cell>
        </row>
        <row r="182">
          <cell r="P182" t="str">
            <v>México (Ciudad de México) &gt;&gt; República Dominicana (Santo Domingo)</v>
          </cell>
        </row>
        <row r="183">
          <cell r="P183" t="str">
            <v>México (Ciudad de México) &gt;&gt; Trinidad y Tobago (Puerto España)</v>
          </cell>
        </row>
        <row r="184">
          <cell r="P184" t="str">
            <v>México (Ciudad de México) &gt;&gt; Uruguay (Montevideo)</v>
          </cell>
        </row>
        <row r="185">
          <cell r="P185" t="str">
            <v>México (Ciudad de México) &gt;&gt; Venezuela (Caracas)</v>
          </cell>
        </row>
        <row r="186">
          <cell r="P186" t="str">
            <v>Panamá (Ciudad de Panamá) &gt;&gt; Argentina (Buenos Aires)</v>
          </cell>
        </row>
        <row r="187">
          <cell r="P187" t="str">
            <v>Panamá (Ciudad de Panamá) &gt;&gt; Bolivia (La Paz)</v>
          </cell>
        </row>
        <row r="188">
          <cell r="P188" t="str">
            <v>Panamá (Ciudad de Panamá) &gt;&gt; Brasil (Brasilia)</v>
          </cell>
        </row>
        <row r="189">
          <cell r="P189" t="str">
            <v>Panamá (Ciudad de Panamá) &gt;&gt; Chile (Santiago de Chile)</v>
          </cell>
        </row>
        <row r="190">
          <cell r="P190" t="str">
            <v>Panamá (Ciudad de Panamá) &gt;&gt; Colombia (Bogotá)</v>
          </cell>
        </row>
        <row r="191">
          <cell r="P191" t="str">
            <v>Panamá (Ciudad de Panamá) &gt;&gt; Costa Rica (San José )</v>
          </cell>
        </row>
        <row r="192">
          <cell r="P192" t="str">
            <v>Panamá (Ciudad de Panamá) &gt;&gt; Ecuador (Quito)</v>
          </cell>
        </row>
        <row r="193">
          <cell r="P193" t="str">
            <v>Panamá (Ciudad de Panamá) &gt;&gt; El Salvador (San Salvador)</v>
          </cell>
        </row>
        <row r="194">
          <cell r="P194" t="str">
            <v>Panamá (Ciudad de Panamá) &gt;&gt; España (Madrid)</v>
          </cell>
        </row>
        <row r="195">
          <cell r="P195" t="str">
            <v>Panamá (Ciudad de Panamá) &gt;&gt; Estados Unidos (Miami)</v>
          </cell>
        </row>
        <row r="196">
          <cell r="P196" t="str">
            <v>Panamá (Ciudad de Panamá) &gt;&gt; Guatemala (Ciudad de Guatemala)</v>
          </cell>
        </row>
        <row r="197">
          <cell r="P197" t="str">
            <v>Panamá (Ciudad de Panamá) &gt;&gt; Honduras (Tegucigalpa)</v>
          </cell>
        </row>
        <row r="198">
          <cell r="P198" t="str">
            <v>Panamá (Ciudad de Panamá) &gt;&gt; Jamaica (Kingston)</v>
          </cell>
        </row>
        <row r="199">
          <cell r="P199" t="str">
            <v>Panamá (Ciudad de Panamá) &gt;&gt; México (Ciudad de México)</v>
          </cell>
        </row>
        <row r="200">
          <cell r="P200" t="str">
            <v>Panamá (Ciudad de Panamá) &gt;&gt; Nicaragua (Managua)</v>
          </cell>
        </row>
        <row r="201">
          <cell r="P201" t="str">
            <v>Panamá (Ciudad de Panamá) &gt;&gt; Panamá (David)</v>
          </cell>
        </row>
        <row r="202">
          <cell r="P202" t="str">
            <v>Panamá (Ciudad de Panamá) &gt;&gt; Paraguay (Asunción)</v>
          </cell>
        </row>
        <row r="203">
          <cell r="P203" t="str">
            <v>Panamá (Ciudad de Panamá) &gt;&gt; Perú (Lima)</v>
          </cell>
        </row>
        <row r="204">
          <cell r="P204" t="str">
            <v>Panamá (Ciudad de Panamá) &gt;&gt; República Dominicana (Santo Domingo)</v>
          </cell>
        </row>
        <row r="205">
          <cell r="P205" t="str">
            <v>Panamá (Ciudad de Panamá) &gt;&gt; Trinidad y Tobago (Puerto España)</v>
          </cell>
        </row>
        <row r="206">
          <cell r="P206" t="str">
            <v>Panamá (Ciudad de Panamá) &gt;&gt; Uruguay (Montevideo)</v>
          </cell>
        </row>
        <row r="207">
          <cell r="P207" t="str">
            <v>Panamá (Ciudad de Panamá) &gt;&gt; Venezuela (Caracas)</v>
          </cell>
        </row>
        <row r="208">
          <cell r="P208" t="str">
            <v>Paraguay (Asunción) &gt;&gt; Argentina (Buenos Aires)</v>
          </cell>
        </row>
        <row r="209">
          <cell r="P209" t="str">
            <v>Paraguay (Asunción) &gt;&gt; Bolivia (La Paz)</v>
          </cell>
        </row>
        <row r="210">
          <cell r="P210" t="str">
            <v>Paraguay (Asunción) &gt;&gt; Brasil (Brasilia)</v>
          </cell>
        </row>
        <row r="211">
          <cell r="P211" t="str">
            <v>Paraguay (Asunción) &gt;&gt; Chile (Santiago de Chile)</v>
          </cell>
        </row>
        <row r="212">
          <cell r="P212" t="str">
            <v>Paraguay (Asunción) &gt;&gt; Colombia (Bogotá)</v>
          </cell>
        </row>
        <row r="213">
          <cell r="P213" t="str">
            <v>Paraguay (Asunción) &gt;&gt; Costa Rica (San José )</v>
          </cell>
        </row>
        <row r="214">
          <cell r="P214" t="str">
            <v>Paraguay (Asunción) &gt;&gt; Ecuador (Quito)</v>
          </cell>
        </row>
        <row r="215">
          <cell r="P215" t="str">
            <v>Paraguay (Asunción) &gt;&gt; España (Madrid)</v>
          </cell>
        </row>
        <row r="216">
          <cell r="P216" t="str">
            <v>Paraguay (Asunción) &gt;&gt; México (Ciudad de México)</v>
          </cell>
        </row>
        <row r="217">
          <cell r="P217" t="str">
            <v>Paraguay (Asunción) &gt;&gt; Panamá (Ciudad de Panamá)</v>
          </cell>
        </row>
        <row r="218">
          <cell r="P218" t="str">
            <v>Paraguay (Asunción) &gt;&gt; Perú (Lima)</v>
          </cell>
        </row>
        <row r="219">
          <cell r="P219" t="str">
            <v>Paraguay (Asunción) &gt;&gt; República Dominicana (Santo Domingo)</v>
          </cell>
        </row>
        <row r="220">
          <cell r="P220" t="str">
            <v>Paraguay (Asunción) &gt;&gt; Trinidad y Tobago (Puerto España)</v>
          </cell>
        </row>
        <row r="221">
          <cell r="P221" t="str">
            <v>Paraguay (Asunción) &gt;&gt; Uruguay (Montevideo)</v>
          </cell>
        </row>
        <row r="222">
          <cell r="P222" t="str">
            <v>Paraguay (Asunción) &gt;&gt; Venezuela (Caracas)</v>
          </cell>
        </row>
        <row r="223">
          <cell r="P223" t="str">
            <v>Perú (Lima) &gt;&gt; Alemania (Frankfurt)</v>
          </cell>
        </row>
        <row r="224">
          <cell r="P224" t="str">
            <v>Perú (Lima) &gt;&gt; Argentina (Buenos Aires)</v>
          </cell>
        </row>
        <row r="225">
          <cell r="P225" t="str">
            <v>Perú (Lima) &gt;&gt; Austria (Viena)</v>
          </cell>
        </row>
        <row r="226">
          <cell r="P226" t="str">
            <v>Perú (Lima) &gt;&gt; Barbados (Bridgetown)</v>
          </cell>
        </row>
        <row r="227">
          <cell r="P227" t="str">
            <v>Perú (Lima) &gt;&gt; Bélgica (Bruselas)</v>
          </cell>
        </row>
        <row r="228">
          <cell r="P228" t="str">
            <v>Perú (Lima) &gt;&gt; Bolivia (La Paz)</v>
          </cell>
        </row>
        <row r="229">
          <cell r="P229" t="str">
            <v>Perú (Lima) &gt;&gt; Brasil (Brasilia)</v>
          </cell>
        </row>
        <row r="230">
          <cell r="P230" t="str">
            <v>Perú (Lima) &gt;&gt; Brasil (Florianópolis)</v>
          </cell>
        </row>
        <row r="231">
          <cell r="P231" t="str">
            <v>Perú (Lima) &gt;&gt; Canadá (Toronto)</v>
          </cell>
        </row>
        <row r="232">
          <cell r="P232" t="str">
            <v>Perú (Lima) &gt;&gt; Canadá (Ottawa)</v>
          </cell>
        </row>
        <row r="233">
          <cell r="P233" t="str">
            <v>Perú (Lima) &gt;&gt; China (Hong Kong)</v>
          </cell>
        </row>
        <row r="234">
          <cell r="P234" t="str">
            <v>Perú (Lima) &gt;&gt; China (Shanghái)</v>
          </cell>
        </row>
        <row r="235">
          <cell r="P235" t="str">
            <v>Perú (Lima) &gt;&gt; China (Chengdu)</v>
          </cell>
        </row>
        <row r="236">
          <cell r="P236" t="str">
            <v>Perú (Lima) &gt;&gt; China (Beijin)</v>
          </cell>
        </row>
        <row r="237">
          <cell r="P237" t="str">
            <v>Perú (Lima) &gt;&gt; Chile (Santiago de Chile)</v>
          </cell>
        </row>
        <row r="238">
          <cell r="P238" t="str">
            <v>Perú (Lima) &gt;&gt; Colombia (Bogotá)</v>
          </cell>
        </row>
        <row r="239">
          <cell r="P239" t="str">
            <v>Perú (Lima) &gt;&gt; Costa Rica (San José )</v>
          </cell>
        </row>
        <row r="240">
          <cell r="P240" t="str">
            <v>Perú (Lima) &gt;&gt; Corea (Seul)</v>
          </cell>
        </row>
        <row r="241">
          <cell r="P241" t="str">
            <v>Perú (Lima) &gt;&gt; Cuba (La Habana)</v>
          </cell>
        </row>
        <row r="242">
          <cell r="P242" t="str">
            <v>Perú (Lima) &gt;&gt; Dinamarca (Copenhague)</v>
          </cell>
        </row>
        <row r="243">
          <cell r="P243" t="str">
            <v>Perú (Lima) &gt;&gt; Ecuador (Quito)</v>
          </cell>
        </row>
        <row r="244">
          <cell r="P244" t="str">
            <v>Perú (Lima) &gt;&gt; España (Madrid)</v>
          </cell>
        </row>
        <row r="245">
          <cell r="P245" t="str">
            <v>Perú (Lima) &gt;&gt; Estados Unidos (Miami)</v>
          </cell>
        </row>
        <row r="246">
          <cell r="P246" t="str">
            <v>Perú (Lima) &gt;&gt; Estados Unidos (New York)</v>
          </cell>
        </row>
        <row r="247">
          <cell r="P247" t="str">
            <v>Perú (Lima) &gt;&gt; Estados Unidos (Washington)</v>
          </cell>
        </row>
        <row r="248">
          <cell r="P248" t="str">
            <v>Perú (Lima) &gt;&gt; Estados Unidos (Atlanta)</v>
          </cell>
        </row>
        <row r="249">
          <cell r="P249" t="str">
            <v>Perú (Lima) &gt;&gt; Estados Unidos (Boston)</v>
          </cell>
        </row>
        <row r="250">
          <cell r="P250" t="str">
            <v>Perú (Lima) &gt;&gt; Estados Unidos (Chicago)</v>
          </cell>
        </row>
        <row r="251">
          <cell r="P251" t="str">
            <v>Perú (Lima) &gt;&gt; Estados Unidos (Denver)</v>
          </cell>
        </row>
        <row r="252">
          <cell r="P252" t="str">
            <v>Perú (Lima) &gt;&gt; El Salvador (San Salvador)</v>
          </cell>
        </row>
        <row r="253">
          <cell r="P253" t="str">
            <v>Perú (Lima) &gt;&gt; Francia (Paris)</v>
          </cell>
        </row>
        <row r="254">
          <cell r="P254" t="str">
            <v>Perú (Lima) &gt;&gt; Finlandia (Helsinki)</v>
          </cell>
        </row>
        <row r="255">
          <cell r="P255" t="str">
            <v>Perú (Lima) &gt;&gt; Guatemala (Ciudad de Guatemala)</v>
          </cell>
        </row>
        <row r="256">
          <cell r="P256" t="str">
            <v>Perú (Lima) &gt;&gt; Holanda (Amsterdam)</v>
          </cell>
        </row>
        <row r="257">
          <cell r="P257" t="str">
            <v>Perú (Lima) &gt;&gt; Honduras (Tegucigalpa)</v>
          </cell>
        </row>
        <row r="258">
          <cell r="P258" t="str">
            <v>Perú (Lima) &gt;&gt; Indonesia (Yakarta)</v>
          </cell>
        </row>
        <row r="259">
          <cell r="P259" t="str">
            <v>Perú (Lima) &gt;&gt; India (Nueva Delhi)</v>
          </cell>
        </row>
        <row r="260">
          <cell r="P260" t="str">
            <v>Perú (Lima) &gt;&gt; Itala (Roma)</v>
          </cell>
        </row>
        <row r="261">
          <cell r="P261" t="str">
            <v>Perú (Lima) &gt;&gt; Japón (Tokio)</v>
          </cell>
        </row>
        <row r="262">
          <cell r="P262" t="str">
            <v>Perú (Lima) &gt;&gt; Jamaica (Kingston)</v>
          </cell>
        </row>
        <row r="263">
          <cell r="P263" t="str">
            <v>Perú (Lima) &gt;&gt; Luxemburgo (Luxemburgo)</v>
          </cell>
        </row>
        <row r="264">
          <cell r="P264" t="str">
            <v>Perú (Lima) &gt;&gt; Malasia (Kuala Lumpur)</v>
          </cell>
        </row>
        <row r="265">
          <cell r="P265" t="str">
            <v>Perú (Lima) &gt;&gt; Marruecos (Casa Blanca)</v>
          </cell>
        </row>
        <row r="266">
          <cell r="P266" t="str">
            <v>Perú (Lima) &gt;&gt; México (Ciudad de México)</v>
          </cell>
        </row>
        <row r="267">
          <cell r="P267" t="str">
            <v>Perú (Lima) &gt;&gt; Nicaragua (Managua)</v>
          </cell>
        </row>
        <row r="268">
          <cell r="P268" t="str">
            <v>Perú (Lima) &gt;&gt; Noruega (Oslo)</v>
          </cell>
        </row>
        <row r="269">
          <cell r="P269" t="str">
            <v>Perú (Lima) &gt;&gt; Panamá (Ciudad de Panamá)</v>
          </cell>
        </row>
        <row r="270">
          <cell r="P270" t="str">
            <v>Perú (Lima) &gt;&gt; Paraguay (Asunción)</v>
          </cell>
        </row>
        <row r="271">
          <cell r="P271" t="str">
            <v>Perú (Lima) &gt;&gt; Perú (Cuzco)</v>
          </cell>
        </row>
        <row r="272">
          <cell r="P272" t="str">
            <v>Perú (Lima) &gt;&gt; Portugal (Lisboa)</v>
          </cell>
        </row>
        <row r="273">
          <cell r="P273" t="str">
            <v>Perú (Lima) &gt;&gt; Reino Unido (Londres)</v>
          </cell>
        </row>
        <row r="274">
          <cell r="P274" t="str">
            <v>Perú (Lima) &gt;&gt; República Checa (Praga)</v>
          </cell>
        </row>
        <row r="275">
          <cell r="P275" t="str">
            <v>Perú (Lima) &gt;&gt; República Dominicana (Santo Domingo)</v>
          </cell>
        </row>
        <row r="276">
          <cell r="P276" t="str">
            <v>Perú (Lima) &gt;&gt; Rusia (Moscú)</v>
          </cell>
        </row>
        <row r="277">
          <cell r="P277" t="str">
            <v>Perú (Lima) &gt;&gt; Singapur (Singapur)</v>
          </cell>
        </row>
        <row r="278">
          <cell r="P278" t="str">
            <v>Perú (Lima) &gt;&gt; Suecia (Estocolmo)</v>
          </cell>
        </row>
        <row r="279">
          <cell r="P279" t="str">
            <v>Perú (Lima) &gt;&gt; Suiza (Berna)</v>
          </cell>
        </row>
        <row r="280">
          <cell r="P280" t="str">
            <v>Perú (Lima) &gt;&gt; Trinidad y Tobago (Puerto España)</v>
          </cell>
        </row>
        <row r="281">
          <cell r="P281" t="str">
            <v>Perú (Lima) &gt;&gt; Taiwan (Taipéi)</v>
          </cell>
        </row>
        <row r="282">
          <cell r="P282" t="str">
            <v>Perú (Lima) &gt;&gt; Uruguay (Montevideo)</v>
          </cell>
        </row>
        <row r="283">
          <cell r="P283" t="str">
            <v>Perú (Lima) &gt;&gt; Venezuela (Caracas)</v>
          </cell>
        </row>
        <row r="284">
          <cell r="P284" t="str">
            <v>República Dominicana (Santo Domingo) &gt;&gt; Argentina (Buenos Aires)</v>
          </cell>
        </row>
        <row r="285">
          <cell r="P285" t="str">
            <v>República Dominicana (Santo Domingo) &gt;&gt; Bolivia (La Paz)</v>
          </cell>
        </row>
        <row r="286">
          <cell r="P286" t="str">
            <v>República Dominicana (Santo Domingo) &gt;&gt; Brasil (Brasilia)</v>
          </cell>
        </row>
        <row r="287">
          <cell r="P287" t="str">
            <v>República Dominicana (Santo Domingo) &gt;&gt; Colombia (Bogotá)</v>
          </cell>
        </row>
        <row r="288">
          <cell r="P288" t="str">
            <v>República Dominicana (Santo Domingo) &gt;&gt; Ecuador (Quito)</v>
          </cell>
        </row>
        <row r="289">
          <cell r="P289" t="str">
            <v>República Dominicana (Santo Domingo) &gt;&gt; España (Madrid)</v>
          </cell>
        </row>
        <row r="290">
          <cell r="P290" t="str">
            <v>República Dominicana (Santo Domingo) &gt;&gt; Estados Unidos (Miami)</v>
          </cell>
        </row>
        <row r="291">
          <cell r="P291" t="str">
            <v>República Dominicana (Santo Domingo) &gt;&gt; México (Ciudad de México)</v>
          </cell>
        </row>
        <row r="292">
          <cell r="P292" t="str">
            <v>República Dominicana (Santo Domingo) &gt;&gt; Panamá (Ciudad de Panamá)</v>
          </cell>
        </row>
        <row r="293">
          <cell r="P293" t="str">
            <v>República Dominicana (Santo Domingo) &gt;&gt; Paraguay (Asunción)</v>
          </cell>
        </row>
        <row r="294">
          <cell r="P294" t="str">
            <v>República Dominicana (Santo Domingo) &gt;&gt; Perú (Lima)</v>
          </cell>
        </row>
        <row r="295">
          <cell r="P295" t="str">
            <v>República Dominicana (Santo Domingo) &gt;&gt; Trinidad y Tobago (Puerto España)</v>
          </cell>
        </row>
        <row r="296">
          <cell r="P296" t="str">
            <v>República Dominicana (Santo Domingo) &gt;&gt; Uruguay (Montevideo)</v>
          </cell>
        </row>
        <row r="297">
          <cell r="P297" t="str">
            <v>República Dominicana (Santo Domingo) &gt;&gt; Venezuela (Caracas)</v>
          </cell>
        </row>
        <row r="298">
          <cell r="P298" t="str">
            <v>Trinidad y Tobago (Puerto España) &gt;&gt; Argentina (Buenos Aires)</v>
          </cell>
        </row>
        <row r="299">
          <cell r="P299" t="str">
            <v>Trinidad y Tobago (Puerto España) &gt;&gt; Barbados (Bridgetown)</v>
          </cell>
        </row>
        <row r="300">
          <cell r="P300" t="str">
            <v>Trinidad y Tobago (Puerto España) &gt;&gt; Bolivia (La Paz)</v>
          </cell>
        </row>
        <row r="301">
          <cell r="P301" t="str">
            <v>Trinidad y Tobago (Puerto España) &gt;&gt; Brasil (Brasilia)</v>
          </cell>
        </row>
        <row r="302">
          <cell r="P302" t="str">
            <v>Trinidad y Tobago (Puerto España) &gt;&gt; Chile (Santiago de Chile)</v>
          </cell>
        </row>
        <row r="303">
          <cell r="P303" t="str">
            <v>Trinidad y Tobago (Puerto España) &gt;&gt; Colombia (Bogotá)</v>
          </cell>
        </row>
        <row r="304">
          <cell r="P304" t="str">
            <v>Trinidad y Tobago (Puerto España) &gt;&gt; Ecuador (Quito)</v>
          </cell>
        </row>
        <row r="305">
          <cell r="P305" t="str">
            <v>Trinidad y Tobago (Puerto España) &gt;&gt; España (Madrid)</v>
          </cell>
        </row>
        <row r="306">
          <cell r="P306" t="str">
            <v>Trinidad y Tobago (Puerto España) &gt;&gt; Estados Unidos (Miami)</v>
          </cell>
        </row>
        <row r="307">
          <cell r="P307" t="str">
            <v>Trinidad y Tobago (Puerto España) &gt;&gt; Guyana (Georgetown)</v>
          </cell>
        </row>
        <row r="308">
          <cell r="P308" t="str">
            <v>Trinidad y Tobago (Puerto España) &gt;&gt; Jamaica (Kingston)</v>
          </cell>
        </row>
        <row r="309">
          <cell r="P309" t="str">
            <v>Trinidad y Tobago (Puerto España) &gt;&gt; México (Ciudad de México)</v>
          </cell>
        </row>
        <row r="310">
          <cell r="P310" t="str">
            <v>Trinidad y Tobago (Puerto España) &gt;&gt; Panamá (Ciudad de Panamá)</v>
          </cell>
        </row>
        <row r="311">
          <cell r="P311" t="str">
            <v>Trinidad y Tobago (Puerto España) &gt;&gt; Paraguay (Asunción)</v>
          </cell>
        </row>
        <row r="312">
          <cell r="P312" t="str">
            <v>Trinidad y Tobago (Puerto España) &gt;&gt; Perú (Lima)</v>
          </cell>
        </row>
        <row r="313">
          <cell r="P313" t="str">
            <v>Trinidad y Tobago (Puerto España) &gt;&gt; República Dominicana (Santo Domingo)</v>
          </cell>
        </row>
        <row r="314">
          <cell r="P314" t="str">
            <v>Trinidad y Tobago (Puerto España) &gt;&gt; Surinam (Paramaribo)</v>
          </cell>
        </row>
        <row r="315">
          <cell r="P315" t="str">
            <v>Trinidad y Tobago (Puerto España) &gt;&gt; Uruguay (Montevideo)</v>
          </cell>
        </row>
        <row r="316">
          <cell r="P316" t="str">
            <v>Trinidad y Tobago (Puerto España) &gt;&gt; Venezuela (Caracas)</v>
          </cell>
        </row>
        <row r="317">
          <cell r="P317" t="str">
            <v>Uruguay (Montevideo) &gt;&gt; Argentina (Buenos Aires)</v>
          </cell>
        </row>
        <row r="318">
          <cell r="P318" t="str">
            <v>Uruguay (Montevideo) &gt;&gt; Bolivia (La Paz)</v>
          </cell>
        </row>
        <row r="319">
          <cell r="P319" t="str">
            <v>Uruguay (Montevideo) &gt;&gt; Brasil (Brasilia)</v>
          </cell>
        </row>
        <row r="320">
          <cell r="P320" t="str">
            <v>Uruguay (Montevideo) &gt;&gt; Brasil (Florianópolis)</v>
          </cell>
        </row>
        <row r="321">
          <cell r="P321" t="str">
            <v>Uruguay (Montevideo) &gt;&gt; Chile (Santiago de Chile)</v>
          </cell>
        </row>
        <row r="322">
          <cell r="P322" t="str">
            <v>Uruguay (Montevideo) &gt;&gt; China (Hong Kong)</v>
          </cell>
        </row>
        <row r="323">
          <cell r="P323" t="str">
            <v>Uruguay (Montevideo) &gt;&gt; Colombia (Bogotá)</v>
          </cell>
        </row>
        <row r="324">
          <cell r="P324" t="str">
            <v>Uruguay (Montevideo) &gt;&gt; Ecuador (Quito)</v>
          </cell>
        </row>
        <row r="325">
          <cell r="P325" t="str">
            <v>Uruguay (Montevideo) &gt;&gt; España (Madrid)</v>
          </cell>
        </row>
        <row r="326">
          <cell r="P326" t="str">
            <v>Uruguay (Montevideo) &gt;&gt; Estados Unidos (Miami)</v>
          </cell>
        </row>
        <row r="327">
          <cell r="P327" t="str">
            <v>Uruguay (Montevideo) &gt;&gt; Estados Unidos (New York)</v>
          </cell>
        </row>
        <row r="328">
          <cell r="P328" t="str">
            <v>Uruguay (Montevideo) &gt;&gt; Francia (Paris)</v>
          </cell>
        </row>
        <row r="329">
          <cell r="P329" t="str">
            <v>Uruguay (Montevideo) &gt;&gt; Japón (Tokio)</v>
          </cell>
        </row>
        <row r="330">
          <cell r="P330" t="str">
            <v>Uruguay (Montevideo) &gt;&gt; Luxemburgo (Luxemburgo)</v>
          </cell>
        </row>
        <row r="331">
          <cell r="P331" t="str">
            <v>Uruguay (Montevideo) &gt;&gt; México (Ciudad de México)</v>
          </cell>
        </row>
        <row r="332">
          <cell r="P332" t="str">
            <v>Uruguay (Montevideo) &gt;&gt; Panamá (Ciudad de Panamá)</v>
          </cell>
        </row>
        <row r="333">
          <cell r="P333" t="str">
            <v>Uruguay (Montevideo) &gt;&gt; Paraguay (Asunción)</v>
          </cell>
        </row>
        <row r="334">
          <cell r="P334" t="str">
            <v>Uruguay (Montevideo) &gt;&gt; Perú (Lima)</v>
          </cell>
        </row>
        <row r="335">
          <cell r="P335" t="str">
            <v>Uruguay (Montevideo) &gt;&gt; República Dominicana (Santo Domingo)</v>
          </cell>
        </row>
        <row r="336">
          <cell r="P336" t="str">
            <v>Uruguay (Montevideo) &gt;&gt; Trinidad y Tobago (Puerto España)</v>
          </cell>
        </row>
        <row r="337">
          <cell r="P337" t="str">
            <v>Uruguay (Montevideo) &gt;&gt; Uruguay (Punta del Este)</v>
          </cell>
        </row>
        <row r="338">
          <cell r="P338" t="str">
            <v>Uruguay (Montevideo) &gt;&gt; Venezuela (Caracas)</v>
          </cell>
        </row>
        <row r="339">
          <cell r="P339" t="str">
            <v>Venezuela (Caracas) &gt;&gt; Alemania (Frankfurt)</v>
          </cell>
        </row>
        <row r="340">
          <cell r="P340" t="str">
            <v>Venezuela (Caracas) &gt;&gt; Argentina (Buenos Aires)</v>
          </cell>
        </row>
        <row r="341">
          <cell r="P341" t="str">
            <v>Venezuela (Caracas) &gt;&gt; Austria (Viena)</v>
          </cell>
        </row>
        <row r="342">
          <cell r="P342" t="str">
            <v>Venezuela (Caracas) &gt;&gt; Barbados (Bridgetown)</v>
          </cell>
        </row>
        <row r="343">
          <cell r="P343" t="str">
            <v>Venezuela (Caracas) &gt;&gt; Bélgica (Bruselas)</v>
          </cell>
        </row>
        <row r="344">
          <cell r="P344" t="str">
            <v>Venezuela (Caracas) &gt;&gt; Bolivia (La Paz)</v>
          </cell>
        </row>
        <row r="345">
          <cell r="P345" t="str">
            <v>Venezuela (Caracas) &gt;&gt; Brasil (Brasilia)</v>
          </cell>
        </row>
        <row r="346">
          <cell r="P346" t="str">
            <v>Venezuela (Caracas) &gt;&gt; Brasil (Florianópolis)</v>
          </cell>
        </row>
        <row r="347">
          <cell r="P347" t="str">
            <v>Venezuela (Caracas) &gt;&gt; Chile (Santiago de Chile)</v>
          </cell>
        </row>
        <row r="348">
          <cell r="P348" t="str">
            <v>Venezuela (Caracas) &gt;&gt; China (Hong Kong)</v>
          </cell>
        </row>
        <row r="349">
          <cell r="P349" t="str">
            <v>Venezuela (Caracas) &gt;&gt; Colombia (Bogotá)</v>
          </cell>
        </row>
        <row r="350">
          <cell r="P350" t="str">
            <v>Venezuela (Caracas) &gt;&gt; Costa Rica (San José )</v>
          </cell>
        </row>
        <row r="351">
          <cell r="P351" t="str">
            <v>Venezuela (Caracas) &gt;&gt; Cuba (La Habana)</v>
          </cell>
        </row>
        <row r="352">
          <cell r="P352" t="str">
            <v>Venezuela (Caracas) &gt;&gt; Dinamarca (Copenhague)</v>
          </cell>
        </row>
        <row r="353">
          <cell r="P353" t="str">
            <v>Venezuela (Caracas) &gt;&gt; Ecuador (Quito)</v>
          </cell>
        </row>
        <row r="354">
          <cell r="P354" t="str">
            <v>Venezuela (Caracas) &gt;&gt; El Salvador (San Salvador)</v>
          </cell>
        </row>
        <row r="355">
          <cell r="P355" t="str">
            <v>Venezuela (Caracas) &gt;&gt; España (Madrid)</v>
          </cell>
        </row>
        <row r="356">
          <cell r="P356" t="str">
            <v>Venezuela (Caracas) &gt;&gt; Estados Unidos (Atlanta)</v>
          </cell>
        </row>
        <row r="357">
          <cell r="P357" t="str">
            <v>Venezuela (Caracas) &gt;&gt; Estados Unidos (Boston)</v>
          </cell>
        </row>
        <row r="358">
          <cell r="P358" t="str">
            <v>Venezuela (Caracas) &gt;&gt; Estados Unidos (Chicago)</v>
          </cell>
        </row>
        <row r="359">
          <cell r="P359" t="str">
            <v>Venezuela (Caracas) &gt;&gt; Estados Unidos (Denver)</v>
          </cell>
        </row>
        <row r="360">
          <cell r="P360" t="str">
            <v>Venezuela (Caracas) &gt;&gt; Estados Unidos (Miami)</v>
          </cell>
        </row>
        <row r="361">
          <cell r="P361" t="str">
            <v>Venezuela (Caracas) &gt;&gt; Estados Unidos (New York)</v>
          </cell>
        </row>
        <row r="362">
          <cell r="P362" t="str">
            <v>Venezuela (Caracas) &gt;&gt; Estados Unidos (Washington)</v>
          </cell>
        </row>
        <row r="363">
          <cell r="P363" t="str">
            <v>Venezuela (Caracas) &gt;&gt; Finlandia (Helsinki)</v>
          </cell>
        </row>
        <row r="364">
          <cell r="P364" t="str">
            <v>Venezuela (Caracas) &gt;&gt; Francia (Paris)</v>
          </cell>
        </row>
        <row r="365">
          <cell r="P365" t="str">
            <v>Venezuela (Caracas) &gt;&gt; Guatemala (Ciudad de Guatemala)</v>
          </cell>
        </row>
        <row r="366">
          <cell r="P366" t="str">
            <v>Venezuela (Caracas) &gt;&gt; Holanda (Amsterdam)</v>
          </cell>
        </row>
        <row r="367">
          <cell r="P367" t="str">
            <v>Venezuela (Caracas) &gt;&gt; Honduras (Tegucigalpa)</v>
          </cell>
        </row>
        <row r="368">
          <cell r="P368" t="str">
            <v>Venezuela (Caracas) &gt;&gt; India (Nueva Delhi)</v>
          </cell>
        </row>
        <row r="369">
          <cell r="P369" t="str">
            <v>Venezuela (Caracas) &gt;&gt; Indonesia (Yakarta)</v>
          </cell>
        </row>
        <row r="370">
          <cell r="P370" t="str">
            <v>Venezuela (Caracas) &gt;&gt; Italia (Roma)</v>
          </cell>
        </row>
        <row r="371">
          <cell r="P371" t="str">
            <v>Venezuela (Caracas) &gt;&gt; Jamaica (Kingston)</v>
          </cell>
        </row>
        <row r="372">
          <cell r="P372" t="str">
            <v>Venezuela (Caracas) &gt;&gt; Japón (Tokio)</v>
          </cell>
        </row>
        <row r="373">
          <cell r="P373" t="str">
            <v>Venezuela (Caracas) &gt;&gt; Luxemburgo (Luxemburgo)</v>
          </cell>
        </row>
        <row r="374">
          <cell r="P374" t="str">
            <v>Venezuela (Caracas) &gt;&gt; Marruecos (Casa Blanca)</v>
          </cell>
        </row>
        <row r="375">
          <cell r="P375" t="str">
            <v>Venezuela (Caracas) &gt;&gt; México (Ciudad de México)</v>
          </cell>
        </row>
        <row r="376">
          <cell r="P376" t="str">
            <v>Venezuela (Caracas) &gt;&gt; Noruega (Oslo)</v>
          </cell>
        </row>
        <row r="377">
          <cell r="P377" t="str">
            <v>Venezuela (Caracas) &gt;&gt; Panamá (Ciudad de Panamá)</v>
          </cell>
        </row>
        <row r="378">
          <cell r="P378" t="str">
            <v>Venezuela (Caracas) &gt;&gt; Paraguay (Asunción)</v>
          </cell>
        </row>
        <row r="379">
          <cell r="P379" t="str">
            <v>Venezuela (Caracas) &gt;&gt; Perú (Lima)</v>
          </cell>
        </row>
        <row r="380">
          <cell r="P380" t="str">
            <v>Venezuela (Caracas) &gt;&gt; Portugal (Lisboa)</v>
          </cell>
        </row>
        <row r="381">
          <cell r="P381" t="str">
            <v>Venezuela (Caracas) &gt;&gt; Reino Unido (Londres)</v>
          </cell>
        </row>
        <row r="382">
          <cell r="P382" t="str">
            <v>Venezuela (Caracas) &gt;&gt; República Checa (Praga)</v>
          </cell>
        </row>
        <row r="383">
          <cell r="P383" t="str">
            <v>Venezuela (Caracas) &gt;&gt; República Dominicana (Santo Domingo)</v>
          </cell>
        </row>
        <row r="384">
          <cell r="P384" t="str">
            <v>Venezuela (Caracas) &gt;&gt; Rusia (Moscú)</v>
          </cell>
        </row>
        <row r="385">
          <cell r="P385" t="str">
            <v>Venezuela (Caracas) &gt;&gt; Singapur (Singapur)</v>
          </cell>
        </row>
        <row r="386">
          <cell r="P386" t="str">
            <v>Venezuela (Caracas) &gt;&gt; Suecia (Estocolmo)</v>
          </cell>
        </row>
        <row r="387">
          <cell r="P387" t="str">
            <v>Venezuela (Caracas) &gt;&gt; Suiza (Berna)</v>
          </cell>
        </row>
        <row r="388">
          <cell r="P388" t="str">
            <v>Venezuela (Caracas) &gt;&gt; Taiwan (Taipéi)</v>
          </cell>
        </row>
        <row r="389">
          <cell r="P389" t="str">
            <v>Venezuela (Caracas) &gt;&gt; Trinidad y Tobago (Puerto España)</v>
          </cell>
        </row>
        <row r="390">
          <cell r="P390" t="str">
            <v>Venezuela (Caracas) &gt;&gt; Uruguay (Montevideo)</v>
          </cell>
        </row>
        <row r="391">
          <cell r="P391" t="str">
            <v>Venezuela (Caracas) &gt;&gt; Venezuela (Barquisimeto)</v>
          </cell>
        </row>
        <row r="392">
          <cell r="P392" t="str">
            <v>Venezuela (Caracas) &gt;&gt; Venezuela (Maracaibo)</v>
          </cell>
        </row>
        <row r="393">
          <cell r="P393" t="str">
            <v>Venezuela (Caracas) &gt;&gt; Venezuela (Porlamar)</v>
          </cell>
        </row>
        <row r="394">
          <cell r="P394" t="str">
            <v>Venezuela (Caracas) &gt;&gt; Venezuela (Puerto Ordaz)</v>
          </cell>
        </row>
        <row r="395">
          <cell r="P395" t="str">
            <v>Venezuela (Caracas) &gt;&gt; Seminario (Local)</v>
          </cell>
        </row>
        <row r="396">
          <cell r="P396" t="str">
            <v>Oficina (País) &gt;&gt; Seminario (Local)</v>
          </cell>
        </row>
        <row r="397">
          <cell r="P397" t="str">
            <v>Venezuela (Caracas) &gt;&gt; Venezuela (Traslado local en vehículo)</v>
          </cell>
        </row>
        <row r="398">
          <cell r="P398" t="str">
            <v>Oficina (País) &gt;&gt; Oficina País (Traslado local en vehículo)</v>
          </cell>
        </row>
        <row r="399">
          <cell r="P399" t="str">
            <v>Venezuela (Caracas) &gt;&gt; Venezuela (Contingencia)</v>
          </cell>
        </row>
      </sheetData>
      <sheetData sheetId="3">
        <row r="11">
          <cell r="W11" t="str">
            <v/>
          </cell>
          <cell r="AK11" t="str">
            <v/>
          </cell>
          <cell r="AR11" t="str">
            <v/>
          </cell>
          <cell r="BU11" t="str">
            <v/>
          </cell>
        </row>
        <row r="12">
          <cell r="V12" t="str">
            <v>Administrar Fondos</v>
          </cell>
          <cell r="W12" t="str">
            <v>001</v>
          </cell>
          <cell r="AJ12" t="str">
            <v>Administracion Cooperacion Tecnica</v>
          </cell>
          <cell r="AK12" t="str">
            <v>001</v>
          </cell>
          <cell r="AQ12" t="str">
            <v>Pacto por la Productividad y Desarrollo de Infraestructura</v>
          </cell>
          <cell r="AR12" t="str">
            <v>001</v>
          </cell>
          <cell r="BT12" t="str">
            <v>Agenda digital</v>
          </cell>
          <cell r="BU12" t="str">
            <v>001</v>
          </cell>
        </row>
        <row r="13">
          <cell r="V13" t="str">
            <v>Captar Recursos Financieros / Gestionar Recursos Financieros (Liquidez)</v>
          </cell>
          <cell r="W13" t="str">
            <v>002</v>
          </cell>
          <cell r="AJ13" t="str">
            <v>Administracion de fondos de terceros</v>
          </cell>
          <cell r="AK13" t="str">
            <v>002</v>
          </cell>
          <cell r="AQ13" t="str">
            <v>Fortalecimiento y Desarrollo del sector financiero</v>
          </cell>
          <cell r="AR13" t="str">
            <v>002</v>
          </cell>
          <cell r="BT13" t="str">
            <v>Ciudades con futuro</v>
          </cell>
          <cell r="BU13" t="str">
            <v>002</v>
          </cell>
        </row>
        <row r="14">
          <cell r="V14" t="str">
            <v>Definir Estrategia Financiera</v>
          </cell>
          <cell r="W14" t="str">
            <v>003</v>
          </cell>
          <cell r="AJ14" t="str">
            <v>Administracion y seguimiento a portafolio de inversiones</v>
          </cell>
          <cell r="AK14" t="str">
            <v>003</v>
          </cell>
          <cell r="AQ14" t="str">
            <v>Desarrollo humano y social, equitativo y solidario</v>
          </cell>
          <cell r="AR14" t="str">
            <v>003</v>
          </cell>
          <cell r="BT14" t="str">
            <v>Corredores logisticos de integracion</v>
          </cell>
          <cell r="BU14" t="str">
            <v>003</v>
          </cell>
        </row>
        <row r="15">
          <cell r="V15" t="str">
            <v>Eficiencia Interna</v>
          </cell>
          <cell r="W15" t="str">
            <v>004</v>
          </cell>
          <cell r="AJ15" t="str">
            <v>Administracion y seguimiento de credito CAF</v>
          </cell>
          <cell r="AK15" t="str">
            <v>004</v>
          </cell>
          <cell r="AQ15" t="str">
            <v>Inclusion financiera</v>
          </cell>
          <cell r="AR15" t="str">
            <v>004</v>
          </cell>
          <cell r="BT15" t="str">
            <v>Inclusion financiera</v>
          </cell>
          <cell r="BU15" t="str">
            <v>004</v>
          </cell>
        </row>
        <row r="16">
          <cell r="V16" t="str">
            <v>Generar Conocimiento</v>
          </cell>
          <cell r="W16" t="str">
            <v>005</v>
          </cell>
          <cell r="AJ16" t="str">
            <v>Aplicacion de la metodologia COSO</v>
          </cell>
          <cell r="AK16" t="str">
            <v>005</v>
          </cell>
          <cell r="AQ16" t="str">
            <v>Gestion ambiental integral</v>
          </cell>
          <cell r="AR16" t="str">
            <v>005</v>
          </cell>
          <cell r="BT16" t="str">
            <v>Desarrollo e Integracion General</v>
          </cell>
          <cell r="BU16" t="str">
            <v>019</v>
          </cell>
        </row>
        <row r="17">
          <cell r="V17" t="str">
            <v>Gestionar Arquitectura TI</v>
          </cell>
          <cell r="W17" t="str">
            <v>006</v>
          </cell>
          <cell r="AJ17" t="str">
            <v>Aprobacion Cooperacion Tecnica</v>
          </cell>
          <cell r="AK17" t="str">
            <v>006</v>
          </cell>
          <cell r="AQ17" t="str">
            <v>Capacidad de respuesta macro economica</v>
          </cell>
          <cell r="AR17" t="str">
            <v>006</v>
          </cell>
          <cell r="BT17" t="str">
            <v/>
          </cell>
          <cell r="BU17" t="str">
            <v/>
          </cell>
        </row>
        <row r="18">
          <cell r="V18" t="str">
            <v>Gestionar Auditoria</v>
          </cell>
          <cell r="W18" t="str">
            <v>007</v>
          </cell>
          <cell r="AJ18" t="str">
            <v>Aprobacion de credito CAF</v>
          </cell>
          <cell r="AK18" t="str">
            <v>007</v>
          </cell>
          <cell r="AQ18" t="str">
            <v>Fortalecimiento institucional</v>
          </cell>
          <cell r="AR18" t="str">
            <v>007</v>
          </cell>
          <cell r="BT18" t="str">
            <v/>
          </cell>
          <cell r="BU18" t="str">
            <v/>
          </cell>
        </row>
        <row r="19">
          <cell r="V19" t="str">
            <v>Gestionar Comunicaciones Corporativas</v>
          </cell>
          <cell r="W19" t="str">
            <v>008</v>
          </cell>
          <cell r="AJ19" t="str">
            <v>Capacitacion de funcionarios publicos</v>
          </cell>
          <cell r="AK19" t="str">
            <v>008</v>
          </cell>
          <cell r="AQ19" t="str">
            <v>Capacidades de Gestion Publica</v>
          </cell>
          <cell r="AR19" t="str">
            <v>008</v>
          </cell>
          <cell r="BT19" t="str">
            <v/>
          </cell>
          <cell r="BU19" t="str">
            <v/>
          </cell>
        </row>
        <row r="20">
          <cell r="V20" t="str">
            <v>Gestionar Contabilidad y Reportes Financieros</v>
          </cell>
          <cell r="W20" t="str">
            <v>009</v>
          </cell>
          <cell r="AJ20" t="str">
            <v>Captacion de Recursos en Mercados</v>
          </cell>
          <cell r="AK20" t="str">
            <v>009</v>
          </cell>
          <cell r="AQ20" t="str">
            <v>Integracion fisica, logistica, energetica y financiera</v>
          </cell>
          <cell r="AR20" t="str">
            <v>009</v>
          </cell>
          <cell r="BT20" t="str">
            <v/>
          </cell>
          <cell r="BU20" t="str">
            <v/>
          </cell>
        </row>
        <row r="21">
          <cell r="V21" t="str">
            <v>Gestionar Cooperacion Tecnica</v>
          </cell>
          <cell r="W21" t="str">
            <v>010</v>
          </cell>
          <cell r="AJ21" t="str">
            <v>Cierre Cooperacion Tecnica</v>
          </cell>
          <cell r="AK21" t="str">
            <v>010</v>
          </cell>
          <cell r="AQ21" t="str">
            <v>Espacios de discusion y generacion de consenso</v>
          </cell>
          <cell r="AR21" t="str">
            <v>010</v>
          </cell>
          <cell r="BT21" t="str">
            <v/>
          </cell>
          <cell r="BU21" t="str">
            <v/>
          </cell>
        </row>
        <row r="22">
          <cell r="V22" t="str">
            <v>Gestionar Estrategia Pais</v>
          </cell>
          <cell r="W22" t="str">
            <v>011</v>
          </cell>
          <cell r="AJ22" t="str">
            <v>Conceptualizacion Cooperacion Tecnica</v>
          </cell>
          <cell r="AK22" t="str">
            <v>011</v>
          </cell>
          <cell r="AQ22" t="str">
            <v>Solvencia y sostenibilidad financiera</v>
          </cell>
          <cell r="AR22" t="str">
            <v>011</v>
          </cell>
          <cell r="BT22" t="str">
            <v/>
          </cell>
          <cell r="BU22" t="str">
            <v/>
          </cell>
        </row>
        <row r="23">
          <cell r="V23" t="str">
            <v>Gestionar Logistica y Administracion</v>
          </cell>
          <cell r="W23" t="str">
            <v>012</v>
          </cell>
          <cell r="AJ23" t="str">
            <v>Gestionar Auditoria</v>
          </cell>
          <cell r="AK23" t="str">
            <v>012</v>
          </cell>
          <cell r="AQ23" t="str">
            <v>Catalizacion de recursos financieros</v>
          </cell>
          <cell r="AR23" t="str">
            <v>012</v>
          </cell>
          <cell r="BT23" t="str">
            <v/>
          </cell>
          <cell r="BU23" t="str">
            <v/>
          </cell>
        </row>
        <row r="24">
          <cell r="V24" t="str">
            <v>Gestionar Medios Corporativos</v>
          </cell>
          <cell r="W24" t="str">
            <v>013</v>
          </cell>
          <cell r="AJ24" t="str">
            <v>Control Integral de Riesgos</v>
          </cell>
          <cell r="AK24" t="str">
            <v>013</v>
          </cell>
          <cell r="AQ24" t="str">
            <v>Excelencia Operacional - Estrategico</v>
          </cell>
          <cell r="AR24" t="str">
            <v>013</v>
          </cell>
          <cell r="BT24" t="str">
            <v/>
          </cell>
          <cell r="BU24" t="str">
            <v/>
          </cell>
        </row>
        <row r="25">
          <cell r="V25" t="str">
            <v>Gestionar Negocio de Credito e Inversiones</v>
          </cell>
          <cell r="W25" t="str">
            <v>014</v>
          </cell>
          <cell r="AJ25" t="str">
            <v>Definir Estrategia Financiera</v>
          </cell>
          <cell r="AK25" t="str">
            <v>014</v>
          </cell>
          <cell r="AQ25" t="str">
            <v>Excelencia Operacional - Control</v>
          </cell>
          <cell r="AR25" t="str">
            <v>014</v>
          </cell>
          <cell r="BT25" t="str">
            <v/>
          </cell>
          <cell r="BU25" t="str">
            <v/>
          </cell>
        </row>
        <row r="26">
          <cell r="V26" t="str">
            <v>Gestionar Operacion / Generar Custodia</v>
          </cell>
          <cell r="W26" t="str">
            <v>015</v>
          </cell>
          <cell r="AJ26" t="str">
            <v>Desarrollar Talento Humano</v>
          </cell>
          <cell r="AK26" t="str">
            <v>015</v>
          </cell>
          <cell r="AQ26" t="str">
            <v>Excelencia Operacional - Soporte</v>
          </cell>
          <cell r="AR26" t="str">
            <v>015</v>
          </cell>
          <cell r="BT26" t="str">
            <v/>
          </cell>
          <cell r="BU26" t="str">
            <v/>
          </cell>
        </row>
        <row r="27">
          <cell r="V27" t="str">
            <v>Gestionar Planificacion Corporativa</v>
          </cell>
          <cell r="W27" t="str">
            <v>016</v>
          </cell>
          <cell r="AJ27" t="str">
            <v>Eficiencia Interna</v>
          </cell>
          <cell r="AK27" t="str">
            <v>016</v>
          </cell>
          <cell r="AQ27" t="str">
            <v>Satisfaccion de Cliente Interno, Externo y Cultura</v>
          </cell>
          <cell r="AR27" t="str">
            <v>016</v>
          </cell>
          <cell r="BT27" t="str">
            <v/>
          </cell>
          <cell r="BU27" t="str">
            <v/>
          </cell>
        </row>
        <row r="28">
          <cell r="V28" t="str">
            <v>Gestionar Procesos</v>
          </cell>
          <cell r="W28" t="str">
            <v>017</v>
          </cell>
          <cell r="AJ28" t="str">
            <v>Evaluacion de Riesgo Ambiental y Social</v>
          </cell>
          <cell r="AK28" t="str">
            <v>017</v>
          </cell>
          <cell r="AQ28" t="str">
            <v>Profesionalizacion y Especializacion del Talento Humano</v>
          </cell>
          <cell r="AR28" t="str">
            <v>018</v>
          </cell>
          <cell r="BT28" t="str">
            <v/>
          </cell>
          <cell r="BU28" t="str">
            <v/>
          </cell>
        </row>
        <row r="29">
          <cell r="V29" t="str">
            <v>Gestionar Proyectos TI</v>
          </cell>
          <cell r="W29" t="str">
            <v>018</v>
          </cell>
          <cell r="AJ29" t="str">
            <v>Evaluacion y estructuracion de credito CAF</v>
          </cell>
          <cell r="AK29" t="str">
            <v>018</v>
          </cell>
          <cell r="AQ29" t="str">
            <v>Transformacion Digital, modernizacion tecnologica y automatizacion de procesos</v>
          </cell>
          <cell r="AR29" t="str">
            <v>019</v>
          </cell>
          <cell r="BT29" t="str">
            <v/>
          </cell>
          <cell r="BU29" t="str">
            <v/>
          </cell>
        </row>
        <row r="30">
          <cell r="V30" t="str">
            <v>Gestionar Riesgos</v>
          </cell>
          <cell r="W30" t="str">
            <v>019</v>
          </cell>
          <cell r="AJ30" t="str">
            <v>Formalizacion de credito CAF</v>
          </cell>
          <cell r="AK30" t="str">
            <v>019</v>
          </cell>
          <cell r="AQ30" t="str">
            <v>Gestion Integral de Riesgos</v>
          </cell>
          <cell r="AR30" t="str">
            <v>020</v>
          </cell>
          <cell r="BT30" t="str">
            <v/>
          </cell>
          <cell r="BU30" t="str">
            <v/>
          </cell>
        </row>
        <row r="31">
          <cell r="V31" t="str">
            <v>Gestionar Secretaria</v>
          </cell>
          <cell r="W31" t="str">
            <v>020</v>
          </cell>
          <cell r="AJ31" t="str">
            <v>Generar conocimientos especializados</v>
          </cell>
          <cell r="AK31" t="str">
            <v>020</v>
          </cell>
          <cell r="AQ31" t="str">
            <v xml:space="preserve">Excelencia Operacional - Logística e Infraestructura </v>
          </cell>
          <cell r="AR31" t="str">
            <v>021</v>
          </cell>
        </row>
        <row r="32">
          <cell r="V32" t="str">
            <v>Gestionar Soporte Juridico</v>
          </cell>
          <cell r="W32" t="str">
            <v>021</v>
          </cell>
          <cell r="AJ32" t="str">
            <v>Gestion de liquidez e intrumentos de cobertura</v>
          </cell>
          <cell r="AK32" t="str">
            <v>021</v>
          </cell>
          <cell r="AQ32" t="str">
            <v>Excelencia Operacional - Telecomunicaciones y Tecnología</v>
          </cell>
          <cell r="AR32" t="str">
            <v>022</v>
          </cell>
        </row>
        <row r="33">
          <cell r="V33" t="str">
            <v>Gestionar Talento Humano</v>
          </cell>
          <cell r="W33" t="str">
            <v>022</v>
          </cell>
          <cell r="AJ33" t="str">
            <v>Gestion de Riesgo Financiero y no Financiero</v>
          </cell>
          <cell r="AK33" t="str">
            <v>022</v>
          </cell>
          <cell r="AQ33" t="str">
            <v xml:space="preserve">Excelencia Operacional - Depreciación y Amortización </v>
          </cell>
          <cell r="AR33" t="str">
            <v>023</v>
          </cell>
        </row>
        <row r="34">
          <cell r="V34" t="str">
            <v>Gestionar TI</v>
          </cell>
          <cell r="W34" t="str">
            <v>023</v>
          </cell>
          <cell r="AJ34" t="str">
            <v>Gestion de Continuidad del Negocio y seguridad de la informacion</v>
          </cell>
          <cell r="AK34" t="str">
            <v>023</v>
          </cell>
          <cell r="AQ34" t="str">
            <v>Impacto a la perspectiva de Desarrollo e Integración</v>
          </cell>
          <cell r="AR34" t="str">
            <v>024</v>
          </cell>
        </row>
        <row r="35">
          <cell r="V35" t="str">
            <v>Participacion en Proyectos</v>
          </cell>
          <cell r="W35" t="str">
            <v>024</v>
          </cell>
          <cell r="AJ35" t="str">
            <v>Gestionar Arquitectura TI</v>
          </cell>
          <cell r="AK35" t="str">
            <v>024</v>
          </cell>
          <cell r="AQ35" t="str">
            <v/>
          </cell>
          <cell r="AR35" t="str">
            <v/>
          </cell>
        </row>
        <row r="36">
          <cell r="V36" t="str">
            <v/>
          </cell>
          <cell r="W36" t="str">
            <v/>
          </cell>
          <cell r="AJ36" t="str">
            <v>Captar y Gestionar Capital Humano</v>
          </cell>
          <cell r="AK36" t="str">
            <v>025</v>
          </cell>
          <cell r="AQ36" t="str">
            <v/>
          </cell>
          <cell r="AR36" t="str">
            <v/>
          </cell>
        </row>
        <row r="37">
          <cell r="V37" t="str">
            <v/>
          </cell>
          <cell r="W37" t="str">
            <v/>
          </cell>
          <cell r="AJ37" t="str">
            <v>Posicionamiento estratégico de CAF</v>
          </cell>
          <cell r="AK37" t="str">
            <v>026</v>
          </cell>
          <cell r="AQ37" t="str">
            <v/>
          </cell>
          <cell r="AR37" t="str">
            <v/>
          </cell>
        </row>
        <row r="38">
          <cell r="V38" t="str">
            <v/>
          </cell>
          <cell r="W38" t="str">
            <v/>
          </cell>
          <cell r="AJ38" t="str">
            <v>Gestionar Conocimiento Negocio y/o Cooperación Técnica</v>
          </cell>
          <cell r="AK38" t="str">
            <v>028</v>
          </cell>
          <cell r="AQ38" t="str">
            <v/>
          </cell>
          <cell r="AR38" t="str">
            <v/>
          </cell>
        </row>
        <row r="39">
          <cell r="V39" t="str">
            <v/>
          </cell>
          <cell r="W39" t="str">
            <v/>
          </cell>
          <cell r="AJ39" t="str">
            <v>Gestionar Contabilidad y Reportes Financieros</v>
          </cell>
          <cell r="AK39" t="str">
            <v>029</v>
          </cell>
          <cell r="AQ39" t="str">
            <v/>
          </cell>
          <cell r="AR39" t="str">
            <v/>
          </cell>
        </row>
        <row r="40">
          <cell r="V40" t="str">
            <v/>
          </cell>
          <cell r="W40" t="str">
            <v/>
          </cell>
          <cell r="AJ40" t="str">
            <v>Gestionar Cultura</v>
          </cell>
          <cell r="AK40" t="str">
            <v>030</v>
          </cell>
          <cell r="AQ40" t="str">
            <v/>
          </cell>
          <cell r="AR40" t="str">
            <v/>
          </cell>
        </row>
        <row r="41">
          <cell r="V41" t="str">
            <v/>
          </cell>
          <cell r="W41" t="str">
            <v/>
          </cell>
          <cell r="AJ41" t="str">
            <v>Gestionar Estrategia Pais</v>
          </cell>
          <cell r="AK41" t="str">
            <v>031</v>
          </cell>
          <cell r="AQ41" t="str">
            <v/>
          </cell>
          <cell r="AR41" t="str">
            <v/>
          </cell>
        </row>
        <row r="42">
          <cell r="V42" t="str">
            <v/>
          </cell>
          <cell r="W42" t="str">
            <v/>
          </cell>
          <cell r="AJ42" t="str">
            <v>Gestionar Logistica y Administración</v>
          </cell>
          <cell r="AK42" t="str">
            <v>032</v>
          </cell>
          <cell r="AQ42" t="str">
            <v/>
          </cell>
          <cell r="AR42" t="str">
            <v/>
          </cell>
        </row>
        <row r="43">
          <cell r="V43" t="str">
            <v/>
          </cell>
          <cell r="W43" t="str">
            <v/>
          </cell>
          <cell r="AJ43" t="str">
            <v>Gestionar Medios Corporativos</v>
          </cell>
          <cell r="AK43" t="str">
            <v>033</v>
          </cell>
          <cell r="AQ43" t="str">
            <v/>
          </cell>
          <cell r="AR43" t="str">
            <v/>
          </cell>
        </row>
        <row r="44">
          <cell r="V44" t="str">
            <v/>
          </cell>
          <cell r="W44" t="str">
            <v/>
          </cell>
          <cell r="AJ44" t="str">
            <v>Gestionar operacion y generar custodia</v>
          </cell>
          <cell r="AK44" t="str">
            <v>034</v>
          </cell>
          <cell r="AQ44" t="str">
            <v/>
          </cell>
          <cell r="AR44" t="str">
            <v/>
          </cell>
        </row>
        <row r="45">
          <cell r="V45" t="str">
            <v/>
          </cell>
          <cell r="W45" t="str">
            <v/>
          </cell>
          <cell r="AJ45" t="str">
            <v>Gestionar Planificacion Corporativa y Presupuesto</v>
          </cell>
          <cell r="AK45" t="str">
            <v>035</v>
          </cell>
          <cell r="AQ45" t="str">
            <v/>
          </cell>
          <cell r="AR45" t="str">
            <v/>
          </cell>
        </row>
        <row r="46">
          <cell r="V46" t="str">
            <v/>
          </cell>
          <cell r="W46" t="str">
            <v/>
          </cell>
          <cell r="AJ46" t="str">
            <v>Gestionar Procesos</v>
          </cell>
          <cell r="AK46" t="str">
            <v>036</v>
          </cell>
          <cell r="AQ46" t="str">
            <v/>
          </cell>
          <cell r="AR46" t="str">
            <v/>
          </cell>
        </row>
        <row r="47">
          <cell r="V47" t="str">
            <v/>
          </cell>
          <cell r="W47" t="str">
            <v/>
          </cell>
          <cell r="AJ47" t="str">
            <v>Gestionar Proyectos TI</v>
          </cell>
          <cell r="AK47" t="str">
            <v>037</v>
          </cell>
          <cell r="AQ47" t="str">
            <v/>
          </cell>
          <cell r="AR47" t="str">
            <v/>
          </cell>
        </row>
        <row r="48">
          <cell r="V48" t="str">
            <v/>
          </cell>
          <cell r="W48" t="str">
            <v/>
          </cell>
          <cell r="AJ48" t="str">
            <v>Gestionar Secretaria</v>
          </cell>
          <cell r="AK48" t="str">
            <v>038</v>
          </cell>
          <cell r="AQ48" t="str">
            <v/>
          </cell>
          <cell r="AR48" t="str">
            <v/>
          </cell>
        </row>
        <row r="49">
          <cell r="V49" t="str">
            <v/>
          </cell>
          <cell r="W49" t="str">
            <v/>
          </cell>
          <cell r="AJ49" t="str">
            <v>Gestionar Soporte Juridico</v>
          </cell>
          <cell r="AK49" t="str">
            <v>039</v>
          </cell>
          <cell r="AQ49" t="str">
            <v/>
          </cell>
          <cell r="AR49" t="str">
            <v/>
          </cell>
        </row>
        <row r="50">
          <cell r="V50" t="str">
            <v/>
          </cell>
          <cell r="W50" t="str">
            <v/>
          </cell>
          <cell r="AJ50" t="str">
            <v>Gestionar TI</v>
          </cell>
          <cell r="AK50" t="str">
            <v>040</v>
          </cell>
          <cell r="AQ50" t="str">
            <v/>
          </cell>
          <cell r="AR50" t="str">
            <v/>
          </cell>
        </row>
        <row r="51">
          <cell r="V51" t="str">
            <v/>
          </cell>
          <cell r="W51" t="str">
            <v/>
          </cell>
          <cell r="AJ51" t="str">
            <v>Originacion Cooperacion Tecnica</v>
          </cell>
          <cell r="AK51" t="str">
            <v>041</v>
          </cell>
          <cell r="AQ51" t="str">
            <v/>
          </cell>
          <cell r="AR51" t="str">
            <v/>
          </cell>
        </row>
        <row r="52">
          <cell r="V52" t="str">
            <v/>
          </cell>
          <cell r="W52" t="str">
            <v/>
          </cell>
          <cell r="AJ52" t="str">
            <v>Originacion de credito CAF</v>
          </cell>
          <cell r="AK52" t="str">
            <v>042</v>
          </cell>
          <cell r="AQ52" t="str">
            <v/>
          </cell>
          <cell r="AR52" t="str">
            <v/>
          </cell>
        </row>
        <row r="53">
          <cell r="V53" t="str">
            <v/>
          </cell>
          <cell r="W53" t="str">
            <v/>
          </cell>
          <cell r="AJ53" t="str">
            <v>Participacion en proyectos</v>
          </cell>
          <cell r="AK53" t="str">
            <v>043</v>
          </cell>
          <cell r="AQ53" t="str">
            <v/>
          </cell>
          <cell r="AR53" t="str">
            <v/>
          </cell>
        </row>
        <row r="54">
          <cell r="V54" t="str">
            <v/>
          </cell>
          <cell r="W54" t="str">
            <v/>
          </cell>
          <cell r="AJ54" t="str">
            <v>Prestacion de asesoria financiera</v>
          </cell>
          <cell r="AK54" t="str">
            <v>044</v>
          </cell>
          <cell r="AQ54" t="str">
            <v/>
          </cell>
          <cell r="AR54" t="str">
            <v/>
          </cell>
        </row>
        <row r="55">
          <cell r="V55" t="str">
            <v/>
          </cell>
          <cell r="W55" t="str">
            <v/>
          </cell>
          <cell r="AJ55" t="str">
            <v>Venta de cartera, prestamos sindicados y A/B</v>
          </cell>
          <cell r="AK55" t="str">
            <v>045</v>
          </cell>
          <cell r="AQ55" t="str">
            <v/>
          </cell>
          <cell r="AR55" t="str">
            <v/>
          </cell>
        </row>
        <row r="56">
          <cell r="V56" t="str">
            <v/>
          </cell>
          <cell r="W56" t="str">
            <v/>
          </cell>
          <cell r="AJ56" t="str">
            <v/>
          </cell>
          <cell r="AK56" t="str">
            <v/>
          </cell>
          <cell r="AQ56" t="str">
            <v/>
          </cell>
          <cell r="AR56" t="str">
            <v/>
          </cell>
        </row>
        <row r="57">
          <cell r="V57" t="str">
            <v/>
          </cell>
          <cell r="W57" t="str">
            <v/>
          </cell>
          <cell r="AJ57" t="str">
            <v/>
          </cell>
          <cell r="AK57" t="str">
            <v/>
          </cell>
          <cell r="AQ57" t="str">
            <v/>
          </cell>
          <cell r="AR57" t="str">
            <v/>
          </cell>
        </row>
        <row r="58">
          <cell r="V58" t="str">
            <v/>
          </cell>
          <cell r="W58" t="str">
            <v/>
          </cell>
          <cell r="AJ58" t="str">
            <v/>
          </cell>
          <cell r="AK58" t="str">
            <v/>
          </cell>
          <cell r="AQ58" t="str">
            <v/>
          </cell>
          <cell r="AR58" t="str">
            <v/>
          </cell>
        </row>
        <row r="59">
          <cell r="V59" t="str">
            <v/>
          </cell>
          <cell r="W59" t="str">
            <v/>
          </cell>
          <cell r="AJ59" t="str">
            <v/>
          </cell>
          <cell r="AK59" t="str">
            <v/>
          </cell>
          <cell r="AQ59" t="str">
            <v/>
          </cell>
          <cell r="AR59" t="str">
            <v/>
          </cell>
        </row>
        <row r="60">
          <cell r="V60" t="str">
            <v/>
          </cell>
          <cell r="W60" t="str">
            <v/>
          </cell>
          <cell r="AJ60" t="str">
            <v/>
          </cell>
          <cell r="AK60" t="str">
            <v/>
          </cell>
          <cell r="AQ60" t="str">
            <v/>
          </cell>
          <cell r="AR60" t="str">
            <v/>
          </cell>
        </row>
        <row r="61">
          <cell r="AJ61" t="str">
            <v/>
          </cell>
          <cell r="AK61" t="str">
            <v/>
          </cell>
        </row>
        <row r="62">
          <cell r="AJ62" t="str">
            <v/>
          </cell>
          <cell r="AK62" t="str">
            <v/>
          </cell>
        </row>
        <row r="63">
          <cell r="AJ63" t="str">
            <v/>
          </cell>
          <cell r="AK63" t="str">
            <v/>
          </cell>
        </row>
        <row r="64">
          <cell r="AJ64" t="str">
            <v/>
          </cell>
          <cell r="AK64" t="str">
            <v/>
          </cell>
        </row>
        <row r="65">
          <cell r="AJ65" t="str">
            <v/>
          </cell>
          <cell r="AK65" t="str">
            <v/>
          </cell>
        </row>
        <row r="66">
          <cell r="AJ66" t="str">
            <v/>
          </cell>
          <cell r="AK66" t="str">
            <v/>
          </cell>
        </row>
        <row r="67">
          <cell r="AJ67" t="str">
            <v/>
          </cell>
          <cell r="AK67" t="str">
            <v/>
          </cell>
        </row>
        <row r="68">
          <cell r="AJ68" t="str">
            <v/>
          </cell>
          <cell r="AK68" t="str">
            <v/>
          </cell>
        </row>
        <row r="69">
          <cell r="AJ69" t="str">
            <v/>
          </cell>
          <cell r="AK69" t="str">
            <v/>
          </cell>
        </row>
        <row r="70">
          <cell r="AJ70" t="str">
            <v/>
          </cell>
          <cell r="AK70" t="str">
            <v/>
          </cell>
        </row>
        <row r="71">
          <cell r="AJ71" t="str">
            <v/>
          </cell>
          <cell r="AK71" t="str">
            <v/>
          </cell>
        </row>
        <row r="72">
          <cell r="AJ72" t="str">
            <v/>
          </cell>
          <cell r="AK72" t="str">
            <v/>
          </cell>
        </row>
        <row r="73">
          <cell r="AJ73" t="str">
            <v/>
          </cell>
          <cell r="AK73" t="str">
            <v/>
          </cell>
        </row>
        <row r="74">
          <cell r="AJ74" t="str">
            <v/>
          </cell>
          <cell r="AK74" t="str">
            <v/>
          </cell>
        </row>
        <row r="75">
          <cell r="AJ75" t="str">
            <v/>
          </cell>
          <cell r="AK75" t="str">
            <v/>
          </cell>
        </row>
        <row r="76">
          <cell r="AJ76" t="str">
            <v/>
          </cell>
          <cell r="AK76" t="str">
            <v/>
          </cell>
        </row>
        <row r="77">
          <cell r="AJ77" t="str">
            <v/>
          </cell>
          <cell r="AK77" t="str">
            <v/>
          </cell>
        </row>
        <row r="78">
          <cell r="AJ78" t="str">
            <v/>
          </cell>
          <cell r="AK78" t="str">
            <v/>
          </cell>
        </row>
        <row r="79">
          <cell r="AJ79" t="str">
            <v/>
          </cell>
          <cell r="AK79" t="str">
            <v/>
          </cell>
        </row>
        <row r="80">
          <cell r="AJ80" t="str">
            <v/>
          </cell>
          <cell r="AK80" t="str">
            <v/>
          </cell>
        </row>
        <row r="81">
          <cell r="AJ81" t="str">
            <v/>
          </cell>
          <cell r="AK81" t="str">
            <v/>
          </cell>
        </row>
        <row r="82">
          <cell r="AJ82" t="str">
            <v/>
          </cell>
          <cell r="AK82" t="str">
            <v/>
          </cell>
        </row>
        <row r="83">
          <cell r="AJ83" t="str">
            <v/>
          </cell>
          <cell r="AK83" t="str">
            <v/>
          </cell>
        </row>
        <row r="84">
          <cell r="AJ84" t="str">
            <v/>
          </cell>
          <cell r="AK84" t="str">
            <v/>
          </cell>
        </row>
        <row r="85">
          <cell r="AJ85" t="str">
            <v/>
          </cell>
          <cell r="AK85" t="str">
            <v/>
          </cell>
        </row>
        <row r="86">
          <cell r="AJ86" t="str">
            <v/>
          </cell>
          <cell r="AK86" t="str">
            <v/>
          </cell>
        </row>
        <row r="87">
          <cell r="AJ87" t="str">
            <v/>
          </cell>
          <cell r="AK87" t="str">
            <v/>
          </cell>
        </row>
        <row r="88">
          <cell r="AJ88" t="str">
            <v/>
          </cell>
          <cell r="AK88" t="str">
            <v/>
          </cell>
        </row>
        <row r="89">
          <cell r="AJ89" t="str">
            <v/>
          </cell>
          <cell r="AK89" t="str">
            <v/>
          </cell>
        </row>
        <row r="90">
          <cell r="AJ90" t="str">
            <v/>
          </cell>
          <cell r="AK90" t="str">
            <v/>
          </cell>
        </row>
        <row r="91">
          <cell r="AJ91" t="str">
            <v/>
          </cell>
          <cell r="AK91" t="str">
            <v/>
          </cell>
        </row>
        <row r="92">
          <cell r="AJ92" t="str">
            <v/>
          </cell>
          <cell r="AK92" t="str">
            <v/>
          </cell>
        </row>
        <row r="93">
          <cell r="AJ93" t="str">
            <v/>
          </cell>
          <cell r="AK93" t="str">
            <v/>
          </cell>
        </row>
        <row r="94">
          <cell r="AJ94" t="str">
            <v/>
          </cell>
          <cell r="AK94" t="str">
            <v/>
          </cell>
        </row>
        <row r="95">
          <cell r="AJ95" t="str">
            <v/>
          </cell>
          <cell r="AK95" t="str">
            <v/>
          </cell>
        </row>
        <row r="96">
          <cell r="AJ96" t="str">
            <v/>
          </cell>
          <cell r="AK96" t="str">
            <v/>
          </cell>
        </row>
        <row r="97">
          <cell r="AJ97" t="str">
            <v/>
          </cell>
          <cell r="AK97" t="str">
            <v/>
          </cell>
        </row>
        <row r="98">
          <cell r="AJ98" t="str">
            <v/>
          </cell>
          <cell r="AK98" t="str">
            <v/>
          </cell>
        </row>
        <row r="99">
          <cell r="AJ99" t="str">
            <v/>
          </cell>
          <cell r="AK99" t="str">
            <v/>
          </cell>
        </row>
        <row r="100">
          <cell r="AJ100" t="str">
            <v/>
          </cell>
          <cell r="AK100" t="str">
            <v/>
          </cell>
        </row>
        <row r="101">
          <cell r="AJ101" t="str">
            <v/>
          </cell>
          <cell r="AK101" t="str">
            <v/>
          </cell>
        </row>
        <row r="102">
          <cell r="AJ102" t="str">
            <v/>
          </cell>
          <cell r="AK102" t="str">
            <v/>
          </cell>
        </row>
        <row r="103">
          <cell r="AJ103" t="str">
            <v/>
          </cell>
          <cell r="AK103" t="str">
            <v/>
          </cell>
        </row>
        <row r="104">
          <cell r="AJ104" t="str">
            <v/>
          </cell>
          <cell r="AK104" t="str">
            <v/>
          </cell>
        </row>
        <row r="105">
          <cell r="AJ105" t="str">
            <v/>
          </cell>
          <cell r="AK105" t="str">
            <v/>
          </cell>
        </row>
        <row r="106">
          <cell r="AJ106" t="str">
            <v/>
          </cell>
          <cell r="AK106" t="str">
            <v/>
          </cell>
        </row>
        <row r="107">
          <cell r="AJ107" t="str">
            <v/>
          </cell>
          <cell r="AK107" t="str">
            <v/>
          </cell>
        </row>
        <row r="108">
          <cell r="AJ108" t="str">
            <v/>
          </cell>
          <cell r="AK108" t="str">
            <v/>
          </cell>
        </row>
        <row r="109">
          <cell r="AJ109" t="str">
            <v/>
          </cell>
          <cell r="AK109" t="str">
            <v/>
          </cell>
        </row>
        <row r="110">
          <cell r="AJ110" t="str">
            <v/>
          </cell>
          <cell r="AK110" t="str">
            <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Monthly"/>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gypt"/>
      <sheetName val="Iran"/>
      <sheetName val="Nigeria"/>
      <sheetName val="Pakistan"/>
      <sheetName val="Poland"/>
      <sheetName val="Russia"/>
      <sheetName val="South Africa"/>
      <sheetName val="Thailand"/>
      <sheetName val="Turkey"/>
      <sheetName val="Vietnam"/>
      <sheetName val="Argebtina"/>
      <sheetName val="Brazil"/>
      <sheetName val="China"/>
      <sheetName val="Colombia"/>
      <sheetName val="India"/>
      <sheetName val="Indonesia"/>
      <sheetName val="Korea"/>
      <sheetName val="Malaysia"/>
      <sheetName val="Mexico"/>
      <sheetName val="Peru"/>
      <sheetName val="Philippines"/>
      <sheetName val="Taiwan"/>
      <sheetName val="Canada"/>
      <sheetName val="France"/>
      <sheetName val="Germany"/>
      <sheetName val="Italy"/>
      <sheetName val="Japan"/>
      <sheetName val="UK"/>
      <sheetName val="US"/>
      <sheetName val="Austria"/>
      <sheetName val="Belgium"/>
      <sheetName val="Denmark"/>
      <sheetName val="Finland"/>
      <sheetName val="Greece"/>
      <sheetName val="Ireland"/>
      <sheetName val="Luxembour"/>
      <sheetName val="Netherlands"/>
      <sheetName val="Portugal"/>
      <sheetName val="Spain"/>
      <sheetName val="Swe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 1"/>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ppt"/>
      <sheetName val="G1 (Unem)"/>
      <sheetName val="G1"/>
      <sheetName val="G5"/>
      <sheetName val="G8"/>
    </sheetNames>
    <sheetDataSet>
      <sheetData sheetId="0">
        <row r="1">
          <cell r="D1" t="str">
            <v>200801 *M</v>
          </cell>
          <cell r="E1" t="str">
            <v>LR@USECON</v>
          </cell>
        </row>
      </sheetData>
      <sheetData sheetId="1"/>
      <sheetData sheetId="2"/>
      <sheetData sheetId="3"/>
      <sheetData sheetId="4"/>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IC Data"/>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ustomProperty" Target="../customProperty5.bin"/><Relationship Id="rId13" Type="http://schemas.openxmlformats.org/officeDocument/2006/relationships/customProperty" Target="../customProperty10.bin"/><Relationship Id="rId18" Type="http://schemas.openxmlformats.org/officeDocument/2006/relationships/customProperty" Target="../customProperty15.bin"/><Relationship Id="rId3" Type="http://schemas.openxmlformats.org/officeDocument/2006/relationships/printerSettings" Target="../printerSettings/printerSettings1.bin"/><Relationship Id="rId7" Type="http://schemas.openxmlformats.org/officeDocument/2006/relationships/customProperty" Target="../customProperty4.bin"/><Relationship Id="rId12" Type="http://schemas.openxmlformats.org/officeDocument/2006/relationships/customProperty" Target="../customProperty9.bin"/><Relationship Id="rId17" Type="http://schemas.openxmlformats.org/officeDocument/2006/relationships/customProperty" Target="../customProperty14.bin"/><Relationship Id="rId2" Type="http://schemas.openxmlformats.org/officeDocument/2006/relationships/hyperlink" Target="http://oe.cd/disclaimer" TargetMode="External"/><Relationship Id="rId16" Type="http://schemas.openxmlformats.org/officeDocument/2006/relationships/customProperty" Target="../customProperty13.bin"/><Relationship Id="rId1" Type="http://schemas.openxmlformats.org/officeDocument/2006/relationships/hyperlink" Target="https://doi.org/10.1787/e6e864fb-en" TargetMode="External"/><Relationship Id="rId6" Type="http://schemas.openxmlformats.org/officeDocument/2006/relationships/customProperty" Target="../customProperty3.bin"/><Relationship Id="rId11" Type="http://schemas.openxmlformats.org/officeDocument/2006/relationships/customProperty" Target="../customProperty8.bin"/><Relationship Id="rId5" Type="http://schemas.openxmlformats.org/officeDocument/2006/relationships/customProperty" Target="../customProperty2.bin"/><Relationship Id="rId15" Type="http://schemas.openxmlformats.org/officeDocument/2006/relationships/customProperty" Target="../customProperty12.bin"/><Relationship Id="rId10" Type="http://schemas.openxmlformats.org/officeDocument/2006/relationships/customProperty" Target="../customProperty7.bin"/><Relationship Id="rId19" Type="http://schemas.openxmlformats.org/officeDocument/2006/relationships/drawing" Target="../drawings/drawing1.xml"/><Relationship Id="rId4" Type="http://schemas.openxmlformats.org/officeDocument/2006/relationships/customProperty" Target="../customProperty1.bin"/><Relationship Id="rId9" Type="http://schemas.openxmlformats.org/officeDocument/2006/relationships/customProperty" Target="../customProperty6.bin"/><Relationship Id="rId14" Type="http://schemas.openxmlformats.org/officeDocument/2006/relationships/customProperty" Target="../customProperty1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79"/>
  <sheetViews>
    <sheetView tabSelected="1" zoomScale="120" zoomScaleNormal="120" workbookViewId="0"/>
  </sheetViews>
  <sheetFormatPr defaultColWidth="11.453125" defaultRowHeight="14.5" x14ac:dyDescent="0.35"/>
  <cols>
    <col min="5" max="5" width="19.26953125" bestFit="1" customWidth="1"/>
  </cols>
  <sheetData>
    <row r="1" spans="1:30" s="13" customFormat="1" x14ac:dyDescent="0.35">
      <c r="A1" s="14" t="s">
        <v>23</v>
      </c>
    </row>
    <row r="2" spans="1:30" s="13" customFormat="1" ht="12.5" x14ac:dyDescent="0.25">
      <c r="A2" s="13" t="s">
        <v>24</v>
      </c>
      <c r="B2" s="13" t="s">
        <v>25</v>
      </c>
    </row>
    <row r="3" spans="1:30" s="13" customFormat="1" ht="12.5" x14ac:dyDescent="0.25">
      <c r="A3" s="13" t="s">
        <v>26</v>
      </c>
    </row>
    <row r="4" spans="1:30" s="13" customFormat="1" x14ac:dyDescent="0.35">
      <c r="A4" s="14" t="s">
        <v>27</v>
      </c>
    </row>
    <row r="5" spans="1:30" s="13" customFormat="1" ht="12.5" x14ac:dyDescent="0.25"/>
    <row r="6" spans="1:30" x14ac:dyDescent="0.35">
      <c r="A6" t="s">
        <v>0</v>
      </c>
    </row>
    <row r="7" spans="1:30" x14ac:dyDescent="0.35">
      <c r="A7" s="11"/>
      <c r="B7" s="11"/>
      <c r="C7" s="11"/>
      <c r="D7" s="11"/>
      <c r="E7" s="11"/>
      <c r="F7" s="11"/>
      <c r="G7" s="11"/>
      <c r="H7" s="11"/>
      <c r="P7" s="2"/>
      <c r="Q7" s="2"/>
      <c r="R7" s="2"/>
      <c r="S7" s="2"/>
      <c r="T7" s="2"/>
      <c r="U7" s="2"/>
      <c r="V7" s="2"/>
    </row>
    <row r="8" spans="1:30" x14ac:dyDescent="0.35">
      <c r="A8" s="11"/>
      <c r="B8" s="11"/>
      <c r="C8" s="11"/>
      <c r="D8" s="11"/>
      <c r="E8" s="11"/>
      <c r="F8" s="11"/>
      <c r="G8" s="11"/>
      <c r="H8" s="11"/>
      <c r="I8" s="1"/>
      <c r="J8" s="1"/>
      <c r="K8" s="1"/>
      <c r="L8" s="1"/>
      <c r="P8" s="2"/>
      <c r="Q8" s="2"/>
      <c r="R8" s="2"/>
      <c r="S8" s="2"/>
      <c r="T8" s="2"/>
      <c r="U8" s="2"/>
      <c r="V8" s="2"/>
    </row>
    <row r="9" spans="1:30" x14ac:dyDescent="0.35">
      <c r="A9" s="11"/>
      <c r="B9" s="11"/>
      <c r="C9" s="11"/>
      <c r="D9" s="11"/>
      <c r="E9" s="11"/>
      <c r="F9" s="11"/>
      <c r="G9" s="11"/>
      <c r="H9" s="11"/>
      <c r="I9" s="1"/>
      <c r="J9" s="1"/>
      <c r="K9" s="1"/>
      <c r="L9" s="1"/>
      <c r="M9" s="1"/>
      <c r="N9" s="1"/>
      <c r="P9" s="3"/>
      <c r="Q9" s="3"/>
      <c r="R9" s="3"/>
      <c r="S9" s="3"/>
      <c r="T9" s="3"/>
      <c r="U9" s="3"/>
      <c r="V9" s="3"/>
      <c r="Y9" s="4"/>
      <c r="Z9" s="4"/>
      <c r="AA9" s="4"/>
      <c r="AB9" s="4"/>
      <c r="AC9" s="4"/>
      <c r="AD9" s="4"/>
    </row>
    <row r="10" spans="1:30" x14ac:dyDescent="0.35">
      <c r="A10" s="11"/>
      <c r="B10" s="11"/>
      <c r="C10" s="11"/>
      <c r="D10" s="11"/>
      <c r="E10" s="11"/>
      <c r="F10" s="11"/>
      <c r="G10" s="11"/>
      <c r="H10" s="11"/>
      <c r="I10" s="1"/>
      <c r="J10" s="1"/>
      <c r="K10" s="1"/>
      <c r="L10" s="1"/>
      <c r="M10" s="1"/>
      <c r="N10" s="1"/>
      <c r="P10" s="3"/>
      <c r="Q10" s="3"/>
      <c r="R10" s="3"/>
      <c r="S10" s="3"/>
      <c r="T10" s="3"/>
      <c r="U10" s="3"/>
      <c r="V10" s="3"/>
      <c r="Y10" s="4"/>
      <c r="Z10" s="4"/>
      <c r="AA10" s="4"/>
      <c r="AB10" s="4"/>
      <c r="AC10" s="4"/>
      <c r="AD10" s="4"/>
    </row>
    <row r="11" spans="1:30" x14ac:dyDescent="0.35">
      <c r="A11" s="11"/>
      <c r="B11" s="11"/>
      <c r="C11" s="11"/>
      <c r="D11" s="11"/>
      <c r="E11" s="11"/>
      <c r="F11" s="11"/>
      <c r="G11" s="11"/>
      <c r="H11" s="11"/>
      <c r="I11" s="1"/>
      <c r="J11" s="1"/>
      <c r="K11" s="1"/>
      <c r="L11" s="1"/>
      <c r="M11" s="1"/>
      <c r="N11" s="1"/>
      <c r="P11" s="5"/>
      <c r="Q11" s="3"/>
      <c r="R11" s="3"/>
      <c r="S11" s="3"/>
      <c r="T11" s="3"/>
      <c r="U11" s="3"/>
      <c r="V11" s="3"/>
    </row>
    <row r="12" spans="1:30" x14ac:dyDescent="0.35">
      <c r="A12" s="11"/>
      <c r="B12" s="11"/>
      <c r="C12" s="11"/>
      <c r="D12" s="11"/>
      <c r="E12" s="11"/>
      <c r="F12" s="11"/>
      <c r="G12" s="11"/>
      <c r="H12" s="11"/>
      <c r="I12" s="1"/>
      <c r="J12" s="1"/>
      <c r="K12" s="1"/>
      <c r="L12" s="1"/>
      <c r="M12" s="1"/>
      <c r="N12" s="1"/>
      <c r="P12" s="5"/>
      <c r="Q12" s="3"/>
      <c r="R12" s="3"/>
      <c r="S12" s="3"/>
      <c r="T12" s="3"/>
      <c r="U12" s="3"/>
      <c r="V12" s="3"/>
    </row>
    <row r="13" spans="1:30" x14ac:dyDescent="0.35">
      <c r="A13" s="11"/>
      <c r="B13" s="11"/>
      <c r="C13" s="11"/>
      <c r="D13" s="11"/>
      <c r="E13" s="11"/>
      <c r="F13" s="11"/>
      <c r="G13" s="11"/>
      <c r="H13" s="11"/>
      <c r="I13" s="1"/>
      <c r="J13" s="1"/>
      <c r="K13" s="1"/>
      <c r="L13" s="1"/>
      <c r="M13" s="1"/>
      <c r="N13" s="1"/>
      <c r="P13" s="5"/>
      <c r="Q13" s="3"/>
      <c r="R13" s="3"/>
      <c r="S13" s="3"/>
      <c r="T13" s="3"/>
      <c r="U13" s="3"/>
      <c r="V13" s="3"/>
    </row>
    <row r="14" spans="1:30" x14ac:dyDescent="0.35">
      <c r="A14" s="11"/>
      <c r="B14" s="11"/>
      <c r="C14" s="11"/>
      <c r="D14" s="11"/>
      <c r="E14" s="11"/>
      <c r="F14" s="11"/>
      <c r="G14" s="11"/>
      <c r="H14" s="11"/>
      <c r="I14" s="1"/>
      <c r="J14" s="1"/>
      <c r="K14" s="1"/>
      <c r="L14" s="1"/>
      <c r="M14" s="1"/>
      <c r="N14" s="1"/>
      <c r="P14" s="5"/>
      <c r="Q14" s="3"/>
      <c r="R14" s="3"/>
      <c r="S14" s="3"/>
      <c r="T14" s="3"/>
      <c r="U14" s="3"/>
      <c r="V14" s="3"/>
    </row>
    <row r="15" spans="1:30" x14ac:dyDescent="0.35">
      <c r="A15" s="11"/>
      <c r="B15" s="11"/>
      <c r="C15" s="11"/>
      <c r="D15" s="11"/>
      <c r="E15" s="11"/>
      <c r="F15" s="11"/>
      <c r="G15" s="11"/>
      <c r="H15" s="11"/>
      <c r="I15" s="1"/>
      <c r="J15" s="1"/>
      <c r="K15" s="1"/>
      <c r="L15" s="1"/>
      <c r="M15" s="1"/>
      <c r="N15" s="1"/>
      <c r="P15" s="5"/>
      <c r="Q15" s="3"/>
      <c r="R15" s="3"/>
      <c r="S15" s="3"/>
      <c r="T15" s="3"/>
      <c r="U15" s="3"/>
      <c r="V15" s="3"/>
      <c r="Y15" s="6"/>
      <c r="Z15" s="6"/>
    </row>
    <row r="16" spans="1:30" x14ac:dyDescent="0.35">
      <c r="A16" s="11"/>
      <c r="B16" s="11"/>
      <c r="C16" s="11"/>
      <c r="D16" s="11"/>
      <c r="E16" s="11"/>
      <c r="F16" s="11"/>
      <c r="G16" s="11"/>
      <c r="H16" s="11"/>
      <c r="I16" s="1"/>
      <c r="J16" s="1"/>
      <c r="K16" s="1"/>
      <c r="L16" s="1"/>
      <c r="M16" s="1"/>
      <c r="N16" s="1"/>
      <c r="P16" s="5"/>
      <c r="Q16" s="3"/>
      <c r="R16" s="3"/>
      <c r="S16" s="3"/>
      <c r="T16" s="3"/>
      <c r="U16" s="3"/>
      <c r="V16" s="3"/>
      <c r="Y16" s="6"/>
      <c r="Z16" s="6"/>
    </row>
    <row r="17" spans="1:26" x14ac:dyDescent="0.35">
      <c r="A17" s="11"/>
      <c r="B17" s="11"/>
      <c r="C17" s="11"/>
      <c r="D17" s="11"/>
      <c r="E17" s="11"/>
      <c r="F17" s="11"/>
      <c r="G17" s="11"/>
      <c r="H17" s="11"/>
      <c r="I17" s="1"/>
      <c r="J17" s="1"/>
      <c r="K17" s="1"/>
      <c r="L17" s="1"/>
      <c r="M17" s="1"/>
      <c r="N17" s="1"/>
      <c r="P17" s="5"/>
      <c r="Q17" s="3"/>
      <c r="R17" s="3"/>
      <c r="S17" s="3"/>
      <c r="T17" s="3"/>
      <c r="U17" s="3"/>
      <c r="V17" s="3"/>
      <c r="Y17" s="6"/>
      <c r="Z17" s="6"/>
    </row>
    <row r="18" spans="1:26" x14ac:dyDescent="0.35">
      <c r="A18" s="11"/>
      <c r="B18" s="11"/>
      <c r="C18" s="11"/>
      <c r="D18" s="11"/>
      <c r="E18" s="11"/>
      <c r="F18" s="11"/>
      <c r="G18" s="11"/>
      <c r="H18" s="11"/>
      <c r="I18" s="1"/>
      <c r="J18" s="1"/>
      <c r="K18" s="1"/>
      <c r="L18" s="1"/>
      <c r="M18" s="1"/>
      <c r="N18" s="1"/>
      <c r="P18" s="5"/>
      <c r="Q18" s="3"/>
      <c r="R18" s="3"/>
      <c r="S18" s="3"/>
      <c r="T18" s="3"/>
      <c r="U18" s="3"/>
      <c r="V18" s="3"/>
      <c r="Y18" s="6"/>
      <c r="Z18" s="6"/>
    </row>
    <row r="19" spans="1:26" x14ac:dyDescent="0.35">
      <c r="A19" s="11"/>
      <c r="B19" s="11"/>
      <c r="C19" s="11"/>
      <c r="D19" s="11"/>
      <c r="E19" s="11"/>
      <c r="F19" s="11"/>
      <c r="G19" s="11"/>
      <c r="H19" s="11"/>
      <c r="I19" s="1"/>
      <c r="J19" s="1"/>
      <c r="K19" s="1"/>
      <c r="L19" s="1"/>
      <c r="M19" s="1"/>
      <c r="N19" s="1"/>
      <c r="P19" s="5"/>
      <c r="Q19" s="3"/>
      <c r="R19" s="3"/>
      <c r="S19" s="3"/>
      <c r="T19" s="3"/>
      <c r="U19" s="3"/>
      <c r="V19" s="3"/>
      <c r="Y19" s="6"/>
      <c r="Z19" s="6"/>
    </row>
    <row r="20" spans="1:26" x14ac:dyDescent="0.35">
      <c r="A20" s="11"/>
      <c r="B20" s="11"/>
      <c r="C20" s="11"/>
      <c r="D20" s="11"/>
      <c r="E20" s="11"/>
      <c r="F20" s="11"/>
      <c r="G20" s="11"/>
      <c r="H20" s="11"/>
      <c r="I20" s="1"/>
      <c r="J20" s="1"/>
      <c r="K20" s="1"/>
      <c r="L20" s="1"/>
      <c r="M20" s="1"/>
      <c r="N20" s="1"/>
      <c r="P20" s="5"/>
      <c r="Q20" s="3"/>
      <c r="R20" s="3"/>
      <c r="S20" s="3"/>
      <c r="T20" s="3"/>
      <c r="U20" s="3"/>
      <c r="V20" s="3"/>
      <c r="Y20" s="6"/>
      <c r="Z20" s="6"/>
    </row>
    <row r="21" spans="1:26" x14ac:dyDescent="0.35">
      <c r="A21" s="11"/>
      <c r="B21" s="11"/>
      <c r="C21" s="11"/>
      <c r="D21" s="11"/>
      <c r="E21" s="11"/>
      <c r="F21" s="11"/>
      <c r="G21" s="11"/>
      <c r="H21" s="11"/>
      <c r="I21" s="1"/>
      <c r="J21" s="1"/>
      <c r="K21" s="1"/>
      <c r="L21" s="1"/>
      <c r="M21" s="1"/>
      <c r="N21" s="1"/>
      <c r="P21" s="5"/>
      <c r="Q21" s="3"/>
      <c r="R21" s="3"/>
      <c r="S21" s="3"/>
      <c r="T21" s="3"/>
      <c r="U21" s="3"/>
      <c r="V21" s="3"/>
    </row>
    <row r="22" spans="1:26" x14ac:dyDescent="0.35">
      <c r="A22" s="11"/>
      <c r="B22" s="11"/>
      <c r="C22" s="11"/>
      <c r="D22" s="11"/>
      <c r="E22" s="11"/>
      <c r="F22" s="11"/>
      <c r="G22" s="11"/>
      <c r="H22" s="11"/>
      <c r="I22" s="1"/>
      <c r="J22" s="1"/>
      <c r="K22" s="1"/>
      <c r="L22" s="1"/>
      <c r="M22" s="1"/>
      <c r="N22" s="1"/>
      <c r="P22" s="5"/>
      <c r="Q22" s="3"/>
      <c r="R22" s="3"/>
      <c r="S22" s="3"/>
      <c r="T22" s="3"/>
      <c r="U22" s="3"/>
      <c r="V22" s="3"/>
    </row>
    <row r="23" spans="1:26" x14ac:dyDescent="0.35">
      <c r="A23" s="11"/>
      <c r="B23" s="11"/>
      <c r="C23" s="11"/>
      <c r="D23" s="11"/>
      <c r="E23" s="11"/>
      <c r="F23" s="11"/>
      <c r="G23" s="11"/>
      <c r="H23" s="11"/>
      <c r="I23" s="1"/>
      <c r="J23" s="1"/>
      <c r="K23" s="1"/>
      <c r="L23" s="1"/>
      <c r="M23" s="1"/>
      <c r="N23" s="1"/>
      <c r="P23" s="5"/>
      <c r="Q23" s="3"/>
      <c r="R23" s="3"/>
      <c r="S23" s="3"/>
      <c r="T23" s="3"/>
      <c r="U23" s="3"/>
      <c r="V23" s="3"/>
    </row>
    <row r="24" spans="1:26" x14ac:dyDescent="0.35">
      <c r="A24" s="11"/>
      <c r="B24" s="11"/>
      <c r="C24" s="11"/>
      <c r="D24" s="11"/>
      <c r="E24" s="11"/>
      <c r="F24" s="11"/>
      <c r="G24" s="11"/>
      <c r="H24" s="11"/>
      <c r="I24" s="1"/>
      <c r="J24" s="1"/>
      <c r="K24" s="1"/>
      <c r="L24" s="1"/>
      <c r="M24" s="1"/>
      <c r="N24" s="1"/>
      <c r="P24" s="5"/>
      <c r="Q24" s="3"/>
      <c r="R24" s="3"/>
      <c r="S24" s="3"/>
      <c r="T24" s="3"/>
      <c r="U24" s="3"/>
      <c r="V24" s="3"/>
    </row>
    <row r="25" spans="1:26" x14ac:dyDescent="0.35">
      <c r="A25" s="11"/>
      <c r="B25" s="11"/>
      <c r="C25" s="11"/>
      <c r="D25" s="11"/>
      <c r="E25" s="11"/>
      <c r="F25" s="11"/>
      <c r="G25" s="11"/>
      <c r="H25" s="11"/>
      <c r="I25" s="1"/>
      <c r="J25" s="1"/>
      <c r="K25" s="1"/>
      <c r="L25" s="1"/>
      <c r="M25" s="1"/>
      <c r="N25" s="1"/>
      <c r="P25" s="5"/>
      <c r="Q25" s="3"/>
      <c r="R25" s="3"/>
      <c r="S25" s="3"/>
      <c r="T25" s="3"/>
      <c r="U25" s="3"/>
      <c r="V25" s="3"/>
    </row>
    <row r="26" spans="1:26" x14ac:dyDescent="0.35">
      <c r="A26" s="11"/>
      <c r="B26" s="11"/>
      <c r="C26" s="11"/>
      <c r="D26" s="11"/>
      <c r="E26" s="11"/>
      <c r="F26" s="11"/>
      <c r="G26" s="11"/>
      <c r="H26" s="11"/>
      <c r="I26" s="1"/>
      <c r="J26" s="1"/>
      <c r="K26" s="1"/>
      <c r="L26" s="1"/>
      <c r="M26" s="1"/>
      <c r="N26" s="1"/>
      <c r="P26" s="5"/>
      <c r="Q26" s="3"/>
      <c r="R26" s="3"/>
      <c r="S26" s="3"/>
      <c r="T26" s="3"/>
      <c r="U26" s="3"/>
      <c r="V26" s="3"/>
    </row>
    <row r="27" spans="1:26" x14ac:dyDescent="0.35">
      <c r="A27" s="11"/>
      <c r="B27" s="11"/>
      <c r="C27" s="11"/>
      <c r="D27" s="11"/>
      <c r="E27" s="11"/>
      <c r="F27" s="11"/>
      <c r="G27" s="11"/>
      <c r="H27" s="11"/>
      <c r="I27" s="1"/>
      <c r="J27" s="1"/>
      <c r="K27" s="1"/>
      <c r="L27" s="1"/>
      <c r="M27" s="1"/>
      <c r="N27" s="1"/>
      <c r="P27" s="5"/>
      <c r="Q27" s="3"/>
      <c r="R27" s="3"/>
      <c r="S27" s="3"/>
      <c r="T27" s="3"/>
      <c r="U27" s="3"/>
      <c r="V27" s="3"/>
    </row>
    <row r="28" spans="1:26" x14ac:dyDescent="0.35">
      <c r="A28" s="11"/>
      <c r="B28" s="11"/>
      <c r="C28" s="11"/>
      <c r="D28" s="11"/>
      <c r="E28" s="11"/>
      <c r="F28" s="11"/>
      <c r="G28" s="11"/>
      <c r="H28" s="11"/>
      <c r="I28" s="1"/>
      <c r="J28" s="1"/>
      <c r="K28" s="1"/>
      <c r="L28" s="1"/>
      <c r="M28" s="1"/>
      <c r="N28" s="1"/>
      <c r="P28" s="5"/>
      <c r="Q28" s="3"/>
      <c r="R28" s="3"/>
      <c r="S28" s="3"/>
      <c r="T28" s="3"/>
      <c r="U28" s="3"/>
      <c r="V28" s="3"/>
    </row>
    <row r="29" spans="1:26" ht="15.5" x14ac:dyDescent="0.35">
      <c r="A29" s="11"/>
      <c r="B29" s="11"/>
      <c r="C29" s="12"/>
      <c r="D29" s="11"/>
      <c r="E29" s="11"/>
      <c r="F29" s="11"/>
      <c r="G29" s="11"/>
      <c r="H29" s="11"/>
      <c r="I29" s="1"/>
      <c r="J29" s="1"/>
      <c r="K29" s="1"/>
      <c r="L29" s="1"/>
      <c r="M29" s="1"/>
      <c r="N29" s="1"/>
      <c r="P29" s="5"/>
      <c r="Q29" s="3"/>
      <c r="R29" s="3"/>
      <c r="S29" s="3"/>
      <c r="T29" s="3"/>
      <c r="U29" s="3"/>
      <c r="V29" s="3"/>
    </row>
    <row r="30" spans="1:26" x14ac:dyDescent="0.35">
      <c r="A30" s="11"/>
      <c r="B30" s="11"/>
      <c r="C30" s="11"/>
      <c r="D30" s="11"/>
      <c r="E30" s="11"/>
      <c r="F30" s="11"/>
      <c r="G30" s="11"/>
      <c r="H30" s="11"/>
      <c r="I30" s="1"/>
      <c r="J30" s="1"/>
      <c r="K30" s="1"/>
      <c r="L30" s="1"/>
      <c r="M30" s="1"/>
      <c r="N30" s="1"/>
      <c r="P30" s="5"/>
      <c r="Q30" s="3"/>
      <c r="R30" s="3"/>
      <c r="S30" s="3"/>
      <c r="T30" s="3"/>
      <c r="U30" s="3"/>
      <c r="V30" s="3"/>
    </row>
    <row r="31" spans="1:26" x14ac:dyDescent="0.35">
      <c r="A31" s="11"/>
      <c r="B31" s="11"/>
      <c r="C31" s="11"/>
      <c r="D31" s="11"/>
      <c r="E31" s="11"/>
      <c r="F31" s="11"/>
      <c r="G31" s="11"/>
      <c r="H31" s="11"/>
      <c r="I31" s="1"/>
      <c r="J31" s="1"/>
      <c r="K31" s="1"/>
      <c r="L31" s="1"/>
      <c r="M31" s="1"/>
      <c r="N31" s="1"/>
      <c r="P31" s="5"/>
      <c r="Q31" s="3"/>
      <c r="R31" s="3"/>
      <c r="S31" s="3"/>
      <c r="T31" s="3"/>
      <c r="U31" s="3"/>
      <c r="V31" s="3"/>
    </row>
    <row r="32" spans="1:26" x14ac:dyDescent="0.35">
      <c r="A32" s="1" t="s">
        <v>1</v>
      </c>
      <c r="B32" s="1"/>
      <c r="C32" s="1"/>
      <c r="D32" s="1"/>
      <c r="E32" s="1"/>
      <c r="F32" s="1"/>
      <c r="G32" s="1"/>
      <c r="H32" s="1"/>
      <c r="I32" s="1"/>
      <c r="J32" s="1"/>
      <c r="K32" s="1"/>
      <c r="L32" s="1"/>
      <c r="M32" s="1"/>
      <c r="N32" s="1"/>
      <c r="P32" s="5"/>
      <c r="Q32" s="3"/>
      <c r="R32" s="3"/>
      <c r="S32" s="3"/>
      <c r="T32" s="3"/>
      <c r="U32" s="3"/>
      <c r="V32" s="3"/>
    </row>
    <row r="33" spans="1:28" x14ac:dyDescent="0.35">
      <c r="V33" s="7"/>
      <c r="W33" s="2"/>
      <c r="X33" s="3"/>
      <c r="Y33" s="3"/>
      <c r="Z33" s="3"/>
      <c r="AA33" s="3"/>
      <c r="AB33" s="3"/>
    </row>
    <row r="34" spans="1:28" x14ac:dyDescent="0.35">
      <c r="A34" t="s">
        <v>2</v>
      </c>
      <c r="V34" s="7"/>
      <c r="W34" s="2"/>
      <c r="X34" s="3"/>
      <c r="Y34" s="3"/>
      <c r="Z34" s="3"/>
      <c r="AA34" s="3"/>
      <c r="AB34" s="3"/>
    </row>
    <row r="35" spans="1:28" x14ac:dyDescent="0.35">
      <c r="A35" t="s">
        <v>3</v>
      </c>
      <c r="B35">
        <v>2017</v>
      </c>
      <c r="C35">
        <v>2018</v>
      </c>
      <c r="D35">
        <v>2019</v>
      </c>
      <c r="E35" t="s">
        <v>22</v>
      </c>
      <c r="V35" s="7"/>
      <c r="W35" s="2"/>
      <c r="X35" s="3"/>
      <c r="Y35" s="3"/>
      <c r="Z35" s="3"/>
      <c r="AA35" s="3"/>
      <c r="AB35" s="3"/>
    </row>
    <row r="36" spans="1:28" x14ac:dyDescent="0.35">
      <c r="A36" t="s">
        <v>4</v>
      </c>
      <c r="B36" s="8">
        <v>4.915</v>
      </c>
      <c r="C36" s="8">
        <v>5.29</v>
      </c>
      <c r="D36" s="8">
        <v>0.8</v>
      </c>
      <c r="E36" s="8">
        <v>1.5751651225600001</v>
      </c>
      <c r="V36" s="2"/>
      <c r="W36" s="2"/>
    </row>
    <row r="37" spans="1:28" x14ac:dyDescent="0.35">
      <c r="A37" t="s">
        <v>5</v>
      </c>
      <c r="B37" s="8">
        <v>3.7879999999999998</v>
      </c>
      <c r="C37" s="8">
        <v>3.7429999999999999</v>
      </c>
      <c r="D37">
        <v>3.9180000000000001</v>
      </c>
      <c r="E37" s="8">
        <v>5.4795324627400008</v>
      </c>
      <c r="V37" s="2"/>
      <c r="W37" s="2"/>
    </row>
    <row r="38" spans="1:28" x14ac:dyDescent="0.35">
      <c r="A38" t="s">
        <v>6</v>
      </c>
      <c r="B38" s="8">
        <v>4.952</v>
      </c>
      <c r="C38" s="8">
        <v>4.9169999999999998</v>
      </c>
      <c r="D38" s="8">
        <v>3.3</v>
      </c>
      <c r="E38" s="8">
        <v>0.98826095648000012</v>
      </c>
      <c r="V38" s="2"/>
      <c r="W38" s="2"/>
    </row>
    <row r="39" spans="1:28" x14ac:dyDescent="0.35">
      <c r="A39" t="s">
        <v>7</v>
      </c>
      <c r="B39" s="8">
        <v>0.35199999999999998</v>
      </c>
      <c r="C39" s="8">
        <v>0.77700000000000002</v>
      </c>
      <c r="D39" s="8">
        <v>2.8</v>
      </c>
      <c r="E39" s="8">
        <v>3.2352199870599998</v>
      </c>
      <c r="V39" s="2"/>
      <c r="W39" s="2"/>
    </row>
    <row r="40" spans="1:28" x14ac:dyDescent="0.35">
      <c r="A40" t="s">
        <v>8</v>
      </c>
      <c r="B40" s="8">
        <v>2.1469999999999998</v>
      </c>
      <c r="C40" s="8">
        <v>3.081</v>
      </c>
      <c r="D40" s="8">
        <v>3.8711136312974794</v>
      </c>
      <c r="E40" s="8">
        <v>4.4006010123800001</v>
      </c>
      <c r="V40" s="2"/>
      <c r="W40" s="2"/>
    </row>
    <row r="41" spans="1:28" x14ac:dyDescent="0.35">
      <c r="A41" t="s">
        <v>9</v>
      </c>
      <c r="B41" s="8">
        <v>3.2650000000000001</v>
      </c>
      <c r="C41" s="8">
        <v>3.952</v>
      </c>
      <c r="D41" s="8">
        <v>4.2466173367103677</v>
      </c>
      <c r="E41" s="8">
        <v>4.2763590815599999</v>
      </c>
      <c r="V41" s="2"/>
      <c r="W41" s="2"/>
    </row>
    <row r="42" spans="1:28" x14ac:dyDescent="0.35">
      <c r="A42" t="s">
        <v>10</v>
      </c>
      <c r="B42" s="8">
        <v>0.16600000000000001</v>
      </c>
      <c r="C42" s="8">
        <v>1.3540000000000001</v>
      </c>
      <c r="D42" s="8">
        <v>-1.262</v>
      </c>
      <c r="E42" s="8">
        <v>3.5892048195799999</v>
      </c>
      <c r="V42" s="2"/>
      <c r="W42" s="2"/>
    </row>
    <row r="43" spans="1:28" x14ac:dyDescent="0.35">
      <c r="A43" t="s">
        <v>11</v>
      </c>
      <c r="B43" s="8">
        <v>0.47</v>
      </c>
      <c r="C43" s="8">
        <v>1.3720000000000001</v>
      </c>
      <c r="D43" s="8">
        <v>0</v>
      </c>
      <c r="E43" s="8">
        <v>0.98566059888000002</v>
      </c>
      <c r="V43" s="2"/>
      <c r="W43" s="2"/>
    </row>
    <row r="44" spans="1:28" x14ac:dyDescent="0.35">
      <c r="A44" t="s">
        <v>12</v>
      </c>
      <c r="B44" s="8">
        <v>1.738</v>
      </c>
      <c r="C44" s="8">
        <v>1.8</v>
      </c>
      <c r="D44" s="8">
        <v>1.3</v>
      </c>
      <c r="E44" s="8">
        <v>2.8576237730599998</v>
      </c>
      <c r="V44" s="2"/>
      <c r="W44" s="2"/>
    </row>
    <row r="45" spans="1:28" x14ac:dyDescent="0.35">
      <c r="A45" t="s">
        <v>13</v>
      </c>
      <c r="B45" s="8">
        <v>7.9329999999999998</v>
      </c>
      <c r="C45" s="8">
        <v>7.7880000000000003</v>
      </c>
      <c r="D45" s="8">
        <v>5.2402067041113281</v>
      </c>
      <c r="E45" s="8">
        <v>7.7747243232199992</v>
      </c>
    </row>
    <row r="46" spans="1:28" x14ac:dyDescent="0.35">
      <c r="A46" t="s">
        <v>14</v>
      </c>
      <c r="B46" s="8">
        <v>1.2450000000000001</v>
      </c>
      <c r="C46" s="8">
        <v>1.595</v>
      </c>
      <c r="D46" s="8">
        <v>1.529448161724644</v>
      </c>
      <c r="E46" s="8">
        <v>3.5920481916999996</v>
      </c>
    </row>
    <row r="47" spans="1:28" x14ac:dyDescent="0.35">
      <c r="A47" t="s">
        <v>15</v>
      </c>
      <c r="B47" s="8">
        <v>-3.0920000000000001</v>
      </c>
      <c r="C47" s="8">
        <v>-0.52600000000000002</v>
      </c>
      <c r="D47" s="8">
        <v>1.1000000000000001</v>
      </c>
      <c r="E47" s="8">
        <v>1.1656359550799997</v>
      </c>
    </row>
    <row r="48" spans="1:28" x14ac:dyDescent="0.35">
      <c r="A48" t="s">
        <v>16</v>
      </c>
      <c r="B48" s="8">
        <v>-4.9779999999999998</v>
      </c>
      <c r="C48" s="8">
        <v>-7.1369999999999996</v>
      </c>
      <c r="D48">
        <v>-2.36</v>
      </c>
      <c r="E48" s="8">
        <v>-0.68318991835999987</v>
      </c>
    </row>
    <row r="49" spans="1:5" x14ac:dyDescent="0.35">
      <c r="A49" t="s">
        <v>17</v>
      </c>
      <c r="B49" s="8">
        <v>-0.78100000000000003</v>
      </c>
      <c r="C49" s="8">
        <v>0.626</v>
      </c>
      <c r="D49" s="8">
        <v>-0.74</v>
      </c>
      <c r="E49" s="8">
        <v>0.40894077358000008</v>
      </c>
    </row>
    <row r="50" spans="1:5" x14ac:dyDescent="0.35">
      <c r="A50" t="s">
        <v>18</v>
      </c>
      <c r="B50" s="8">
        <v>-6.0529999999999999</v>
      </c>
      <c r="C50" s="8">
        <v>-6.3979999999999997</v>
      </c>
      <c r="D50" s="8">
        <v>-5</v>
      </c>
      <c r="E50" s="8">
        <v>0.24714952265999995</v>
      </c>
    </row>
    <row r="52" spans="1:5" x14ac:dyDescent="0.35">
      <c r="A52" t="s">
        <v>19</v>
      </c>
    </row>
    <row r="53" spans="1:5" x14ac:dyDescent="0.35">
      <c r="B53" s="9" t="s">
        <v>20</v>
      </c>
      <c r="C53" s="9" t="s">
        <v>21</v>
      </c>
    </row>
    <row r="54" spans="1:5" x14ac:dyDescent="0.35">
      <c r="A54" s="10">
        <v>43280</v>
      </c>
      <c r="B54" s="9">
        <v>13.68</v>
      </c>
      <c r="C54" s="9">
        <v>528</v>
      </c>
    </row>
    <row r="55" spans="1:5" x14ac:dyDescent="0.35">
      <c r="A55" s="10">
        <v>43312</v>
      </c>
      <c r="B55" s="9">
        <v>13.15</v>
      </c>
      <c r="C55" s="9">
        <v>518</v>
      </c>
    </row>
    <row r="56" spans="1:5" x14ac:dyDescent="0.35">
      <c r="A56" s="10">
        <v>43343</v>
      </c>
      <c r="B56" s="9">
        <v>12.55</v>
      </c>
      <c r="C56" s="9">
        <v>547</v>
      </c>
    </row>
    <row r="57" spans="1:5" x14ac:dyDescent="0.35">
      <c r="A57" s="10">
        <v>43371</v>
      </c>
      <c r="B57" s="9">
        <v>12.91</v>
      </c>
      <c r="C57" s="9">
        <v>553</v>
      </c>
    </row>
    <row r="58" spans="1:5" x14ac:dyDescent="0.35">
      <c r="A58" s="10">
        <v>43404</v>
      </c>
      <c r="B58" s="9">
        <v>19.350000000000001</v>
      </c>
      <c r="C58" s="9">
        <v>542</v>
      </c>
    </row>
    <row r="59" spans="1:5" x14ac:dyDescent="0.35">
      <c r="A59" s="10">
        <v>43434</v>
      </c>
      <c r="B59" s="9">
        <v>19.39</v>
      </c>
      <c r="C59" s="9">
        <v>562</v>
      </c>
    </row>
    <row r="60" spans="1:5" x14ac:dyDescent="0.35">
      <c r="A60" s="10">
        <v>43465</v>
      </c>
      <c r="B60" s="9">
        <v>24.95</v>
      </c>
      <c r="C60" s="9">
        <v>588</v>
      </c>
    </row>
    <row r="61" spans="1:5" x14ac:dyDescent="0.35">
      <c r="A61" s="10">
        <v>43496</v>
      </c>
      <c r="B61" s="9">
        <v>19.57</v>
      </c>
      <c r="C61" s="9">
        <v>551</v>
      </c>
    </row>
    <row r="62" spans="1:5" x14ac:dyDescent="0.35">
      <c r="A62" s="10">
        <v>43524</v>
      </c>
      <c r="B62" s="9">
        <v>15.23</v>
      </c>
      <c r="C62" s="9">
        <v>526</v>
      </c>
    </row>
    <row r="63" spans="1:5" x14ac:dyDescent="0.35">
      <c r="A63" s="10">
        <v>43553</v>
      </c>
      <c r="B63" s="9">
        <v>14.49</v>
      </c>
      <c r="C63" s="9">
        <v>539</v>
      </c>
    </row>
    <row r="64" spans="1:5" x14ac:dyDescent="0.35">
      <c r="A64" s="10">
        <v>43585</v>
      </c>
      <c r="B64" s="9">
        <v>12.95</v>
      </c>
      <c r="C64" s="9">
        <v>550</v>
      </c>
    </row>
    <row r="65" spans="1:3" x14ac:dyDescent="0.35">
      <c r="A65" s="10">
        <v>43616</v>
      </c>
      <c r="B65" s="9">
        <v>16.72</v>
      </c>
      <c r="C65" s="9">
        <v>575</v>
      </c>
    </row>
    <row r="66" spans="1:3" x14ac:dyDescent="0.35">
      <c r="A66" s="10">
        <v>43644</v>
      </c>
      <c r="B66" s="9">
        <v>15.84</v>
      </c>
      <c r="C66" s="9">
        <v>560</v>
      </c>
    </row>
    <row r="67" spans="1:3" x14ac:dyDescent="0.35">
      <c r="A67" s="10">
        <v>43677</v>
      </c>
      <c r="B67" s="9">
        <v>13.31</v>
      </c>
      <c r="C67" s="9">
        <v>558</v>
      </c>
    </row>
    <row r="68" spans="1:3" x14ac:dyDescent="0.35">
      <c r="A68" s="10">
        <v>43707</v>
      </c>
      <c r="B68" s="9">
        <v>18.98</v>
      </c>
      <c r="C68" s="9">
        <v>615</v>
      </c>
    </row>
    <row r="69" spans="1:3" x14ac:dyDescent="0.35">
      <c r="A69" s="10">
        <v>43738</v>
      </c>
      <c r="B69" s="9">
        <v>15.56</v>
      </c>
      <c r="C69" s="9">
        <v>607</v>
      </c>
    </row>
    <row r="70" spans="1:3" x14ac:dyDescent="0.35">
      <c r="A70" s="10">
        <v>43769</v>
      </c>
      <c r="B70" s="9">
        <v>15.47</v>
      </c>
      <c r="C70" s="9">
        <v>556</v>
      </c>
    </row>
    <row r="71" spans="1:3" x14ac:dyDescent="0.35">
      <c r="A71" s="10">
        <v>43798</v>
      </c>
      <c r="B71" s="9">
        <v>12.52</v>
      </c>
      <c r="C71" s="9">
        <v>509</v>
      </c>
    </row>
    <row r="72" spans="1:3" x14ac:dyDescent="0.35">
      <c r="A72" s="10">
        <v>43830</v>
      </c>
      <c r="B72" s="9">
        <v>13.76</v>
      </c>
      <c r="C72" s="9">
        <v>428</v>
      </c>
    </row>
    <row r="73" spans="1:3" x14ac:dyDescent="0.35">
      <c r="A73" s="10">
        <v>43861</v>
      </c>
      <c r="B73" s="9">
        <v>13.94</v>
      </c>
      <c r="C73" s="9">
        <v>417</v>
      </c>
    </row>
    <row r="74" spans="1:3" x14ac:dyDescent="0.35">
      <c r="A74" s="10">
        <v>43889</v>
      </c>
      <c r="B74" s="9">
        <v>19.63</v>
      </c>
      <c r="C74" s="9">
        <v>421</v>
      </c>
    </row>
    <row r="75" spans="1:3" x14ac:dyDescent="0.35">
      <c r="A75" s="10">
        <v>43921</v>
      </c>
      <c r="B75" s="9">
        <v>57.74</v>
      </c>
      <c r="C75" s="9">
        <v>625</v>
      </c>
    </row>
    <row r="76" spans="1:3" x14ac:dyDescent="0.35">
      <c r="A76" s="10">
        <v>43951</v>
      </c>
      <c r="B76" s="9">
        <v>41.45</v>
      </c>
      <c r="C76" s="9">
        <v>709</v>
      </c>
    </row>
    <row r="77" spans="1:3" x14ac:dyDescent="0.35">
      <c r="A77" s="10">
        <v>43980</v>
      </c>
      <c r="B77" s="9">
        <v>30.9</v>
      </c>
      <c r="C77" s="9">
        <v>628</v>
      </c>
    </row>
    <row r="78" spans="1:3" x14ac:dyDescent="0.35">
      <c r="A78" s="10">
        <v>44012</v>
      </c>
      <c r="B78" s="9">
        <v>31.12</v>
      </c>
      <c r="C78" s="9">
        <v>548</v>
      </c>
    </row>
    <row r="79" spans="1:3" x14ac:dyDescent="0.35">
      <c r="A79" s="10">
        <v>44043</v>
      </c>
      <c r="B79" s="9">
        <v>26.84</v>
      </c>
      <c r="C79" s="9">
        <v>524</v>
      </c>
    </row>
  </sheetData>
  <hyperlinks>
    <hyperlink ref="A1" r:id="rId1" display="https://doi.org/10.1787/e6e864fb-en"/>
    <hyperlink ref="A4" r:id="rId2"/>
  </hyperlinks>
  <pageMargins left="0.7" right="0.7" top="0.75" bottom="0.75" header="0.3" footer="0.3"/>
  <pageSetup orientation="portrait" r:id="rId3"/>
  <customProperties>
    <customPr name="CycleColor" r:id="rId4"/>
    <customPr name="DashStyle" r:id="rId5"/>
    <customPr name="GraphSizeIndex" r:id="rId6"/>
    <customPr name="GraphSizeName" r:id="rId7"/>
    <customPr name="PageSizeIndex" r:id="rId8"/>
    <customPr name="PageSizeName" r:id="rId9"/>
    <customPr name="PaletteIndex" r:id="rId10"/>
    <customPr name="PaletteName" r:id="rId11"/>
    <customPr name="PanelLayoutIndex" r:id="rId12"/>
    <customPr name="PanelLayoutName" r:id="rId13"/>
    <customPr name="SinglePanel" r:id="rId14"/>
    <customPr name="StartColorIndex" r:id="rId15"/>
    <customPr name="StartColorName" r:id="rId16"/>
    <customPr name="StyleTemplateIndex" r:id="rId17"/>
    <customPr name="StyleTemplateName" r:id="rId18"/>
  </customProperties>
  <drawing r:id="rId1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Figure 1.5</vt:lpstr>
    </vt:vector>
  </TitlesOfParts>
  <Company>OEC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ECD</dc:creator>
  <cp:lastModifiedBy>ELICES-REJON Marc</cp:lastModifiedBy>
  <cp:lastPrinted>2020-09-03T10:48:23Z</cp:lastPrinted>
  <dcterms:created xsi:type="dcterms:W3CDTF">2020-09-01T10:23:55Z</dcterms:created>
  <dcterms:modified xsi:type="dcterms:W3CDTF">2020-09-09T07:28:30Z</dcterms:modified>
</cp:coreProperties>
</file>